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025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dukeenergy.sharepoint.com/sites/2024DEKERC/202400xxx 2024 DEK Electric Rate Case/Discovery/STAFF 1st Set of Data Requests (55)/"/>
    </mc:Choice>
  </mc:AlternateContent>
  <xr:revisionPtr revIDLastSave="0" documentId="13_ncr:1_{E67185BD-FD4B-4CE1-ABEB-6369FC0E1AD8}" xr6:coauthVersionLast="47" xr6:coauthVersionMax="47" xr10:uidLastSave="{00000000-0000-0000-0000-000000000000}"/>
  <bookViews>
    <workbookView xWindow="-108" yWindow="-108" windowWidth="23256" windowHeight="13896" xr2:uid="{9ACECE56-948C-48AA-9AFB-D597925FD126}"/>
  </bookViews>
  <sheets>
    <sheet name="9(a) Response Pt 1" sheetId="7" r:id="rId1"/>
    <sheet name="9(a) Response Pt 2" sheetId="3" r:id="rId2"/>
    <sheet name="9(b) Response" sheetId="6" r:id="rId3"/>
  </sheets>
  <externalReferences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</externalReferences>
  <definedNames>
    <definedName name="_1_">#REF!</definedName>
    <definedName name="_xlnm._FilterDatabase" localSheetId="1" hidden="1">'9(a) Response Pt 2'!$C$4:$O$263</definedName>
    <definedName name="a">#REF!</definedName>
    <definedName name="aaaa">'[1]YTD ACTUALS by Month and State'!#REF!</definedName>
    <definedName name="AccountClass">'[2]Data Dump'!$C:$C</definedName>
    <definedName name="ActualMonths">#REF!</definedName>
    <definedName name="allcomments">#REF!</definedName>
    <definedName name="AnnBud">OFFSET([3]Paste!$G$4,0,0,COUNTA([3]Paste!$A:$A)-3)</definedName>
    <definedName name="AnnualBudget">'[2]Data Dump'!$P:$P</definedName>
    <definedName name="AnnualHours">2000</definedName>
    <definedName name="AREA">#REF!</definedName>
    <definedName name="AS2DocOpenMode" hidden="1">"AS2DocumentEdit"</definedName>
    <definedName name="AS2NamedRange" hidden="1">7</definedName>
    <definedName name="asbuilt">[4]Summary!$L:$M</definedName>
    <definedName name="AvailableHours">#REF!</definedName>
    <definedName name="b">#REF!</definedName>
    <definedName name="Betsyhdct">'[5]compare hdcts'!$C:$D</definedName>
    <definedName name="BOBudgetData">'[6]BO Budget Data'!$C$4:$P$23</definedName>
    <definedName name="BOData">'[6]BO Data Dump'!$E$4:$S$23</definedName>
    <definedName name="BusinessUnit">#REF!</definedName>
    <definedName name="BUSUNIT">'[7]Actual Data'!$F:$F</definedName>
    <definedName name="Cap_Programs">OFFSET('[8]Lookups-Base Program'!$I$1,1,0,COUNTA('[8]Lookups-Base Program'!$I:$I)-1,2)</definedName>
    <definedName name="Capital">'[1]YTD ACTUALS by Month and State'!#REF!</definedName>
    <definedName name="CapitalFlashSummaryCategory">'[9]Data Dump'!$D:$D</definedName>
    <definedName name="Category">[10]EquipmentCategories!$A$3:$A$45</definedName>
    <definedName name="Category1">[11]EquipmentCategories!$A$3:$A$45</definedName>
    <definedName name="ccurr">#REF!</definedName>
    <definedName name="Chargeby">#REF!</definedName>
    <definedName name="CIR_Programs">'[8]Lookups-Base Program'!$F$34:$G$54</definedName>
    <definedName name="CIRRDol">'[6]YTD Selection'!$K$18</definedName>
    <definedName name="CIRRUnit">'[6]YTD Selection'!$L$18</definedName>
    <definedName name="CompanyCode">'[2]Data Dump'!$B:$B</definedName>
    <definedName name="CompanyHRsTotal">CompanyOHHrs+CompanySVHrs+CompanyUGHrs</definedName>
    <definedName name="CompanyOHHrs">SUMIF(#REF!,"Company",#REF!)</definedName>
    <definedName name="CompanySVHrs">SUMIF(#REF!,"Company",#REF!)</definedName>
    <definedName name="CompanyUGHrs">SUMIF(#REF!,"Company",#REF!)</definedName>
    <definedName name="ContractorUGHrs">SUMIF(#REF!,"Contractor",#REF!)</definedName>
    <definedName name="CostCat">[12]Lookup!$B$2:$B$10</definedName>
    <definedName name="CostPool">#REF!</definedName>
    <definedName name="data">[13]Link!$A$1:$Q$7439</definedName>
    <definedName name="Dept">OFFSET([3]Paste!$A$4,0,0,COUNTA([3]Paste!$A:$A)-3)</definedName>
    <definedName name="details">[14]Details!#REF!</definedName>
    <definedName name="Diamond">'[15]2011 MP Dashboard'!$C$49</definedName>
    <definedName name="Dist">#REF!</definedName>
    <definedName name="Divisor">'[16]5-2012 vs 2013 by CostDrvr-PEC'!$R$1</definedName>
    <definedName name="Dot">'[15]2011 MP Dashboard'!$C$50</definedName>
    <definedName name="EDCProcDetail">OFFSET([3]Paste!$C$4,0,0,COUNTA([3]Paste!$A:$A)-3)</definedName>
    <definedName name="escalation_rate_labor">[13]Link!$C$33</definedName>
    <definedName name="f">#REF!</definedName>
    <definedName name="FEB">#REF!</definedName>
    <definedName name="FKRL">#REF!</definedName>
    <definedName name="Flash_Capital_Grouping">'[2]Data Dump'!$I:$I</definedName>
    <definedName name="Flash_Category">'[2]Data Dump'!$D:$D</definedName>
    <definedName name="Flash_Cost_Driver_Grouping">'[2]Data Dump'!$G:$G</definedName>
    <definedName name="Flash_Process_Driver">'[2]Data Dump'!$E:$E</definedName>
    <definedName name="Flash_Process_Driver_Grouping">'[2]Data Dump'!$H:$H</definedName>
    <definedName name="Geo">[17]Lookups!$E$3:$G$13</definedName>
    <definedName name="Home">#REF!</definedName>
    <definedName name="INPROJ">[7]IN!$A:$A</definedName>
    <definedName name="INRedPer">'[1]YTD ACTUALS by Month and State'!#REF!</definedName>
    <definedName name="INSERedPer">'[1]YTD ACTUALS by Month and State'!#REF!</definedName>
    <definedName name="INUNIT">[7]IN!$T:$T</definedName>
    <definedName name="inzones">#REF!</definedName>
    <definedName name="JAN">#REF!</definedName>
    <definedName name="JobType_Programs">OFFSET('[8]Lookups-Base Program'!$A$1,1,0,COUNTA('[8]Lookups-Base Program'!$A:$A)-1,3)</definedName>
    <definedName name="KYPROJ">[7]KY!$A:$A</definedName>
    <definedName name="KYRedPer">'[1]YTD ACTUALS by Month and State'!#REF!</definedName>
    <definedName name="KYTARGET">[7]KY!$D:$D</definedName>
    <definedName name="KYUNIT">[7]KY!$T:$T</definedName>
    <definedName name="LightRRDol">'[6]YTD Selection'!$I$18</definedName>
    <definedName name="LightRRUnit">'[6]YTD Selection'!$J$18</definedName>
    <definedName name="LocationRange">[18]ProgramList!$E$1:$E$27</definedName>
    <definedName name="LookupLvl4Owner">'[19]Danforth-Lookup for Unit Report'!$A$77:$B$131</definedName>
    <definedName name="LookupMgr">'[19]Danforth-Lookup for Unit Report'!$O$1:$P$12</definedName>
    <definedName name="LookupRegion">'[19]Danforth-Lookup for Unit Report'!$L$1:$M$101</definedName>
    <definedName name="LookupSubstation">'[19]Danforth-Lookup for Unit Report'!$S$1:$T$377</definedName>
    <definedName name="LookupSubWhiteLine">'[19]Danforth-Lookup for Unit Report'!$I$1:$J$148</definedName>
    <definedName name="LookupWhiteLine">'[19]Danforth-Lookup for Unit Report'!$A$1:$D$63</definedName>
    <definedName name="LookupWTST">'[20]WT-ST LOOKUP - 010710'!$A$1:$M$864</definedName>
    <definedName name="Major_Project">'[21]PEC MP Report (Jan2010)'!$J:$J</definedName>
    <definedName name="MajorProject">#REF!</definedName>
    <definedName name="MajorProjects11">#REF!</definedName>
    <definedName name="Management">'[22]Explanation - manager name'!$B$38:$B$47</definedName>
    <definedName name="Manager">[17]Lookups!$I$2:$K$69</definedName>
    <definedName name="MAR">#REF!</definedName>
    <definedName name="MenuItem.Caption">"RE2B - Budget Employee Headcount"</definedName>
    <definedName name="month">'[23]4. Group Admin Status'!$V$4</definedName>
    <definedName name="Months">'[22]Explanation - manager name'!$D$38:$D$50</definedName>
    <definedName name="MonthSwitch">MONTH([3]Paste!$A$2)</definedName>
    <definedName name="MonthYear">[2]Instructions!$P$1</definedName>
    <definedName name="MP">#REF!</definedName>
    <definedName name="MP_Annual_Budget">'[21]PEC MP Report (Jan2010)'!$K:$K</definedName>
    <definedName name="MTDActual">'[2]Data Dump'!$K:$K</definedName>
    <definedName name="MTDActual2">#REF!</definedName>
    <definedName name="MTDBudget">#REF!</definedName>
    <definedName name="MTDBudget2">#REF!</definedName>
    <definedName name="MTDTarget">'[24]Data Dump'!$J:$J</definedName>
    <definedName name="MTDVariance">#REF!</definedName>
    <definedName name="MTDVariance2">#REF!</definedName>
    <definedName name="MTDVariancePerc">#REF!</definedName>
    <definedName name="MthNum">'[6]YTD Selection'!$C$18</definedName>
    <definedName name="n">#REF!</definedName>
    <definedName name="ncurr">#REF!</definedName>
    <definedName name="new">#REF!</definedName>
    <definedName name="NewEDCObject">OFFSET([3]Paste!$D$4,0,0,COUNTA([3]Paste!$A:$A)-3)</definedName>
    <definedName name="newone">'[1]YTD ACTUALS by Month and State'!#REF!</definedName>
    <definedName name="north">[13]Link!$A$1:$S$2291</definedName>
    <definedName name="NTARGET">'[7]IN-N'!$D:$D</definedName>
    <definedName name="NUNIT">'[7]IN-N'!$T:$T</definedName>
    <definedName name="ocurr">#REF!</definedName>
    <definedName name="OHPROJ">[7]OH!$A:$A</definedName>
    <definedName name="OHRedPer">'[1]YTD ACTUALS by Month and State'!#REF!</definedName>
    <definedName name="OHTARGET">[7]OH!$D:$D</definedName>
    <definedName name="OHUNIT">[7]OH!$T:$T</definedName>
    <definedName name="old">#REF!</definedName>
    <definedName name="OM_Programs">OFFSET('[8]Lookups-Base Program'!$F$1,1,0,COUNTA('[8]Lookups-Base Program'!$F:$F)-1,2)</definedName>
    <definedName name="OU">'[7]Actual Data'!$AO:$AO</definedName>
    <definedName name="OU5_Rev">'[7]Actual Data'!$AN:$AN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rtial_Year">[13]Link!$C$41</definedName>
    <definedName name="Plant_Section">[25]Lookup!$A$1:$A$30</definedName>
    <definedName name="Pool">#REF!</definedName>
    <definedName name="Print_Area_2">#REF!</definedName>
    <definedName name="Print_Area_3">#REF!</definedName>
    <definedName name="Print_Area_4">#REF!</definedName>
    <definedName name="Print_Area_9">#REF!</definedName>
    <definedName name="_xlnm.Print_Titles" localSheetId="1">'9(a) Response Pt 2'!$B:$C,'9(a) Response Pt 2'!$1:$4</definedName>
    <definedName name="Process5">#REF!</definedName>
    <definedName name="ProgramGrps">[18]ProgramList!$I$1:$I$19</definedName>
    <definedName name="progref">#REF!</definedName>
    <definedName name="projects13">[26]Sheet2!$A:$D</definedName>
    <definedName name="projects14">[26]Sheet2!$F:$I</definedName>
    <definedName name="ProjectTypes">'[27]Data for DropDowns'!$B$5:$B$8</definedName>
    <definedName name="projectyears">[28]reference!$A:$B</definedName>
    <definedName name="ProjID">'[7]Actual Data'!$Z:$Z</definedName>
    <definedName name="q">'[1]YTD ACTUALS by Month and State'!#REF!</definedName>
    <definedName name="ReportMonth">'[2]1 Cover'!$B$1</definedName>
    <definedName name="ResRRDol">'[6]YTD Selection'!$G$18</definedName>
    <definedName name="ResRRUnit">'[6]YTD Selection'!$H$18</definedName>
    <definedName name="Revised">#REF!</definedName>
    <definedName name="RowLU">'[6]BO Data Dump'!$A$5:$B$23</definedName>
    <definedName name="RowRanges.Header">#REF!</definedName>
    <definedName name="Roxboro">#REF!</definedName>
    <definedName name="scurr">#REF!</definedName>
    <definedName name="SETARGET">'[7]IN-SE'!$D:$D</definedName>
    <definedName name="SEUNIT">'[7]IN-SE'!$T:$T</definedName>
    <definedName name="sheets2">#REF!</definedName>
    <definedName name="south">[13]Link!$A$2293:$S$7439</definedName>
    <definedName name="Suehdct">'[5]compare hdcts'!$A:$B</definedName>
    <definedName name="SWTARGET">'[7]IN-SW'!$D:$D</definedName>
    <definedName name="SWUNIT">'[7]IN-SW'!$T:$T</definedName>
    <definedName name="Target2">#REF!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itles">#REF!</definedName>
    <definedName name="Titles1">#REF!</definedName>
    <definedName name="TitlesPOE">#REF!</definedName>
    <definedName name="TitlesPOUND">#REF!</definedName>
    <definedName name="totals">#REF!</definedName>
    <definedName name="Triangle">'[15]2011 MP Dashboard'!$C$45</definedName>
    <definedName name="User.Language">"en-US"</definedName>
    <definedName name="User.Name">"i42833"</definedName>
    <definedName name="User.Session">"xyrrmx55wpufl555puoa2cnq"</definedName>
    <definedName name="VM_Programs">'[8]Lookups-VM Program'!$A$2:$B$13</definedName>
    <definedName name="VPres">[17]Lookups!$I$2:$K$69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STETSON.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x">'[19]Danforth-Lookup for Unit Report'!$O$1:$P$12</definedName>
    <definedName name="year">'[29]1.0 General'!$C$31</definedName>
    <definedName name="year2">#REF!</definedName>
    <definedName name="YEProj">OFFSET([3]Paste!$H$4,0,0,COUNTA([3]Paste!$A:$A)-3)</definedName>
    <definedName name="YEProjection">'[2]Data Dump'!$R:$R</definedName>
    <definedName name="YEProjection2">#REF!</definedName>
    <definedName name="Yes.No">[12]Lookup!$H$2:$H$4</definedName>
    <definedName name="YETarget">'[2]Data Dump'!$Q:$Q</definedName>
    <definedName name="YEVariance">'[2]Data Dump'!$S:$S</definedName>
    <definedName name="YEVariance2">#REF!</definedName>
    <definedName name="YEVariancePerc">#REF!</definedName>
    <definedName name="YTDAct">OFFSET([3]Paste!$E$4,0,0,COUNTA([3]Paste!$A:$A)-3)</definedName>
    <definedName name="YTDActual">'[2]Data Dump'!$N:$N</definedName>
    <definedName name="YTDActual2">#REF!</definedName>
    <definedName name="YTDBud">OFFSET([3]Paste!$F$4,0,0,COUNTA([3]Paste!$A:$A)-3)</definedName>
    <definedName name="YTDBudget">#REF!</definedName>
    <definedName name="YTDBudget2">#REF!</definedName>
    <definedName name="YTDTarget">'[2]Data Dump'!$M:$M</definedName>
    <definedName name="YTDTot">'[6]YTD Selection'!$B$21</definedName>
    <definedName name="YTDVariance">'[2]Data Dump'!$O:$O</definedName>
    <definedName name="YTDVariance2">#REF!</definedName>
    <definedName name="YTDVariancePerc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6" i="7" l="1"/>
  <c r="C5" i="7"/>
  <c r="C4" i="7"/>
  <c r="B6" i="7"/>
  <c r="B4" i="7"/>
  <c r="B5" i="7"/>
  <c r="P265" i="3"/>
  <c r="G265" i="3" l="1"/>
  <c r="E264" i="3"/>
  <c r="F264" i="3"/>
  <c r="G264" i="3"/>
  <c r="H264" i="3"/>
  <c r="I264" i="3"/>
  <c r="J264" i="3"/>
  <c r="K264" i="3"/>
  <c r="L264" i="3"/>
  <c r="M264" i="3"/>
  <c r="N264" i="3"/>
  <c r="O264" i="3"/>
  <c r="P264" i="3"/>
  <c r="D264" i="3"/>
  <c r="E56" i="3"/>
  <c r="F56" i="3"/>
  <c r="H56" i="3"/>
  <c r="I56" i="3"/>
  <c r="J56" i="3"/>
  <c r="K56" i="3"/>
  <c r="L56" i="3"/>
  <c r="M56" i="3"/>
  <c r="N56" i="3"/>
  <c r="O56" i="3"/>
  <c r="D56" i="3"/>
  <c r="H13" i="3"/>
  <c r="I13" i="3"/>
  <c r="J13" i="3"/>
  <c r="K13" i="3"/>
  <c r="L13" i="3"/>
  <c r="M13" i="3"/>
  <c r="N13" i="3"/>
  <c r="O13" i="3"/>
  <c r="E13" i="3"/>
  <c r="F13" i="3"/>
  <c r="D13" i="3"/>
  <c r="C3" i="7"/>
  <c r="C2" i="7"/>
  <c r="B3" i="7" l="1"/>
  <c r="C5" i="6" l="1"/>
  <c r="B5" i="6"/>
  <c r="P6" i="3" l="1"/>
  <c r="P7" i="3"/>
  <c r="P8" i="3"/>
  <c r="P9" i="3"/>
  <c r="P10" i="3"/>
  <c r="P11" i="3"/>
  <c r="P12" i="3"/>
  <c r="P14" i="3"/>
  <c r="P15" i="3"/>
  <c r="P16" i="3"/>
  <c r="P17" i="3"/>
  <c r="P18" i="3"/>
  <c r="P19" i="3"/>
  <c r="P20" i="3"/>
  <c r="P21" i="3"/>
  <c r="P22" i="3"/>
  <c r="P23" i="3"/>
  <c r="P24" i="3"/>
  <c r="P25" i="3"/>
  <c r="P26" i="3"/>
  <c r="P27" i="3"/>
  <c r="P28" i="3"/>
  <c r="P29" i="3"/>
  <c r="P30" i="3"/>
  <c r="P31" i="3"/>
  <c r="P32" i="3"/>
  <c r="P33" i="3"/>
  <c r="P34" i="3"/>
  <c r="P35" i="3"/>
  <c r="P36" i="3"/>
  <c r="P37" i="3"/>
  <c r="P38" i="3"/>
  <c r="P39" i="3"/>
  <c r="P40" i="3"/>
  <c r="P41" i="3"/>
  <c r="P42" i="3"/>
  <c r="P43" i="3"/>
  <c r="P44" i="3"/>
  <c r="P45" i="3"/>
  <c r="P46" i="3"/>
  <c r="P47" i="3"/>
  <c r="P48" i="3"/>
  <c r="P49" i="3"/>
  <c r="P50" i="3"/>
  <c r="P51" i="3"/>
  <c r="P52" i="3"/>
  <c r="P53" i="3"/>
  <c r="P54" i="3"/>
  <c r="P55" i="3"/>
  <c r="P57" i="3"/>
  <c r="P58" i="3"/>
  <c r="P59" i="3"/>
  <c r="P60" i="3"/>
  <c r="P61" i="3"/>
  <c r="P62" i="3"/>
  <c r="P63" i="3"/>
  <c r="P64" i="3"/>
  <c r="P65" i="3"/>
  <c r="P66" i="3"/>
  <c r="P67" i="3"/>
  <c r="P68" i="3"/>
  <c r="P69" i="3"/>
  <c r="P70" i="3"/>
  <c r="P71" i="3"/>
  <c r="P72" i="3"/>
  <c r="P73" i="3"/>
  <c r="P74" i="3"/>
  <c r="P75" i="3"/>
  <c r="P76" i="3"/>
  <c r="P77" i="3"/>
  <c r="P78" i="3"/>
  <c r="P79" i="3"/>
  <c r="P80" i="3"/>
  <c r="P81" i="3"/>
  <c r="P82" i="3"/>
  <c r="P83" i="3"/>
  <c r="P84" i="3"/>
  <c r="P85" i="3"/>
  <c r="P86" i="3"/>
  <c r="P87" i="3"/>
  <c r="P88" i="3"/>
  <c r="P89" i="3"/>
  <c r="P90" i="3"/>
  <c r="P91" i="3"/>
  <c r="P92" i="3"/>
  <c r="P93" i="3"/>
  <c r="P94" i="3"/>
  <c r="P95" i="3"/>
  <c r="P96" i="3"/>
  <c r="P97" i="3"/>
  <c r="P98" i="3"/>
  <c r="P99" i="3"/>
  <c r="P100" i="3"/>
  <c r="P101" i="3"/>
  <c r="P102" i="3"/>
  <c r="P103" i="3"/>
  <c r="P104" i="3"/>
  <c r="P105" i="3"/>
  <c r="P106" i="3"/>
  <c r="P107" i="3"/>
  <c r="P108" i="3"/>
  <c r="P109" i="3"/>
  <c r="P110" i="3"/>
  <c r="P111" i="3"/>
  <c r="P112" i="3"/>
  <c r="P113" i="3"/>
  <c r="P114" i="3"/>
  <c r="P115" i="3"/>
  <c r="P116" i="3"/>
  <c r="P117" i="3"/>
  <c r="P118" i="3"/>
  <c r="P119" i="3"/>
  <c r="P120" i="3"/>
  <c r="P121" i="3"/>
  <c r="P122" i="3"/>
  <c r="P123" i="3"/>
  <c r="P124" i="3"/>
  <c r="P125" i="3"/>
  <c r="P126" i="3"/>
  <c r="P127" i="3"/>
  <c r="P128" i="3"/>
  <c r="P129" i="3"/>
  <c r="P130" i="3"/>
  <c r="P131" i="3"/>
  <c r="P132" i="3"/>
  <c r="P133" i="3"/>
  <c r="P134" i="3"/>
  <c r="P135" i="3"/>
  <c r="P136" i="3"/>
  <c r="P137" i="3"/>
  <c r="P138" i="3"/>
  <c r="P139" i="3"/>
  <c r="P140" i="3"/>
  <c r="P141" i="3"/>
  <c r="P142" i="3"/>
  <c r="P143" i="3"/>
  <c r="P144" i="3"/>
  <c r="P145" i="3"/>
  <c r="P146" i="3"/>
  <c r="P147" i="3"/>
  <c r="P148" i="3"/>
  <c r="P149" i="3"/>
  <c r="P150" i="3"/>
  <c r="P151" i="3"/>
  <c r="P152" i="3"/>
  <c r="P153" i="3"/>
  <c r="P154" i="3"/>
  <c r="P155" i="3"/>
  <c r="P156" i="3"/>
  <c r="P157" i="3"/>
  <c r="P158" i="3"/>
  <c r="P159" i="3"/>
  <c r="P160" i="3"/>
  <c r="P161" i="3"/>
  <c r="P162" i="3"/>
  <c r="P163" i="3"/>
  <c r="P164" i="3"/>
  <c r="P165" i="3"/>
  <c r="P166" i="3"/>
  <c r="P167" i="3"/>
  <c r="P168" i="3"/>
  <c r="P169" i="3"/>
  <c r="P170" i="3"/>
  <c r="P171" i="3"/>
  <c r="P172" i="3"/>
  <c r="P173" i="3"/>
  <c r="P174" i="3"/>
  <c r="P175" i="3"/>
  <c r="P176" i="3"/>
  <c r="P177" i="3"/>
  <c r="P178" i="3"/>
  <c r="P179" i="3"/>
  <c r="P180" i="3"/>
  <c r="P181" i="3"/>
  <c r="P182" i="3"/>
  <c r="P183" i="3"/>
  <c r="P184" i="3"/>
  <c r="P185" i="3"/>
  <c r="P186" i="3"/>
  <c r="P187" i="3"/>
  <c r="P188" i="3"/>
  <c r="P189" i="3"/>
  <c r="P190" i="3"/>
  <c r="P191" i="3"/>
  <c r="P192" i="3"/>
  <c r="P193" i="3"/>
  <c r="P194" i="3"/>
  <c r="P195" i="3"/>
  <c r="P196" i="3"/>
  <c r="P197" i="3"/>
  <c r="P198" i="3"/>
  <c r="P199" i="3"/>
  <c r="P200" i="3"/>
  <c r="P201" i="3"/>
  <c r="P202" i="3"/>
  <c r="P203" i="3"/>
  <c r="P204" i="3"/>
  <c r="P205" i="3"/>
  <c r="P206" i="3"/>
  <c r="P207" i="3"/>
  <c r="P208" i="3"/>
  <c r="P209" i="3"/>
  <c r="P210" i="3"/>
  <c r="P211" i="3"/>
  <c r="P212" i="3"/>
  <c r="P213" i="3"/>
  <c r="P214" i="3"/>
  <c r="P215" i="3"/>
  <c r="P216" i="3"/>
  <c r="P217" i="3"/>
  <c r="P218" i="3"/>
  <c r="P219" i="3"/>
  <c r="P220" i="3"/>
  <c r="P221" i="3"/>
  <c r="P222" i="3"/>
  <c r="P223" i="3"/>
  <c r="P224" i="3"/>
  <c r="P225" i="3"/>
  <c r="P226" i="3"/>
  <c r="P227" i="3"/>
  <c r="P228" i="3"/>
  <c r="P229" i="3"/>
  <c r="P230" i="3"/>
  <c r="P231" i="3"/>
  <c r="P232" i="3"/>
  <c r="P233" i="3"/>
  <c r="P234" i="3"/>
  <c r="P235" i="3"/>
  <c r="P236" i="3"/>
  <c r="P237" i="3"/>
  <c r="P238" i="3"/>
  <c r="P239" i="3"/>
  <c r="P240" i="3"/>
  <c r="P241" i="3"/>
  <c r="P242" i="3"/>
  <c r="P243" i="3"/>
  <c r="P244" i="3"/>
  <c r="P245" i="3"/>
  <c r="P246" i="3"/>
  <c r="P247" i="3"/>
  <c r="P248" i="3"/>
  <c r="P249" i="3"/>
  <c r="P250" i="3"/>
  <c r="P251" i="3"/>
  <c r="P252" i="3"/>
  <c r="P253" i="3"/>
  <c r="P254" i="3"/>
  <c r="P255" i="3"/>
  <c r="P256" i="3"/>
  <c r="P257" i="3"/>
  <c r="P258" i="3"/>
  <c r="P259" i="3"/>
  <c r="P260" i="3"/>
  <c r="P261" i="3"/>
  <c r="P262" i="3"/>
  <c r="P263" i="3"/>
  <c r="P5" i="3"/>
  <c r="G6" i="3"/>
  <c r="G7" i="3"/>
  <c r="G8" i="3"/>
  <c r="G9" i="3"/>
  <c r="G10" i="3"/>
  <c r="G11" i="3"/>
  <c r="G12" i="3"/>
  <c r="G14" i="3"/>
  <c r="G15" i="3"/>
  <c r="G16" i="3"/>
  <c r="G17" i="3"/>
  <c r="G18" i="3"/>
  <c r="G19" i="3"/>
  <c r="G20" i="3"/>
  <c r="G21" i="3"/>
  <c r="G22" i="3"/>
  <c r="G23" i="3"/>
  <c r="G24" i="3"/>
  <c r="G25" i="3"/>
  <c r="G26" i="3"/>
  <c r="G27" i="3"/>
  <c r="G28" i="3"/>
  <c r="G29" i="3"/>
  <c r="G30" i="3"/>
  <c r="G31" i="3"/>
  <c r="G32" i="3"/>
  <c r="G33" i="3"/>
  <c r="G34" i="3"/>
  <c r="G35" i="3"/>
  <c r="G36" i="3"/>
  <c r="G37" i="3"/>
  <c r="G38" i="3"/>
  <c r="G39" i="3"/>
  <c r="G40" i="3"/>
  <c r="G41" i="3"/>
  <c r="G42" i="3"/>
  <c r="G43" i="3"/>
  <c r="G44" i="3"/>
  <c r="G45" i="3"/>
  <c r="G46" i="3"/>
  <c r="G47" i="3"/>
  <c r="G48" i="3"/>
  <c r="G49" i="3"/>
  <c r="G50" i="3"/>
  <c r="G51" i="3"/>
  <c r="G52" i="3"/>
  <c r="G53" i="3"/>
  <c r="G54" i="3"/>
  <c r="G55" i="3"/>
  <c r="G57" i="3"/>
  <c r="G58" i="3"/>
  <c r="G59" i="3"/>
  <c r="G60" i="3"/>
  <c r="G61" i="3"/>
  <c r="G62" i="3"/>
  <c r="G63" i="3"/>
  <c r="G64" i="3"/>
  <c r="G65" i="3"/>
  <c r="G66" i="3"/>
  <c r="G67" i="3"/>
  <c r="G68" i="3"/>
  <c r="G69" i="3"/>
  <c r="G70" i="3"/>
  <c r="G71" i="3"/>
  <c r="G72" i="3"/>
  <c r="G73" i="3"/>
  <c r="G74" i="3"/>
  <c r="G75" i="3"/>
  <c r="G76" i="3"/>
  <c r="G77" i="3"/>
  <c r="G78" i="3"/>
  <c r="G79" i="3"/>
  <c r="G80" i="3"/>
  <c r="G81" i="3"/>
  <c r="G82" i="3"/>
  <c r="G83" i="3"/>
  <c r="G84" i="3"/>
  <c r="G85" i="3"/>
  <c r="G86" i="3"/>
  <c r="G87" i="3"/>
  <c r="G88" i="3"/>
  <c r="G89" i="3"/>
  <c r="G90" i="3"/>
  <c r="G91" i="3"/>
  <c r="G92" i="3"/>
  <c r="G93" i="3"/>
  <c r="G94" i="3"/>
  <c r="G95" i="3"/>
  <c r="G96" i="3"/>
  <c r="G97" i="3"/>
  <c r="G98" i="3"/>
  <c r="G99" i="3"/>
  <c r="G100" i="3"/>
  <c r="G101" i="3"/>
  <c r="G102" i="3"/>
  <c r="G103" i="3"/>
  <c r="G104" i="3"/>
  <c r="G105" i="3"/>
  <c r="G106" i="3"/>
  <c r="G107" i="3"/>
  <c r="G108" i="3"/>
  <c r="G109" i="3"/>
  <c r="G110" i="3"/>
  <c r="G111" i="3"/>
  <c r="G112" i="3"/>
  <c r="G113" i="3"/>
  <c r="G114" i="3"/>
  <c r="G115" i="3"/>
  <c r="G116" i="3"/>
  <c r="G117" i="3"/>
  <c r="G118" i="3"/>
  <c r="G119" i="3"/>
  <c r="G120" i="3"/>
  <c r="G121" i="3"/>
  <c r="G122" i="3"/>
  <c r="G123" i="3"/>
  <c r="G124" i="3"/>
  <c r="G125" i="3"/>
  <c r="G126" i="3"/>
  <c r="G127" i="3"/>
  <c r="G128" i="3"/>
  <c r="G129" i="3"/>
  <c r="G130" i="3"/>
  <c r="G131" i="3"/>
  <c r="G132" i="3"/>
  <c r="G133" i="3"/>
  <c r="G134" i="3"/>
  <c r="G135" i="3"/>
  <c r="G136" i="3"/>
  <c r="G137" i="3"/>
  <c r="G138" i="3"/>
  <c r="G139" i="3"/>
  <c r="G140" i="3"/>
  <c r="G141" i="3"/>
  <c r="G142" i="3"/>
  <c r="G143" i="3"/>
  <c r="G144" i="3"/>
  <c r="G145" i="3"/>
  <c r="G146" i="3"/>
  <c r="G147" i="3"/>
  <c r="G148" i="3"/>
  <c r="G149" i="3"/>
  <c r="G150" i="3"/>
  <c r="G151" i="3"/>
  <c r="G152" i="3"/>
  <c r="G153" i="3"/>
  <c r="G154" i="3"/>
  <c r="G155" i="3"/>
  <c r="G156" i="3"/>
  <c r="G157" i="3"/>
  <c r="G158" i="3"/>
  <c r="G159" i="3"/>
  <c r="G160" i="3"/>
  <c r="G161" i="3"/>
  <c r="G162" i="3"/>
  <c r="G163" i="3"/>
  <c r="G164" i="3"/>
  <c r="G165" i="3"/>
  <c r="G166" i="3"/>
  <c r="G167" i="3"/>
  <c r="G168" i="3"/>
  <c r="G169" i="3"/>
  <c r="G170" i="3"/>
  <c r="G171" i="3"/>
  <c r="G172" i="3"/>
  <c r="G173" i="3"/>
  <c r="G174" i="3"/>
  <c r="G175" i="3"/>
  <c r="G176" i="3"/>
  <c r="G177" i="3"/>
  <c r="G178" i="3"/>
  <c r="G179" i="3"/>
  <c r="G180" i="3"/>
  <c r="G181" i="3"/>
  <c r="G182" i="3"/>
  <c r="G183" i="3"/>
  <c r="G184" i="3"/>
  <c r="G185" i="3"/>
  <c r="G186" i="3"/>
  <c r="G187" i="3"/>
  <c r="G188" i="3"/>
  <c r="G189" i="3"/>
  <c r="G190" i="3"/>
  <c r="G191" i="3"/>
  <c r="G192" i="3"/>
  <c r="G193" i="3"/>
  <c r="G194" i="3"/>
  <c r="G195" i="3"/>
  <c r="G196" i="3"/>
  <c r="G197" i="3"/>
  <c r="G198" i="3"/>
  <c r="G199" i="3"/>
  <c r="G200" i="3"/>
  <c r="G201" i="3"/>
  <c r="G202" i="3"/>
  <c r="G203" i="3"/>
  <c r="G204" i="3"/>
  <c r="G205" i="3"/>
  <c r="G206" i="3"/>
  <c r="G207" i="3"/>
  <c r="G208" i="3"/>
  <c r="G209" i="3"/>
  <c r="G210" i="3"/>
  <c r="G211" i="3"/>
  <c r="G212" i="3"/>
  <c r="G213" i="3"/>
  <c r="G214" i="3"/>
  <c r="G215" i="3"/>
  <c r="G216" i="3"/>
  <c r="G217" i="3"/>
  <c r="G218" i="3"/>
  <c r="G219" i="3"/>
  <c r="G220" i="3"/>
  <c r="G221" i="3"/>
  <c r="G222" i="3"/>
  <c r="G223" i="3"/>
  <c r="G224" i="3"/>
  <c r="G225" i="3"/>
  <c r="G226" i="3"/>
  <c r="G227" i="3"/>
  <c r="G228" i="3"/>
  <c r="G229" i="3"/>
  <c r="G230" i="3"/>
  <c r="G231" i="3"/>
  <c r="G232" i="3"/>
  <c r="G233" i="3"/>
  <c r="G234" i="3"/>
  <c r="G235" i="3"/>
  <c r="G236" i="3"/>
  <c r="G237" i="3"/>
  <c r="G238" i="3"/>
  <c r="G239" i="3"/>
  <c r="G240" i="3"/>
  <c r="G241" i="3"/>
  <c r="G242" i="3"/>
  <c r="G243" i="3"/>
  <c r="G244" i="3"/>
  <c r="G245" i="3"/>
  <c r="G246" i="3"/>
  <c r="G247" i="3"/>
  <c r="G248" i="3"/>
  <c r="G249" i="3"/>
  <c r="G250" i="3"/>
  <c r="G251" i="3"/>
  <c r="G252" i="3"/>
  <c r="G253" i="3"/>
  <c r="G254" i="3"/>
  <c r="G255" i="3"/>
  <c r="G256" i="3"/>
  <c r="G257" i="3"/>
  <c r="G258" i="3"/>
  <c r="G259" i="3"/>
  <c r="G260" i="3"/>
  <c r="G261" i="3"/>
  <c r="G262" i="3"/>
  <c r="G263" i="3"/>
  <c r="G5" i="3"/>
  <c r="G56" i="3" l="1"/>
  <c r="P56" i="3"/>
  <c r="G13" i="3"/>
  <c r="P13" i="3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00000000-0015-0000-FFFF-FFFF00000000}" keepAlive="1" name="WCLTENASDIMP02_PROD_AS FIHUBAS_GL General Ledger" type="5" refreshedVersion="8" background="1" saveData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</connections>
</file>

<file path=xl/sharedStrings.xml><?xml version="1.0" encoding="utf-8"?>
<sst xmlns="http://schemas.openxmlformats.org/spreadsheetml/2006/main" count="558" uniqueCount="294">
  <si>
    <t>Capital</t>
  </si>
  <si>
    <t>0107000</t>
  </si>
  <si>
    <t>0107004</t>
  </si>
  <si>
    <t>0108620</t>
  </si>
  <si>
    <t>Grand Total</t>
  </si>
  <si>
    <t>0566000</t>
  </si>
  <si>
    <t>0588100</t>
  </si>
  <si>
    <t>0593000</t>
  </si>
  <si>
    <t>0920000</t>
  </si>
  <si>
    <t>0921100</t>
  </si>
  <si>
    <t>0921200</t>
  </si>
  <si>
    <t>0926600</t>
  </si>
  <si>
    <t>O&amp;M</t>
  </si>
  <si>
    <t>SG1024SW - DEK CLOSED LOOP FISR FULL SCALE</t>
  </si>
  <si>
    <t>SG336SW - SG DEE DMS ADMS - SOFTWARE</t>
  </si>
  <si>
    <t>M18037801 - RICHWOOD BK 4- INSTALL</t>
  </si>
  <si>
    <t>SG001117 - DEE LMR CONSOLES</t>
  </si>
  <si>
    <t>SG0553OM - DEK PROJECT MERCURY</t>
  </si>
  <si>
    <t>SG1133HW - DEE MOBILE CONNECT PRE SCALE</t>
  </si>
  <si>
    <t>SG1170M01 - END OF LIFE MODEM REPLACEMENT - B</t>
  </si>
  <si>
    <t>SG549OM - DEK MISSION CRITICAL VOICE COMMUNIC</t>
  </si>
  <si>
    <t>SG551NOK - NOKIA NETWORK SERVICES PLATFORM</t>
  </si>
  <si>
    <t>SG732TR03 - COMMUNICATION TOWER , SHELTER AND S</t>
  </si>
  <si>
    <t>SG732TR04 - DEK TWR,SHELTR,PWRSUP_SPARTA MW</t>
  </si>
  <si>
    <t>SG732TR05 - COMM TOWERS,SHELTERS-RYLAND HEIGHTS</t>
  </si>
  <si>
    <t>SG744BLK - DEK GRIDWAN</t>
  </si>
  <si>
    <t>SG744MTR - DEK GRIDWAN</t>
  </si>
  <si>
    <t>SG764BLK1 - DEK 2019-2020 MICROWAVE UPGRADES</t>
  </si>
  <si>
    <t>SG770MAS - 2018 MAS RADIO</t>
  </si>
  <si>
    <t>SG776OP1 - DEK OPTICAL ELECTRONICS</t>
  </si>
  <si>
    <t>SG794ETOS - DEE LMR PROJECT 1 CORES</t>
  </si>
  <si>
    <t>SG838BTR - DEK EOL POWER SUPPLIES</t>
  </si>
  <si>
    <t>SG1037SW - BULK DEVICE MANAGEMENT (BDM)</t>
  </si>
  <si>
    <t>SG1076OCT - DEE CAPITAL INVESTMENT PLANNING</t>
  </si>
  <si>
    <t>SG359SW - SG SADM SOFTWARE - 359</t>
  </si>
  <si>
    <t>SG951OM - DRONE INSPECTIONS - BACKBONE ONLY</t>
  </si>
  <si>
    <t>SGBASEOM - GRID SOLUTIONS BASE O&amp;M</t>
  </si>
  <si>
    <t>D1912DS1 - COVINGTON XTR 2_RUSD - DKY1912</t>
  </si>
  <si>
    <t>M18038401 - WHITE TOWER TB 1 REBUILD</t>
  </si>
  <si>
    <t>MX0240701 - AUGUSTINE 46 - GENERAL DRIVE OH TO</t>
  </si>
  <si>
    <t>MX1089667 - SUB OPT HEBRON 42 RECO PART 1 - 215</t>
  </si>
  <si>
    <t>MX1089713 - SUB OPT HEBRON 42 RECO PT 2 - 21520</t>
  </si>
  <si>
    <t>MX1089758 - SUB OPT HEBRON 42 RECO PART 1 - 215</t>
  </si>
  <si>
    <t>MX1277606 - LONGBRANCH 44 PT 2 - RECL 1 MOUNT Z</t>
  </si>
  <si>
    <t>MX1278081 - LONGBRANCH 44 PT 2 - RECL 3 MOUNT Z</t>
  </si>
  <si>
    <t>MX1393377 - 0670041A: BUFFINGTON 41 K106-57 INS</t>
  </si>
  <si>
    <t>MX1393385 - 0670047A: BUFFINGTON 47 K116-25 INS</t>
  </si>
  <si>
    <t>MX1393386 - 2100041A: OAKBROOK 41 BNK-8851 INST</t>
  </si>
  <si>
    <t>MX1701451 - 0670044A: BUFFINGTON 44 K105-368 IN</t>
  </si>
  <si>
    <t>MX1701475 - 2410042A: FLORENCE 42 26BN-937 INST</t>
  </si>
  <si>
    <t>MX1701482 - 2100042A: OAKBROOK 42 20BN-22 INSTA</t>
  </si>
  <si>
    <t>MX1701489 - 2100041A: OAKBROOK 41 26BN-1212 INS</t>
  </si>
  <si>
    <t>MX1701490 - 2100041A: OAKBROOK 41 BNK-8871 INST</t>
  </si>
  <si>
    <t>MX3891718 - WILDER 43 RECLOSER 2 - N/O NEAR POL</t>
  </si>
  <si>
    <t>MX5254698 - 0670041A: ALEXANDRIA SOUTH 43 43CA-</t>
  </si>
  <si>
    <t>MX5254699 - 20700041A: CRESCENT 41  K84-49 INST</t>
  </si>
  <si>
    <t>MX5254701 - 20700043A: CRESCENT 43  KNK-2979 IN</t>
  </si>
  <si>
    <t>MX5254702 - 20700043A: CRESCENT 43  KNK-4875 IN</t>
  </si>
  <si>
    <t>MX5254704 - 20700043A: CRESCENT 43  K73-477 INS</t>
  </si>
  <si>
    <t>MX5254743 - 20700043A: CRESCENT 43  K83-332 REM</t>
  </si>
  <si>
    <t>MX5441962 - 2410042A: FLORENCE 42 26BN-1083 INS</t>
  </si>
  <si>
    <t>MX5764593 - KENTON 42 - HIGHWAY CROSSING</t>
  </si>
  <si>
    <t>MX7372042 - 2100041A: OAKBROOK 41 20BN-327 INST</t>
  </si>
  <si>
    <t>MX7372045 - 2410044A: FLORENCE 44 25BN-725 INST</t>
  </si>
  <si>
    <t>MX7372046 - 2410044A: FLORENCE 44 26BN-1111 INS</t>
  </si>
  <si>
    <t>MX7372051 - 2410047A: FLORENCE 47 BNK-2806 INST</t>
  </si>
  <si>
    <t>MX7372054 - 20420044A: CONSTANCE 44 21BN-635  I</t>
  </si>
  <si>
    <t>MX7372056 - 0420044A: CONSTANCE 44 21BN-396 INS</t>
  </si>
  <si>
    <t>MX7372067 - 0550041A: DONALDSON 41 26BN-246 INS</t>
  </si>
  <si>
    <t>MX9064744 - WILDER 43 RT9 OVERHEAD WORK - SOG D</t>
  </si>
  <si>
    <t>MX9210584 - WILDER 42 ROW REM - SOG DKY2020</t>
  </si>
  <si>
    <t>SGSELFKY - DEK SEGMENTATION &amp; AUTOMATION</t>
  </si>
  <si>
    <t>MX1064765 - TBC SUB OPT - DONALDSON 43 CVG SOUT</t>
  </si>
  <si>
    <t>MX5254697 - TBC 22050041A: ALEXANDRIA SOUTH 41</t>
  </si>
  <si>
    <t>MX5254700 - TBC 20700041A: CRESCENT 41  K84-264</t>
  </si>
  <si>
    <t>MX7372044 - TBC 2100041A: OAKBROOK 41 25BN-351</t>
  </si>
  <si>
    <t>M18038301 - WHITE TOWER INSTALL SECOND V-STRUCT</t>
  </si>
  <si>
    <t>M22021901 - COVINGTON SUBSTATION - 22.4MVA XFMR</t>
  </si>
  <si>
    <t>M22031301 - RICHWOOD TB 2 MOVE TO WHITE TOWER T</t>
  </si>
  <si>
    <t>M22031302 - RICHWOOD - RETIRE FOUNDATION &amp; SPCC</t>
  </si>
  <si>
    <t>M22031401 - WEAVER SUBSTATION SITE PURCHASE</t>
  </si>
  <si>
    <t>M23005901 - AUGUSTINE 138KV - TB 5 TO BUS 2 CAB</t>
  </si>
  <si>
    <t>MX0401795 - SUB OPT-20700042B - CRESCENT 42- KE</t>
  </si>
  <si>
    <t>MX0850305 - JTD - 21320049A: COLD SPRING 49 36C</t>
  </si>
  <si>
    <t>MX0926836 - M23005901 - AUGUSTINE TB5 TO BUS 2</t>
  </si>
  <si>
    <t>MX1754931 - STG - AUGUSTINE 46 K62-725 INSTALL</t>
  </si>
  <si>
    <t>MX3579276 - 20780043A: AUGUSTINE 43 K52-333 NEW</t>
  </si>
  <si>
    <t>MX3579277 - 20780043A: AUGUSTINE 43 K52-325 NEW</t>
  </si>
  <si>
    <t>MX3579278 - 20780043A: AUGUSTINE 43 K52-612 NEW</t>
  </si>
  <si>
    <t>MX3579279 - 20780043A: AUGUSTINE 43 K52-630 NEW</t>
  </si>
  <si>
    <t>MX3579281 - 20780045A: AUGUSTINE 45 K52-949 NEW</t>
  </si>
  <si>
    <t>MX3579282 - 20780045A: AUGUSTINE 45 K52-1222 NE</t>
  </si>
  <si>
    <t>MX3579283 - 20780045A: AUGUSTINE 45 BTWN K53-87</t>
  </si>
  <si>
    <t>MX3579284 - 20780043A: AUGUSTINE 43 K52-123 NEW</t>
  </si>
  <si>
    <t>MX3579285 - 20780043A: AUGUSTINE 43 K51-1379 NE</t>
  </si>
  <si>
    <t>MX3579286 - 20780043A: AUGUSTINE 43 K52-1379 NE</t>
  </si>
  <si>
    <t>MX3579287 - 20780043A: AUGUSTINE 43 BTWN K52-13</t>
  </si>
  <si>
    <t>MX3579288 - 20780045A: AUGUSTINE 45 BTWN K53-40</t>
  </si>
  <si>
    <t>MX3579289 - 20780045A: AUGUSTINE 45 BTWN K53-73</t>
  </si>
  <si>
    <t>MX3579290 - 20780045A: AUGUSTINE 45 KNK-3768 NE</t>
  </si>
  <si>
    <t>MX3579291 - 20860041A: BEAVER 41 50BN-862 NEW I</t>
  </si>
  <si>
    <t>MX3579293 - 20860041A: BEAVER 41 46BN-638 NEW I</t>
  </si>
  <si>
    <t>MX3579294 - 20860042A: BEAVER 42 50BN-294 NEW I</t>
  </si>
  <si>
    <t>MX3579295 - 20860042A: BEAVER 42 BTW 46BN-333 &amp;</t>
  </si>
  <si>
    <t>MX3579297 - 20860042A: BEAVER 42 25K-29 NEW INS</t>
  </si>
  <si>
    <t>MX3579298 - 20860042A: BEAVER 42 22K-304 NEW IN</t>
  </si>
  <si>
    <t>MX3579299 - 21240041A: CRITTENDEN 41 BTW 5G-321</t>
  </si>
  <si>
    <t>MX3579300 - 21240041A: CRITTENDEN 41 5G-128 NEW</t>
  </si>
  <si>
    <t>MX3579302 - 21240042A: CRITTENDEN 42 15G-103 NE</t>
  </si>
  <si>
    <t>MX3579303 - 21240042A: CRITTENDEN 42 15G-117 RE</t>
  </si>
  <si>
    <t>MX3579304 - 23580041A: MARSHALL 41 35CA-127 NEW</t>
  </si>
  <si>
    <t>MX3579305 - 20590041A: WILDER 41 CA11-349 NEW I</t>
  </si>
  <si>
    <t>MX3579306 - 20590041A: WILDER 41 CAK-585 NEW IN</t>
  </si>
  <si>
    <t>MX3579307 - 23580041A: MARSHALL 41 BTW CAK-1807</t>
  </si>
  <si>
    <t>MX3579308 - 23580041A: MARSHALL 41 35CA-753 NEW</t>
  </si>
  <si>
    <t>MX3579309 - 23050041A: MT ZION 41 BNK-3190 NEW</t>
  </si>
  <si>
    <t>MX3579310 - 23050041A: MT ZION 41 BNK-7064 NEW</t>
  </si>
  <si>
    <t>MX3579311 - 23050041A: MT ZION 41 31BN-74 NEW I</t>
  </si>
  <si>
    <t>MX3579312 - 23050041A: MT ZION 41 31BN-341 NEW</t>
  </si>
  <si>
    <t>MX3579314 - 23050043A: MT ZION 43 BNK-7115 NEW</t>
  </si>
  <si>
    <t>MX3579315 - 23050043A: MT ZION 43 BNK-7114 NEW</t>
  </si>
  <si>
    <t>MX3579316 - 23050043A: MT ZION 43 BNK-7057 NEW</t>
  </si>
  <si>
    <t>MX3579317 - 22430044A: VILLA 44 K96-81 NEW INST</t>
  </si>
  <si>
    <t>MX3579318 - 22430044A: VILLA 44 KNK-1726 NEW IN</t>
  </si>
  <si>
    <t>MX3579319 - 22430044A: VILLA 44 K97-277 NEW INS</t>
  </si>
  <si>
    <t>MX3579320 - 22430044A: VILLA 44 K96-313 NEW INS</t>
  </si>
  <si>
    <t>MX3579321 - 22430044A: VILLA 44 BTW K97-18 &amp; K9</t>
  </si>
  <si>
    <t>MX3579322 - 22430044A: VILLA 44 KNK-5486 REMOVE</t>
  </si>
  <si>
    <t>MX3579327 - 20590041A: WILDER 41 CA10-144 NEW I</t>
  </si>
  <si>
    <t>MX3579328 - 20590041A: WILDER 41 CA10-79 NEW IN</t>
  </si>
  <si>
    <t>MX3579329 - 20590041A: WILDER 41 CA10-292 NEW I</t>
  </si>
  <si>
    <t>MX3579337 - 20590043A: WILDER 43 CA12-162 NEW I</t>
  </si>
  <si>
    <t>MX3579338 - 20590043A: WILDER 43 K52-976 NEW IN</t>
  </si>
  <si>
    <t>MX3579339 - 20590043A: WILDER 43 K53-429 NEW IN</t>
  </si>
  <si>
    <t>MX3579349 - 20590046A: WILDER 46 CAK-5180 NEW I</t>
  </si>
  <si>
    <t>MX3579350 - 20590046A: WILDER 46 CA14-291 NEW I</t>
  </si>
  <si>
    <t>MX3579351 - 20590046A: WILDER 46 CA14-279 NEW I</t>
  </si>
  <si>
    <t>MX3579352 - 20590046A: WILDER 46 CA5-226 NEW IN</t>
  </si>
  <si>
    <t>MX3579357 - 20780045A: AUGUSTINE 45 K52-1110 NE</t>
  </si>
  <si>
    <t>MX3579358 - 20780045A: AUGUSTINE 45 K52-486 NEW</t>
  </si>
  <si>
    <t>MX3579359 - 20780045A: AUGUSTINE 45 K52-1342 NE</t>
  </si>
  <si>
    <t>MX3579364 - 20590048A: WILDER 48 BTWN CA6-1621</t>
  </si>
  <si>
    <t>MX3579365 - 20590048A: WILDER 48 CA6-551 NEW IN</t>
  </si>
  <si>
    <t>MX3579366 - 20590048A: WILDER 48 CA6-391 NEW IN</t>
  </si>
  <si>
    <t>MX5254705 - 20090041A: KENTON 41  K84-242 INSTA</t>
  </si>
  <si>
    <t>MX5254707 - 20090041A: KENTON 41  K84-378 INSTA</t>
  </si>
  <si>
    <t>MX5254708 - 20090041A: KENTON 41  KNK-1583 INST</t>
  </si>
  <si>
    <t>MX5254711 - 22430041A: VILLA 41  K84-96 INSTALL</t>
  </si>
  <si>
    <t>MX5254713 - 22430041A: VILLA 41  K84-71 INSTALL</t>
  </si>
  <si>
    <t>MX5254714 - 20700045A: CRESCENT 45 K92-315 INST</t>
  </si>
  <si>
    <t>MX5254717 - 20700045A: CRESCENT 45 K92-29 INSTA</t>
  </si>
  <si>
    <t>MX5254718 - 20700045A: CRESCENT 45 K92-191  INS</t>
  </si>
  <si>
    <t>MX5254719 - 21520041A: HEBRON 41 13BN-79 INSTAL</t>
  </si>
  <si>
    <t>MX5254720 - 21520041A: HEBRON 41 13BN-31 INSTAL</t>
  </si>
  <si>
    <t>MX5254721 - 21520041A: HEBRON 41 14BN-576 INSTA</t>
  </si>
  <si>
    <t>MX5254722 - 21520041A: HEBRON 41 14BN-618 INSTA</t>
  </si>
  <si>
    <t>MX5254725 - 21520041A: HEBRON 41 BNK-2081 INSTA</t>
  </si>
  <si>
    <t>MX5254726 - 21890041A: LIMABURG 41 14BN-28 INST</t>
  </si>
  <si>
    <t>MX5254727 - 21890042A: LIMABURG 42 19BN-229 INS</t>
  </si>
  <si>
    <t>MX5254728 - 21890042A: LIMABURG 42 19BN-224 INS</t>
  </si>
  <si>
    <t>MX5254729 - 21890042A: LIMABURG 42 20BN-855 INS</t>
  </si>
  <si>
    <t>MX5254730 - 21890042A: LIMABURG 42 19BN-485 INS</t>
  </si>
  <si>
    <t>MX5254732 - 21990041A: RICHWOOD 41  BNK-8296 IN</t>
  </si>
  <si>
    <t>MX5254733 - 21990042A: RICHWOOD 42  BTW 35BN-53</t>
  </si>
  <si>
    <t>MX5254734 - 21990042A: RICHWOOD 42  36BN-343 IN</t>
  </si>
  <si>
    <t>MX5254737 - 21990042A: RICHWOOD 42  36BN-313 IN</t>
  </si>
  <si>
    <t>MX5254738 - 23040041A: WHITE TOWER 41  22K-172</t>
  </si>
  <si>
    <t>MX5254739 - 23040041A: WHITE TOWER 41  15K-316</t>
  </si>
  <si>
    <t>MX5254741 - 23040043A: WHITE TOWER 43  19K-776</t>
  </si>
  <si>
    <t>MX5254742 - 23040043A: WHITE TOWER 43  15K-702</t>
  </si>
  <si>
    <t>MX5254744 - TBC 23040041A: WHITE TOWER 43  KNK-</t>
  </si>
  <si>
    <t>MX6180900 - 20780041A: AUGUSTINE 41 K60-222 REM</t>
  </si>
  <si>
    <t>MX6180901 - 20780041A: AUGUSTINE 41 K60-238 NEW</t>
  </si>
  <si>
    <t>MX6180906 - 20780041A: AUGUSTINE 41 K60-39 NEW</t>
  </si>
  <si>
    <t>MX6180910 - 20780041A: AUGUSTINE 41 K71-59 NEW</t>
  </si>
  <si>
    <t>MX6180911 - 20780041A: AUGUSTINE 41 K70-258 NEW</t>
  </si>
  <si>
    <t>MX6180912 - 20780041A: AUGUSTINE 41 K60-64 NEW</t>
  </si>
  <si>
    <t>MX6180914 - 20780041A: AUGUSTINE 41 K70-232 NEW</t>
  </si>
  <si>
    <t>MX6180915 - 20780041A: AUGUSTINE 41 K61-759 NEW</t>
  </si>
  <si>
    <t>MX6180916 - 20780042A: AUGUSTINE 42 K52-147 NEW</t>
  </si>
  <si>
    <t>MX6180918 - 20780041A: AUGUSTINE 41 K60-204 NEW</t>
  </si>
  <si>
    <t>MX6180921 - 20780044A: AUGUSTINE 44 K54-197 NEW</t>
  </si>
  <si>
    <t>MX6180924 - 20780044A: AUGUSTINE 44 K54-776 NEW</t>
  </si>
  <si>
    <t>MX6180925 - 20780044A: AUGUSTINE 44 BTW K54-300</t>
  </si>
  <si>
    <t>MX6180926 - 20780044A: AUGUSTINE 44 K54-303 NEW</t>
  </si>
  <si>
    <t>MX6180927 - 20780044A: AUGUSTINE 44 K54-916 NEW</t>
  </si>
  <si>
    <t>MX6446377 - [CUSTOMER] LONGBRANCH 42 35BN-390 I</t>
  </si>
  <si>
    <t>MX6450653 - SUB OPT- 20780043A- AUGUSTINE 43- W</t>
  </si>
  <si>
    <t>MX6451512 - SUB OPT- 20780043A- AUGUSTINE 43- G</t>
  </si>
  <si>
    <t>MX6453758 - SUB OPT- 20780045A- AUGUSTINE 45- G</t>
  </si>
  <si>
    <t>MX6453958 - SUB OPT- 20780046A- AUGUSTINE 46- M</t>
  </si>
  <si>
    <t>MX6465013 - SUB OPT- 20780046A- AUGUSTINE 46- S</t>
  </si>
  <si>
    <t>MX6465372 - SUB OPT- 20780045A- AUGUSTINE 45- S</t>
  </si>
  <si>
    <t>MX6465474 - SUB OPT- 20780044A- AUGUSTINE 44- S</t>
  </si>
  <si>
    <t>MX6465585 - SUB OPT- 20780043A- AUGUSTINE 43- S</t>
  </si>
  <si>
    <t>MX6465684 - SUB OPT- 20780041A- AUGUSTINE 41- S</t>
  </si>
  <si>
    <t>MX6518423 - 20780041A: AUGUSTINE 41 K60-446 NEW</t>
  </si>
  <si>
    <t>MX9353335 - JTD - 22990041A: DECOURSEY 41 11K-7</t>
  </si>
  <si>
    <t>MX9353336 - JTD - 22990041A: DECOURSEY 41 11K-1</t>
  </si>
  <si>
    <t>MX9353337 - JTD - 22990041A: DECOURSEY 41 11K-7</t>
  </si>
  <si>
    <t>MX9353338 - JTD - 22990041A: DECOURSEY 41 8K-48</t>
  </si>
  <si>
    <t>MX9353339 - JTD - 22990041A: DECOURSEY 41 11K-4</t>
  </si>
  <si>
    <t>MX9353342 - JTD - 21470042A: CLARYVILLE 42 47CA</t>
  </si>
  <si>
    <t>MX9353345 - JTD - 21470042A: CLARYVILLE 42 47CA</t>
  </si>
  <si>
    <t>MX9353348 - JTD - 21520042A: HEBRON 42 7BN-12 N</t>
  </si>
  <si>
    <t>MX9353349 - JTD - 21320042A: COLD SPRING 42 CAK</t>
  </si>
  <si>
    <t>MX9353351 - JTD - 21320042A: COLD SPRING 42 36C</t>
  </si>
  <si>
    <t>MX9353352 - JTD - 21320042A: COLD SPRING 42 36C</t>
  </si>
  <si>
    <t>MX9353357 - JTD - 21280041A: HANDS 41 14K-242 N</t>
  </si>
  <si>
    <t>MX9353358 - JTD - 21280041A: HANDS 41 15K-163 N</t>
  </si>
  <si>
    <t>MX9353364 - JTD - 21280041A: HANDS 41 19K-32 NE</t>
  </si>
  <si>
    <t>MX9353366 - JTD - 21320049A: COLD SPRING 49 36C</t>
  </si>
  <si>
    <t>MX9353367 - JTD - 21320049A: COLD SPRING 49 36C</t>
  </si>
  <si>
    <t>MX9353368 - JTD - 21320049A: COLD SPRING 49 39C</t>
  </si>
  <si>
    <t>MX9353370 - JTD - 21320041A: COLD SPRING 41 43C</t>
  </si>
  <si>
    <t>MX9353371 - JTD - 21320041A: COLD SPRING 41 39C</t>
  </si>
  <si>
    <t>MX9353372 - JTD - 21280045A: HANDS 45 KNK-5267</t>
  </si>
  <si>
    <t>MX9353374 - JTD - 21280045A: HANDS 45 15K-188 N</t>
  </si>
  <si>
    <t>MX9353376 - JTD - 20780046A: AUGUSTINE 46 K72-9</t>
  </si>
  <si>
    <t>MX9353377 - JTD - 20780046A: AUGUSTINE 46 K72-2</t>
  </si>
  <si>
    <t>MX9353380 - JTD - 20780046A: AUGUSTINE 46 K62-6</t>
  </si>
  <si>
    <t>MX9353383 - JTD - 20780046A: AUGUSTINE 46 K62-7</t>
  </si>
  <si>
    <t>MX9353384 - JTD - 20780046A: AUGUSTINE 46 BTWN</t>
  </si>
  <si>
    <t>MX9353387 - JTD - 20780046A: AUGUSTINE 46 K72-2</t>
  </si>
  <si>
    <t>MX9353388 - JTD - 20760041A: DAYTON 41 CA4-360</t>
  </si>
  <si>
    <t>MX9353389 - JTD - 20760041A: DAYTON 41 CA4-411</t>
  </si>
  <si>
    <t>MX9353391 - JTD - 20760041A: DAYTON 41 CA4-592</t>
  </si>
  <si>
    <t>MX9353392 - JTD - 20760041A: DAYTON 41 CA3-529</t>
  </si>
  <si>
    <t>MX9353393 - JTD - 20760042A: DAYTON 42 CA1-886</t>
  </si>
  <si>
    <t>MX9353394 - JTD - 20760042A: DAYTON 42 CA1-712</t>
  </si>
  <si>
    <t>MX9353395 - JTD - 20760042A: DAYTON 42 CA1-734</t>
  </si>
  <si>
    <t>MX9353397 - JTD - 20760042A: DAYTON 42 CA5-226</t>
  </si>
  <si>
    <t>MX9353398 - JTD - 21280042A: HANDS 42 10K-797 N</t>
  </si>
  <si>
    <t>MX9353399 - JTD - 21280042A: HANDS 42 7K-492 NE</t>
  </si>
  <si>
    <t>MX9353402 - JTD - 21280042A: HANDS 42 K75-254 N</t>
  </si>
  <si>
    <t>MX9353403 - JTD - 22870043A: KENTUCKY UNIVERSIT</t>
  </si>
  <si>
    <t>MX9353404 - JTD - 22870043A: KENTUCKY UNIVERSIT</t>
  </si>
  <si>
    <t>MX9353405 - JTD - 22870042A: KENTUCKY UNIVERSIT</t>
  </si>
  <si>
    <t>MX9353407 - JTD - 22870042A: KENTUCKY UNIVERSIT</t>
  </si>
  <si>
    <t>MX9353408 - JTD - 22870042A: KENTUCKY UNIVERSIT</t>
  </si>
  <si>
    <t>MX9353412 - JTD - 22870042A: KENTUCKY UNIVERSIT</t>
  </si>
  <si>
    <t>MX9353413 - JTD - 22870042A: KENTUCKY UNIVERSIT</t>
  </si>
  <si>
    <t>MX9382916 - JTD - 21470042A: CLARYVILLE 42 47CA</t>
  </si>
  <si>
    <t>MXA353386 - JTD - 20780046A: AUGUSTINE 46 BTWN</t>
  </si>
  <si>
    <t>0593100</t>
  </si>
  <si>
    <t>SG1090SVR - DEE MW DMS 3.16 UPGRADE</t>
  </si>
  <si>
    <t>SG1090SW - DEE MW DMS 3.16 UPGRADE</t>
  </si>
  <si>
    <t>SG1091SVR - DEE MW SCADA V3.5 UPGRADE</t>
  </si>
  <si>
    <t>SG1091SW - DEE MW SCADA V3.5 UPGRADE</t>
  </si>
  <si>
    <t>SG1187SW - DEE MIDWEST CL FISR SUBFED UPGRADE</t>
  </si>
  <si>
    <t>SG1229SW - DEE MW OMS AWS</t>
  </si>
  <si>
    <t>ALTMETVEN - ALTERNATIVE METER VENDOR DEK</t>
  </si>
  <si>
    <t>CGRREPLA - CGR REPLACEMENT</t>
  </si>
  <si>
    <t>M23037302 - DAYTON SUBSTATION CAMBIUM INSTALL</t>
  </si>
  <si>
    <t>M23037304 - YORK SUBSTATION CAMBIUM INSTALL</t>
  </si>
  <si>
    <t>M23037305 - COVINGTON CAMBIUM INSTALL</t>
  </si>
  <si>
    <t>M23037306 - 2024 DEK CAMBIUM INSTALLS - GRID SI</t>
  </si>
  <si>
    <t>SG000744B - GRIDWAN EDGE BLANKET - DEK</t>
  </si>
  <si>
    <t>SG1134HW - MOBILE CONNECT HARDWARE</t>
  </si>
  <si>
    <t>SG459FB02 - 2018 MIDWEST FIBER</t>
  </si>
  <si>
    <t>SG459FB03 - DEK LOW MILEAGE FIBER ROUTE</t>
  </si>
  <si>
    <t>SG732KRM - TOWER PROJECT REMOVAL</t>
  </si>
  <si>
    <t>SG732TR02 - TBC -TOWER &amp; SHELTER - VERONA 2</t>
  </si>
  <si>
    <t>04000156 - DEE EAM NEXTGEN GIS</t>
  </si>
  <si>
    <t>SG1165OM - DEE VEG MGMT REMOTE SENSING</t>
  </si>
  <si>
    <t>SG1165SW - DEE VEGETATION MANAGEMENT</t>
  </si>
  <si>
    <t>SG1190SW - DEE COPPERLEAF SYSTEM ENHANCEMENTS</t>
  </si>
  <si>
    <t>SG1191AT - DEE PROJECT CONTROLS APPROVAL TOOL</t>
  </si>
  <si>
    <t>SG1191ES - DEE PROJECT CONTROLS ECOSYS</t>
  </si>
  <si>
    <t>SG1191SA - DEE PROJECT CONTROLS SAGE EST TOOL</t>
  </si>
  <si>
    <t>TPO00170 - OUA SUSTAINABILITY UPLIFT</t>
  </si>
  <si>
    <t>July 2023 - September 2024</t>
  </si>
  <si>
    <t>Project</t>
  </si>
  <si>
    <t>Total Capital</t>
  </si>
  <si>
    <t>Total O&amp;M</t>
  </si>
  <si>
    <t>GL Account</t>
  </si>
  <si>
    <t>O&amp;M Account</t>
  </si>
  <si>
    <t>Category</t>
  </si>
  <si>
    <t>Duke Energy Kentucky Electric Smart Grid Costs</t>
  </si>
  <si>
    <t>Self Optimizing Grid</t>
  </si>
  <si>
    <t>GS Advanced DMS 1</t>
  </si>
  <si>
    <t>GS Technology 2</t>
  </si>
  <si>
    <t>1 DMS stands for Distribution Management System</t>
  </si>
  <si>
    <t xml:space="preserve">2 Includes Communication and Enterprise System </t>
  </si>
  <si>
    <t>Duke Energy KY - Electric</t>
  </si>
  <si>
    <t>$ in Millions</t>
  </si>
  <si>
    <r>
      <t xml:space="preserve">GS Advanced DMS </t>
    </r>
    <r>
      <rPr>
        <vertAlign val="superscript"/>
        <sz val="10"/>
        <color rgb="FF000000"/>
        <rFont val="Arial"/>
        <family val="2"/>
      </rPr>
      <t>1</t>
    </r>
  </si>
  <si>
    <t>GS SOG</t>
  </si>
  <si>
    <t>GS Technology</t>
  </si>
  <si>
    <t>GS Advanced DMS 1 Total</t>
  </si>
  <si>
    <t>GS Technology 2 Total</t>
  </si>
  <si>
    <t>Self Optimizing Grid Total</t>
  </si>
  <si>
    <t>July 2025 - June 2026</t>
  </si>
  <si>
    <t>$ in Whole dollar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(* #,##0.00_);_(* \(#,##0.00\);_(* &quot;-&quot;??_);_(@_)"/>
    <numFmt numFmtId="164" formatCode="_(* #,##0_);_(* \(#,##0\);_(* &quot;-&quot;??_);_(@_)"/>
    <numFmt numFmtId="165" formatCode="#,##0.00,,"/>
  </numFmts>
  <fonts count="1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rgb="FF000000"/>
      <name val="Arial"/>
      <family val="2"/>
    </font>
    <font>
      <sz val="9"/>
      <name val="Calibri"/>
      <family val="2"/>
      <scheme val="minor"/>
    </font>
    <font>
      <b/>
      <sz val="12"/>
      <color theme="1"/>
      <name val="Calibri"/>
      <family val="2"/>
      <scheme val="minor"/>
    </font>
    <font>
      <vertAlign val="superscript"/>
      <sz val="10"/>
      <color rgb="FF000000"/>
      <name val="Arial"/>
      <family val="2"/>
    </font>
    <font>
      <sz val="10"/>
      <name val="Calibri"/>
      <family val="2"/>
      <scheme val="minor"/>
    </font>
    <font>
      <b/>
      <sz val="10"/>
      <color rgb="FFFF0000"/>
      <name val="Arial"/>
      <family val="2"/>
    </font>
    <font>
      <b/>
      <sz val="10"/>
      <color theme="1"/>
      <name val="Arial"/>
      <family val="2"/>
    </font>
    <font>
      <sz val="10"/>
      <color rgb="FFFF0000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9" tint="0.79998168889431442"/>
        <bgColor indexed="64"/>
      </patternFill>
    </fill>
  </fills>
  <borders count="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5">
    <xf numFmtId="0" fontId="0" fillId="0" borderId="0"/>
    <xf numFmtId="0" fontId="3" fillId="0" borderId="0"/>
    <xf numFmtId="0" fontId="1" fillId="0" borderId="0"/>
    <xf numFmtId="43" fontId="1" fillId="0" borderId="0" applyFont="0" applyFill="0" applyBorder="0" applyAlignment="0" applyProtection="0"/>
    <xf numFmtId="43" fontId="3" fillId="0" borderId="0" applyFont="0" applyFill="0" applyBorder="0" applyAlignment="0" applyProtection="0"/>
  </cellStyleXfs>
  <cellXfs count="36">
    <xf numFmtId="0" fontId="0" fillId="0" borderId="0" xfId="0"/>
    <xf numFmtId="164" fontId="0" fillId="0" borderId="0" xfId="0" applyNumberFormat="1"/>
    <xf numFmtId="0" fontId="2" fillId="0" borderId="0" xfId="0" applyFont="1" applyAlignment="1">
      <alignment horizontal="center"/>
    </xf>
    <xf numFmtId="164" fontId="2" fillId="0" borderId="0" xfId="0" applyNumberFormat="1" applyFont="1" applyAlignment="1">
      <alignment horizontal="center"/>
    </xf>
    <xf numFmtId="0" fontId="0" fillId="0" borderId="0" xfId="0" applyAlignment="1">
      <alignment horizontal="left"/>
    </xf>
    <xf numFmtId="0" fontId="4" fillId="0" borderId="0" xfId="1" applyFont="1"/>
    <xf numFmtId="0" fontId="5" fillId="0" borderId="0" xfId="0" applyFont="1"/>
    <xf numFmtId="0" fontId="5" fillId="0" borderId="0" xfId="0" applyFont="1" applyAlignment="1">
      <alignment horizontal="center"/>
    </xf>
    <xf numFmtId="0" fontId="3" fillId="0" borderId="0" xfId="0" applyFont="1" applyAlignment="1">
      <alignment horizontal="center"/>
    </xf>
    <xf numFmtId="0" fontId="3" fillId="3" borderId="4" xfId="0" applyFont="1" applyFill="1" applyBorder="1"/>
    <xf numFmtId="4" fontId="0" fillId="3" borderId="5" xfId="3" applyNumberFormat="1" applyFont="1" applyFill="1" applyBorder="1"/>
    <xf numFmtId="0" fontId="3" fillId="0" borderId="4" xfId="0" applyFont="1" applyBorder="1"/>
    <xf numFmtId="4" fontId="0" fillId="0" borderId="5" xfId="3" applyNumberFormat="1" applyFont="1" applyBorder="1"/>
    <xf numFmtId="0" fontId="3" fillId="0" borderId="4" xfId="1" applyBorder="1"/>
    <xf numFmtId="0" fontId="7" fillId="0" borderId="0" xfId="0" applyFont="1"/>
    <xf numFmtId="0" fontId="8" fillId="0" borderId="0" xfId="0" applyFont="1"/>
    <xf numFmtId="0" fontId="5" fillId="0" borderId="0" xfId="1" applyFont="1"/>
    <xf numFmtId="0" fontId="5" fillId="0" borderId="0" xfId="1" applyFont="1" applyAlignment="1">
      <alignment horizontal="center"/>
    </xf>
    <xf numFmtId="0" fontId="3" fillId="0" borderId="0" xfId="1"/>
    <xf numFmtId="0" fontId="3" fillId="0" borderId="0" xfId="1" applyAlignment="1">
      <alignment horizontal="center"/>
    </xf>
    <xf numFmtId="0" fontId="3" fillId="3" borderId="4" xfId="1" applyFill="1" applyBorder="1"/>
    <xf numFmtId="165" fontId="0" fillId="3" borderId="5" xfId="4" applyNumberFormat="1" applyFont="1" applyFill="1" applyBorder="1"/>
    <xf numFmtId="165" fontId="0" fillId="3" borderId="6" xfId="4" applyNumberFormat="1" applyFont="1" applyFill="1" applyBorder="1"/>
    <xf numFmtId="165" fontId="0" fillId="0" borderId="5" xfId="4" applyNumberFormat="1" applyFont="1" applyBorder="1"/>
    <xf numFmtId="165" fontId="0" fillId="0" borderId="6" xfId="4" applyNumberFormat="1" applyFont="1" applyBorder="1"/>
    <xf numFmtId="0" fontId="8" fillId="0" borderId="0" xfId="1" applyFont="1"/>
    <xf numFmtId="0" fontId="9" fillId="0" borderId="0" xfId="1" applyFont="1"/>
    <xf numFmtId="0" fontId="10" fillId="0" borderId="0" xfId="1" applyFont="1"/>
    <xf numFmtId="0" fontId="2" fillId="0" borderId="0" xfId="0" applyFont="1"/>
    <xf numFmtId="0" fontId="2" fillId="0" borderId="5" xfId="0" applyFont="1" applyBorder="1"/>
    <xf numFmtId="164" fontId="2" fillId="0" borderId="5" xfId="0" applyNumberFormat="1" applyFont="1" applyBorder="1"/>
    <xf numFmtId="0" fontId="2" fillId="0" borderId="7" xfId="0" applyFont="1" applyBorder="1"/>
    <xf numFmtId="164" fontId="2" fillId="0" borderId="7" xfId="0" applyNumberFormat="1" applyFont="1" applyBorder="1"/>
    <xf numFmtId="164" fontId="2" fillId="2" borderId="1" xfId="0" applyNumberFormat="1" applyFont="1" applyFill="1" applyBorder="1" applyAlignment="1">
      <alignment horizontal="center"/>
    </xf>
    <xf numFmtId="164" fontId="2" fillId="2" borderId="2" xfId="0" applyNumberFormat="1" applyFont="1" applyFill="1" applyBorder="1" applyAlignment="1">
      <alignment horizontal="center"/>
    </xf>
    <xf numFmtId="164" fontId="2" fillId="2" borderId="3" xfId="0" applyNumberFormat="1" applyFont="1" applyFill="1" applyBorder="1" applyAlignment="1">
      <alignment horizontal="center"/>
    </xf>
  </cellXfs>
  <cellStyles count="5">
    <cellStyle name="Comma" xfId="3" builtinId="3"/>
    <cellStyle name="Comma 2" xfId="4" xr:uid="{45F3A2B8-FC61-4295-9E50-6BB03034FB13}"/>
    <cellStyle name="Normal" xfId="0" builtinId="0"/>
    <cellStyle name="Normal 2 2" xfId="1" xr:uid="{B1FE86B4-54F1-46E8-B87B-BF64B43AD12B}"/>
    <cellStyle name="Normal 4" xfId="2" xr:uid="{7D082996-6087-4F7B-B556-BFC7D6A8B22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0.xml"/><Relationship Id="rId18" Type="http://schemas.openxmlformats.org/officeDocument/2006/relationships/externalLink" Target="externalLinks/externalLink15.xml"/><Relationship Id="rId26" Type="http://schemas.openxmlformats.org/officeDocument/2006/relationships/externalLink" Target="externalLinks/externalLink23.xml"/><Relationship Id="rId39" Type="http://schemas.openxmlformats.org/officeDocument/2006/relationships/customXml" Target="../customXml/item2.xml"/><Relationship Id="rId21" Type="http://schemas.openxmlformats.org/officeDocument/2006/relationships/externalLink" Target="externalLinks/externalLink18.xml"/><Relationship Id="rId34" Type="http://schemas.openxmlformats.org/officeDocument/2006/relationships/connections" Target="connections.xml"/><Relationship Id="rId7" Type="http://schemas.openxmlformats.org/officeDocument/2006/relationships/externalLink" Target="externalLinks/externalLink4.xml"/><Relationship Id="rId12" Type="http://schemas.openxmlformats.org/officeDocument/2006/relationships/externalLink" Target="externalLinks/externalLink9.xml"/><Relationship Id="rId17" Type="http://schemas.openxmlformats.org/officeDocument/2006/relationships/externalLink" Target="externalLinks/externalLink14.xml"/><Relationship Id="rId25" Type="http://schemas.openxmlformats.org/officeDocument/2006/relationships/externalLink" Target="externalLinks/externalLink22.xml"/><Relationship Id="rId33" Type="http://schemas.openxmlformats.org/officeDocument/2006/relationships/theme" Target="theme/theme1.xml"/><Relationship Id="rId38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3.xml"/><Relationship Id="rId20" Type="http://schemas.openxmlformats.org/officeDocument/2006/relationships/externalLink" Target="externalLinks/externalLink17.xml"/><Relationship Id="rId29" Type="http://schemas.openxmlformats.org/officeDocument/2006/relationships/externalLink" Target="externalLinks/externalLink26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11" Type="http://schemas.openxmlformats.org/officeDocument/2006/relationships/externalLink" Target="externalLinks/externalLink8.xml"/><Relationship Id="rId24" Type="http://schemas.openxmlformats.org/officeDocument/2006/relationships/externalLink" Target="externalLinks/externalLink21.xml"/><Relationship Id="rId32" Type="http://schemas.openxmlformats.org/officeDocument/2006/relationships/externalLink" Target="externalLinks/externalLink29.xml"/><Relationship Id="rId37" Type="http://schemas.openxmlformats.org/officeDocument/2006/relationships/calcChain" Target="calcChain.xml"/><Relationship Id="rId40" Type="http://schemas.openxmlformats.org/officeDocument/2006/relationships/customXml" Target="../customXml/item3.xml"/><Relationship Id="rId5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2.xml"/><Relationship Id="rId23" Type="http://schemas.openxmlformats.org/officeDocument/2006/relationships/externalLink" Target="externalLinks/externalLink20.xml"/><Relationship Id="rId28" Type="http://schemas.openxmlformats.org/officeDocument/2006/relationships/externalLink" Target="externalLinks/externalLink25.xml"/><Relationship Id="rId36" Type="http://schemas.openxmlformats.org/officeDocument/2006/relationships/sharedStrings" Target="sharedStrings.xml"/><Relationship Id="rId10" Type="http://schemas.openxmlformats.org/officeDocument/2006/relationships/externalLink" Target="externalLinks/externalLink7.xml"/><Relationship Id="rId19" Type="http://schemas.openxmlformats.org/officeDocument/2006/relationships/externalLink" Target="externalLinks/externalLink16.xml"/><Relationship Id="rId31" Type="http://schemas.openxmlformats.org/officeDocument/2006/relationships/externalLink" Target="externalLinks/externalLink28.xml"/><Relationship Id="rId4" Type="http://schemas.openxmlformats.org/officeDocument/2006/relationships/externalLink" Target="externalLinks/externalLink1.xml"/><Relationship Id="rId9" Type="http://schemas.openxmlformats.org/officeDocument/2006/relationships/externalLink" Target="externalLinks/externalLink6.xml"/><Relationship Id="rId14" Type="http://schemas.openxmlformats.org/officeDocument/2006/relationships/externalLink" Target="externalLinks/externalLink11.xml"/><Relationship Id="rId22" Type="http://schemas.openxmlformats.org/officeDocument/2006/relationships/externalLink" Target="externalLinks/externalLink19.xml"/><Relationship Id="rId27" Type="http://schemas.openxmlformats.org/officeDocument/2006/relationships/externalLink" Target="externalLinks/externalLink24.xml"/><Relationship Id="rId30" Type="http://schemas.openxmlformats.org/officeDocument/2006/relationships/externalLink" Target="externalLinks/externalLink27.xml"/><Relationship Id="rId35" Type="http://schemas.openxmlformats.org/officeDocument/2006/relationships/styles" Target="styles.xml"/><Relationship Id="rId8" Type="http://schemas.openxmlformats.org/officeDocument/2006/relationships/externalLink" Target="externalLinks/externalLink5.xml"/><Relationship Id="rId3" Type="http://schemas.openxmlformats.org/officeDocument/2006/relationships/worksheet" Target="worksheets/sheet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op\Budget\BUDT&amp;D\1%20Performance%20Support\Budget%20Projections\2010\Capital\08%20Aug%20Actuals\08%20Aug%20-%20MWFO%20CAPITAL%20Actuals%20and%20Projections%20by%20Month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DPDevel\Local%20Settings\Temporary%20Internet%20Files\Content.Outlook\VCS75YHY\2014-2016%20Carolina%20West%20Prioritization%20List%206-4-13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ata\InvestmentEngineer\Tammie%20Smith\pac%20Hydro%20East-capital-v3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eam.duke-energy.com/Documents%20and%20Settings/lmm7207/Local%20Settings/Temporary%20Internet%20Files/Content.Outlook/VFDG76UD/Master%20Watchlist%20and%20Action%20Sheet%20April%202012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517635\My%20Documents\Projects\Project%20Panda\Files%20from%20Don\Directors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simcltnasfs01\busmgt\Monthly%20Reporting\2014\Reports\04%20-%20Apr\Day%205\OM%20and%20Deferred%20To%20AVB%20April%202014-Day%205%20V2.xlsx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1\esop\Documents%20and%20Settings\ot07327\Local%20Settings\Temporary%20Internet%20Files\Content.Outlook\1ZOE3VX5\Revised%20example%20of%20PEF%20Major%20Projects%20Dashboard.xlsx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kbb9532\Local%20Settings\Temporary%20Internet%20Files\Content.Outlook\Q59HVQ15\Waterfall%20Graphs-Carolina%20Delivery%20Operations.xlsx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T07975\Local%20Settings\Temporary%20Internet%20Files\Content.Outlook\GWPKDME4\Cust%20Ops%20Headcount%202013_03%20Mar.xlsx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232\grpdata\FLRelreports\AM_Reporting\AM_Const_Progress\2012%20Construction_Progress\2012AM_Construction_Progress.xlsm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op\Budget\BUDT&amp;D\1%20Performance%20Support\Budget%20Projections\2010\Capital\07%20Jul%20Actuals\Backup%20Files\Copy%20of%20MW%20Capital-Jul-10-YTD%20-%20using%20Jun%20as%20a%20Template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2%20Files\2012%20Monthly%20Reporting\Level%202%20Meeting%20Data\05-May%202012\Level%202%20Waterfalls%20-%20Apr2012%20Results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op\Budget\BUDT&amp;D\1%20Performance%20Support\FOMW%20Projects\Cheat%20Sheets%20-%2001-01-2011%20with%20WORKTYPE-SUBTYPE.xlsx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1\esop\Documents%20and%20Settings\d22378\Local%20Settings\Temporary%20Internet%20Files\Content.Outlook\CZ9BWSF0\July%202011%20Board_PECPEF%20Capital%20Slides_May%202011%20Results_Draft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t41980\Application%20Data\Microsoft\Excel\Manager%20Reports\Liggett%20OM%20BvA%20and%20OT%20-%20Sept%202011.xlsx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2%20Files\2012%20Monthly%20Reporting\Level%202%20Meeting%20Data\05-May%202012\PEC%20Delivery%20Finance%202012%20Monthly%20Tracking%202012-05%20May%20Meeting.xlsx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MBrooks\Local%20Settings\Temporary%20Internet%20Files\Content.Outlook\Q7GLROJL\EDC%20DAY%205%20FLASH%20-%20Jul2012%20Results.xlsx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DPDevel\Local%20Settings\Temporary%20Internet%20Files\Content.Outlook\VCS75YHY\Support%20Groups%20Base%20Budget%20Templates.xlsx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18491\AppData\Local\Microsoft\Windows\Temporary%20Internet%20Files\Content.Outlook\3ZFP2IOG\Copy%20of%20Master%20Tracking%20Spreadsheet%20-%208-24-weekly.xlsx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RE\Project%20and%20Funding%20Project%20Setup%20Process\Detail%20Project%20and%20Funding%20Project%20Setup%20Request%20Form%20-%20121509%20-%20EMAX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eam.duke-energy.com/BUDT&amp;D/1%20Performance%20Support/ARC%20Rules%20and%20Unitization/Copy%20of%20Master%20Tracking%20Spreadsheet-09-12-2014.xlsx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TEMP\Fulldatarequest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%20Unit-Group\2011%20Files\Distribution\Labor%20Analysis\1011%20-%20Distribution%20Charge%20By%20Labor.xlsm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w1\AppData\Local\Microsoft\Windows\Temporary%20Internet%20Files\Content.Outlook\B6Z90CM9\9%20Sep%202013%20-%20Special%20Projects%20In%20Srvc%20Failing%20ARC-with-individual-failures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T07975\Local%20Settings\Temporary%20Internet%20Files\Content.Outlook\GWPKDME4\Sue%20Wesley%20March%202013%20fie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2%20Files\Cost%20Per%20Service\2012%20Revenue%20Construction%20Calculations%20less%20burdens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idwest%20Performance%20Support\Reports\R&amp;I%20Monthly%20Reports\Monthly%20YTD%20RI%20Program%20Scorecard%20June%20YTD_O&amp;M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232\grpdata\Documents%20and%20Settings\ot02695\Local%20Settings\Temporary%20Internet%20Files\Content.Outlook\1FUAANN8\01%202009%20Distribution%20Reporting%20Package.xlsm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1%20Files\2011%20Monthly%20Reporting\Day%205%20Flash\2011-12\EDC%20DAY%205%20FLASH%20-%20Dec2011%20Results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YTD ACTUALS by Month and State"/>
      <sheetName val="IN-N"/>
      <sheetName val="IN-W"/>
      <sheetName val="IN-SE"/>
      <sheetName val="OH - NW"/>
      <sheetName val="OH-SE &amp; KY"/>
      <sheetName val="OH-SE"/>
      <sheetName val="KY"/>
      <sheetName val="SUB-TOTAL"/>
      <sheetName val="SUB-IN"/>
      <sheetName val="SUB-OH"/>
      <sheetName val="SUB-KY"/>
      <sheetName val="State OUs"/>
      <sheetName val="1. UNITS FROM HARRY"/>
      <sheetName val="2. From and To Projections file"/>
      <sheetName val="Budget data sent to Art"/>
      <sheetName val="From Jerry 010710 -Work Plan"/>
      <sheetName val="3. Dave's SCORECARD"/>
      <sheetName val="Capital Only"/>
      <sheetName val="YTD_ACTUALS_by_Month_and_State"/>
      <sheetName val="OH_-_NW"/>
      <sheetName val="OH-SE_&amp;_KY"/>
      <sheetName val="State_OUs"/>
      <sheetName val="1__UNITS_FROM_HARRY"/>
      <sheetName val="2__From_and_To_Projections_file"/>
      <sheetName val="Budget_data_sent_to_Art"/>
      <sheetName val="From_Jerry_010710_-Work_Plan"/>
      <sheetName val="3__Dave's_SCORECARD"/>
      <sheetName val="Capital_Only"/>
      <sheetName val="YTD_ACTUALS_by_Month_and_State1"/>
      <sheetName val="OH_-_NW1"/>
      <sheetName val="OH-SE_&amp;_KY1"/>
      <sheetName val="State_OUs1"/>
      <sheetName val="1__UNITS_FROM_HARRY1"/>
      <sheetName val="2__From_and_To_Projections_fil1"/>
      <sheetName val="Budget_data_sent_to_Art1"/>
      <sheetName val="From_Jerry_010710_-Work_Plan1"/>
      <sheetName val="3__Dave's_SCORECARD1"/>
      <sheetName val="Capital_Only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Capital Template (pac)"/>
      <sheetName val="Targets"/>
      <sheetName val="Information"/>
      <sheetName val="Summary"/>
      <sheetName val="Top 20"/>
      <sheetName val="Capital Template"/>
      <sheetName val="O&amp;M template"/>
      <sheetName val="Draft Station Tier Strategy"/>
      <sheetName val="EquipmentCategories"/>
      <sheetName val="Prioritization"/>
      <sheetName val="Capital Raw data"/>
      <sheetName val="O&amp;M Raw data"/>
      <sheetName val="DEC Pivot"/>
      <sheetName val="Sheet1"/>
      <sheetName val=" BK,DR,RK CAP"/>
      <sheetName val="BK,DR,RK O&amp;M"/>
      <sheetName val="Duke FF rev.9"/>
      <sheetName val="Progress FF rev. 9"/>
      <sheetName val="FHG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3">
          <cell r="A3" t="str">
            <v>316b</v>
          </cell>
        </row>
        <row r="4">
          <cell r="A4" t="str">
            <v>ACI</v>
          </cell>
        </row>
        <row r="5">
          <cell r="A5" t="str">
            <v>Air Heater</v>
          </cell>
        </row>
        <row r="6">
          <cell r="A6" t="str">
            <v>Ash Pond/Landfills</v>
          </cell>
        </row>
        <row r="7">
          <cell r="A7" t="str">
            <v>Blankets</v>
          </cell>
        </row>
        <row r="8">
          <cell r="A8" t="str">
            <v>Boiler Feed Pmp</v>
          </cell>
        </row>
        <row r="9">
          <cell r="A9" t="str">
            <v>Boiler Tube</v>
          </cell>
        </row>
        <row r="10">
          <cell r="A10" t="str">
            <v>Burners</v>
          </cell>
        </row>
        <row r="11">
          <cell r="A11" t="str">
            <v>Chemical</v>
          </cell>
        </row>
        <row r="12">
          <cell r="A12" t="str">
            <v>Condenser</v>
          </cell>
        </row>
        <row r="13">
          <cell r="A13" t="str">
            <v>Controls</v>
          </cell>
        </row>
        <row r="14">
          <cell r="A14" t="str">
            <v>CT Major</v>
          </cell>
        </row>
        <row r="15">
          <cell r="A15" t="str">
            <v>Dry Fly Ash</v>
          </cell>
        </row>
        <row r="16">
          <cell r="A16" t="str">
            <v>Dust Mitigation</v>
          </cell>
        </row>
        <row r="17">
          <cell r="A17" t="str">
            <v>Exp. Joints</v>
          </cell>
        </row>
        <row r="18">
          <cell r="A18" t="str">
            <v>Facilities</v>
          </cell>
        </row>
        <row r="19">
          <cell r="A19" t="str">
            <v>Fans</v>
          </cell>
        </row>
        <row r="20">
          <cell r="A20" t="str">
            <v>Feedwater heaters</v>
          </cell>
        </row>
        <row r="21">
          <cell r="A21" t="str">
            <v>FGD Equipment</v>
          </cell>
        </row>
        <row r="22">
          <cell r="A22" t="str">
            <v>Fuel Flex</v>
          </cell>
        </row>
        <row r="23">
          <cell r="A23" t="str">
            <v>Fuel Handling</v>
          </cell>
        </row>
        <row r="24">
          <cell r="A24" t="str">
            <v>Future Environmental</v>
          </cell>
        </row>
        <row r="25">
          <cell r="A25" t="str">
            <v>Generator</v>
          </cell>
        </row>
        <row r="26">
          <cell r="A26" t="str">
            <v>Hg Studies</v>
          </cell>
        </row>
        <row r="27">
          <cell r="A27" t="str">
            <v>Misc Capital</v>
          </cell>
        </row>
        <row r="28">
          <cell r="A28" t="str">
            <v>Misc. Electrical</v>
          </cell>
        </row>
        <row r="29">
          <cell r="A29" t="str">
            <v>Mobile Equipment</v>
          </cell>
        </row>
        <row r="30">
          <cell r="A30" t="str">
            <v>monitors</v>
          </cell>
        </row>
        <row r="31">
          <cell r="A31" t="str">
            <v>NERC-CIP</v>
          </cell>
        </row>
        <row r="32">
          <cell r="A32" t="str">
            <v>Other</v>
          </cell>
        </row>
        <row r="33">
          <cell r="A33" t="str">
            <v>Precipitator</v>
          </cell>
        </row>
        <row r="34">
          <cell r="A34" t="str">
            <v>Pulverizer</v>
          </cell>
        </row>
        <row r="35">
          <cell r="A35" t="str">
            <v>Pump</v>
          </cell>
        </row>
        <row r="36">
          <cell r="A36" t="str">
            <v>Relicensing</v>
          </cell>
        </row>
        <row r="37">
          <cell r="A37" t="str">
            <v>Retirement</v>
          </cell>
        </row>
        <row r="38">
          <cell r="A38" t="str">
            <v>SCR</v>
          </cell>
        </row>
        <row r="39">
          <cell r="A39" t="str">
            <v>Seismic</v>
          </cell>
        </row>
        <row r="40">
          <cell r="A40" t="str">
            <v>Stack</v>
          </cell>
        </row>
        <row r="41">
          <cell r="A41" t="str">
            <v>Turbine</v>
          </cell>
        </row>
        <row r="42">
          <cell r="A42" t="str">
            <v>Valves</v>
          </cell>
        </row>
        <row r="43">
          <cell r="A43" t="str">
            <v>Water Treatment</v>
          </cell>
        </row>
        <row r="44">
          <cell r="A44" t="str">
            <v>Motor</v>
          </cell>
        </row>
        <row r="45">
          <cell r="A45" t="str">
            <v>Chemical Inj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O&amp;M template"/>
      <sheetName val="Capital Template"/>
      <sheetName val="Draft Station Tier Strategy"/>
      <sheetName val="EquipmentCategories"/>
      <sheetName val="Prioritization"/>
      <sheetName val="Capital Raw data"/>
      <sheetName val="O&amp;M Raw data"/>
    </sheetNames>
    <sheetDataSet>
      <sheetData sheetId="0" refreshError="1"/>
      <sheetData sheetId="1" refreshError="1"/>
      <sheetData sheetId="2" refreshError="1"/>
      <sheetData sheetId="3" refreshError="1"/>
      <sheetData sheetId="4">
        <row r="3">
          <cell r="A3" t="str">
            <v>316b</v>
          </cell>
        </row>
        <row r="4">
          <cell r="A4" t="str">
            <v>ACI</v>
          </cell>
        </row>
        <row r="5">
          <cell r="A5" t="str">
            <v>Air Heater</v>
          </cell>
        </row>
        <row r="6">
          <cell r="A6" t="str">
            <v>Ash Pond/Landfills</v>
          </cell>
        </row>
        <row r="7">
          <cell r="A7" t="str">
            <v>Blankets</v>
          </cell>
        </row>
        <row r="8">
          <cell r="A8" t="str">
            <v>Boiler Feed Pmp</v>
          </cell>
        </row>
        <row r="9">
          <cell r="A9" t="str">
            <v>Boiler Tube</v>
          </cell>
        </row>
        <row r="10">
          <cell r="A10" t="str">
            <v>Burners</v>
          </cell>
        </row>
        <row r="11">
          <cell r="A11" t="str">
            <v>Chemical</v>
          </cell>
        </row>
        <row r="12">
          <cell r="A12" t="str">
            <v>Condenser</v>
          </cell>
        </row>
        <row r="13">
          <cell r="A13" t="str">
            <v>Controls</v>
          </cell>
        </row>
        <row r="14">
          <cell r="A14" t="str">
            <v>CT Major</v>
          </cell>
        </row>
        <row r="15">
          <cell r="A15" t="str">
            <v>Dry Fly Ash</v>
          </cell>
        </row>
        <row r="16">
          <cell r="A16" t="str">
            <v>Dust Mitigation</v>
          </cell>
        </row>
        <row r="17">
          <cell r="A17" t="str">
            <v>Exp. Joints</v>
          </cell>
        </row>
        <row r="18">
          <cell r="A18" t="str">
            <v>Facilities</v>
          </cell>
        </row>
        <row r="19">
          <cell r="A19" t="str">
            <v>Fans</v>
          </cell>
        </row>
        <row r="20">
          <cell r="A20" t="str">
            <v>Feedwater heaters</v>
          </cell>
        </row>
        <row r="21">
          <cell r="A21" t="str">
            <v>FGD Equipment</v>
          </cell>
        </row>
        <row r="22">
          <cell r="A22" t="str">
            <v>Fuel Flex</v>
          </cell>
        </row>
        <row r="23">
          <cell r="A23" t="str">
            <v>Fuel Handling</v>
          </cell>
        </row>
        <row r="24">
          <cell r="A24" t="str">
            <v>Future Environmental</v>
          </cell>
        </row>
        <row r="25">
          <cell r="A25" t="str">
            <v>Generator</v>
          </cell>
        </row>
        <row r="26">
          <cell r="A26" t="str">
            <v>Hg Studies</v>
          </cell>
        </row>
        <row r="27">
          <cell r="A27" t="str">
            <v>Misc Capital</v>
          </cell>
        </row>
        <row r="28">
          <cell r="A28" t="str">
            <v>Misc. Electrical</v>
          </cell>
        </row>
        <row r="29">
          <cell r="A29" t="str">
            <v>Mobile Equipment</v>
          </cell>
        </row>
        <row r="30">
          <cell r="A30" t="str">
            <v>monitors</v>
          </cell>
        </row>
        <row r="31">
          <cell r="A31" t="str">
            <v>NERC-CIP</v>
          </cell>
        </row>
        <row r="32">
          <cell r="A32" t="str">
            <v>Other</v>
          </cell>
        </row>
        <row r="33">
          <cell r="A33" t="str">
            <v>Precipitator</v>
          </cell>
        </row>
        <row r="34">
          <cell r="A34" t="str">
            <v>Pulverizer</v>
          </cell>
        </row>
        <row r="35">
          <cell r="A35" t="str">
            <v>Pump</v>
          </cell>
        </row>
        <row r="36">
          <cell r="A36" t="str">
            <v>Relicensing</v>
          </cell>
        </row>
        <row r="37">
          <cell r="A37" t="str">
            <v>Retirement</v>
          </cell>
        </row>
        <row r="38">
          <cell r="A38" t="str">
            <v>SCR</v>
          </cell>
        </row>
        <row r="39">
          <cell r="A39" t="str">
            <v>Seismic</v>
          </cell>
        </row>
        <row r="40">
          <cell r="A40" t="str">
            <v>Stack</v>
          </cell>
        </row>
        <row r="41">
          <cell r="A41" t="str">
            <v>Turbine</v>
          </cell>
        </row>
        <row r="42">
          <cell r="A42" t="str">
            <v>Valves</v>
          </cell>
        </row>
        <row r="43">
          <cell r="A43" t="str">
            <v>Water Treatment</v>
          </cell>
        </row>
        <row r="44">
          <cell r="A44" t="str">
            <v>Motor</v>
          </cell>
        </row>
        <row r="45">
          <cell r="A45" t="str">
            <v>Chemical Inj</v>
          </cell>
        </row>
      </sheetData>
      <sheetData sheetId="5" refreshError="1"/>
      <sheetData sheetId="6" refreshError="1"/>
      <sheetData sheetId="7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. Proj &amp; CBE Summary"/>
      <sheetName val="2. PGC Emergent Items (2)"/>
      <sheetName val="3. PGC watch List"/>
      <sheetName val="2. PGC  Capital Emergent Items"/>
      <sheetName val="3. PGC Capital watch List (2)"/>
      <sheetName val="4. Action Items"/>
      <sheetName val="Definitions"/>
      <sheetName val="Looku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2">
          <cell r="B2" t="str">
            <v>Base Labor</v>
          </cell>
          <cell r="H2" t="str">
            <v>Yes</v>
          </cell>
        </row>
        <row r="3">
          <cell r="B3" t="str">
            <v>Overtime</v>
          </cell>
          <cell r="H3" t="str">
            <v>No</v>
          </cell>
        </row>
        <row r="4">
          <cell r="B4" t="str">
            <v>Labor Burdens</v>
          </cell>
        </row>
        <row r="5">
          <cell r="B5" t="str">
            <v>Contract Services / Labor</v>
          </cell>
        </row>
        <row r="6">
          <cell r="B6" t="str">
            <v>Materials</v>
          </cell>
        </row>
        <row r="7">
          <cell r="B7" t="str">
            <v xml:space="preserve">Meals/Travel </v>
          </cell>
        </row>
        <row r="8">
          <cell r="B8" t="str">
            <v>Rent/Utilities</v>
          </cell>
        </row>
        <row r="9">
          <cell r="B9" t="str">
            <v xml:space="preserve">Other </v>
          </cell>
        </row>
        <row r="10">
          <cell r="B10" t="str">
            <v>Allocations</v>
          </cell>
        </row>
      </sheetData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Link"/>
      <sheetName val="Directors Fee Summary"/>
      <sheetName val="Deer_Summary"/>
      <sheetName val="Fox_Summary"/>
      <sheetName val="Deer_FeeSched"/>
      <sheetName val="Directors"/>
      <sheetName val="#REF"/>
      <sheetName val="Fox"/>
    </sheetNames>
    <sheetDataSet>
      <sheetData sheetId="0" refreshError="1">
        <row r="1">
          <cell r="A1" t="str">
            <v>Project Fox</v>
          </cell>
        </row>
        <row r="2">
          <cell r="A2" t="str">
            <v>Fox/Deer</v>
          </cell>
        </row>
        <row r="3">
          <cell r="A3" t="str">
            <v>Directors' Fees</v>
          </cell>
        </row>
        <row r="4">
          <cell r="F4" t="str">
            <v>Links:</v>
          </cell>
        </row>
        <row r="5">
          <cell r="A5" t="str">
            <v>Escalation Rate</v>
          </cell>
          <cell r="B5">
            <v>2.6060884053425385E-2</v>
          </cell>
          <cell r="C5" t="str">
            <v>From Assumptions File</v>
          </cell>
          <cell r="D5" t="str">
            <v>IN</v>
          </cell>
          <cell r="F5" t="str">
            <v>From 10-yr Model</v>
          </cell>
        </row>
        <row r="6">
          <cell r="A6" t="str">
            <v>Total Savings (2006):</v>
          </cell>
          <cell r="B6">
            <v>1341.6312510424143</v>
          </cell>
          <cell r="C6" t="str">
            <v>Director's Fees - send to 10-Yr model</v>
          </cell>
          <cell r="D6" t="str">
            <v>Out</v>
          </cell>
          <cell r="F6" t="str">
            <v>Internal</v>
          </cell>
        </row>
        <row r="11">
          <cell r="A11" t="str">
            <v>Assumptions</v>
          </cell>
        </row>
        <row r="12">
          <cell r="A12" t="str">
            <v>Deer Dir Eliminated</v>
          </cell>
          <cell r="B12">
            <v>5</v>
          </cell>
          <cell r="D12" t="str">
            <v>IN</v>
          </cell>
          <cell r="F12" t="str">
            <v>Input</v>
          </cell>
        </row>
        <row r="13">
          <cell r="A13" t="str">
            <v>Fox Dir Eliminated</v>
          </cell>
          <cell r="B13">
            <v>5</v>
          </cell>
          <cell r="D13" t="str">
            <v>IN</v>
          </cell>
          <cell r="F13" t="str">
            <v>Input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tegory"/>
      <sheetName val="OM_Cost Driver"/>
      <sheetName val="Deferred_Cost Driver"/>
      <sheetName val="New Resp Level 4"/>
      <sheetName val="OM_Process Driver"/>
      <sheetName val="FF Detail"/>
      <sheetName val="FF Group"/>
      <sheetName val="Details"/>
      <sheetName val="Link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pEx by Category Status"/>
      <sheetName val="2011 MP Dashboard"/>
      <sheetName val="2011 MP Dashboard (2)"/>
      <sheetName val="Details"/>
    </sheetNames>
    <sheetDataSet>
      <sheetData sheetId="0" refreshError="1"/>
      <sheetData sheetId="1">
        <row r="49">
          <cell r="C49" t="str">
            <v>♦</v>
          </cell>
        </row>
        <row r="50">
          <cell r="C50" t="str">
            <v>●</v>
          </cell>
        </row>
      </sheetData>
      <sheetData sheetId="2"/>
      <sheetData sheetId="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5-2012 vs 2013 by CostDrvr- (3)"/>
      <sheetName val="5-2012 vs 2013 by CostDrvr-PEC"/>
      <sheetName val="5-2012 vs 2013 by CostDrvr- (2)"/>
      <sheetName val="6-2012 vs 2013 by Process-PEC"/>
      <sheetName val="5-2012 vs 2013 by CostDrvr-DEC"/>
      <sheetName val="6-2012 vs 2013 by Process-DEC"/>
    </sheetNames>
    <sheetDataSet>
      <sheetData sheetId="0"/>
      <sheetData sheetId="1">
        <row r="1">
          <cell r="R1">
            <v>1000</v>
          </cell>
        </row>
      </sheetData>
      <sheetData sheetId="2"/>
      <sheetData sheetId="3"/>
      <sheetData sheetId="4"/>
      <sheetData sheetId="5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formation"/>
      <sheetName val="Pivot PD by Dept"/>
      <sheetName val="Pivot PD by Employees"/>
      <sheetName val="Pivot EH&amp;S Headcount"/>
      <sheetName val="CO MAR'13 HR Data"/>
      <sheetName val="Lookups"/>
    </sheetNames>
    <sheetDataSet>
      <sheetData sheetId="0">
        <row r="1">
          <cell r="E1">
            <v>41364</v>
          </cell>
        </row>
      </sheetData>
      <sheetData sheetId="1" refreshError="1"/>
      <sheetData sheetId="2" refreshError="1"/>
      <sheetData sheetId="3" refreshError="1"/>
      <sheetData sheetId="4" refreshError="1"/>
      <sheetData sheetId="5">
        <row r="2">
          <cell r="I2" t="str">
            <v>Roll7 ID</v>
          </cell>
          <cell r="J2" t="str">
            <v>Manager</v>
          </cell>
          <cell r="K2" t="str">
            <v>VP</v>
          </cell>
        </row>
        <row r="3">
          <cell r="E3" t="str">
            <v>DC</v>
          </cell>
          <cell r="F3" t="str">
            <v>SE</v>
          </cell>
          <cell r="G3" t="str">
            <v>Carolinas</v>
          </cell>
          <cell r="I3">
            <v>46138</v>
          </cell>
          <cell r="J3" t="str">
            <v>Trent, B Keith</v>
          </cell>
          <cell r="K3" t="str">
            <v>Trent, B Keith</v>
          </cell>
        </row>
        <row r="4">
          <cell r="E4" t="str">
            <v>FL</v>
          </cell>
          <cell r="F4" t="str">
            <v>SE</v>
          </cell>
          <cell r="G4" t="str">
            <v>Florida</v>
          </cell>
          <cell r="I4">
            <v>43384</v>
          </cell>
          <cell r="J4" t="str">
            <v>Anders, Caren</v>
          </cell>
          <cell r="K4" t="str">
            <v>Anders, Caren</v>
          </cell>
        </row>
        <row r="5">
          <cell r="E5" t="str">
            <v>GA</v>
          </cell>
          <cell r="F5" t="str">
            <v>SE</v>
          </cell>
          <cell r="G5" t="str">
            <v>Carolinas</v>
          </cell>
          <cell r="I5">
            <v>43575</v>
          </cell>
          <cell r="J5" t="str">
            <v>Anderson, John T</v>
          </cell>
          <cell r="K5" t="str">
            <v>Anders, Caren</v>
          </cell>
        </row>
        <row r="6">
          <cell r="E6" t="str">
            <v>IN</v>
          </cell>
          <cell r="F6" t="str">
            <v>MW</v>
          </cell>
          <cell r="G6" t="str">
            <v>Indiana</v>
          </cell>
          <cell r="I6">
            <v>43574</v>
          </cell>
          <cell r="J6" t="str">
            <v>Bagley, Richard W</v>
          </cell>
          <cell r="K6" t="str">
            <v>Anders, Caren</v>
          </cell>
        </row>
        <row r="7">
          <cell r="E7" t="str">
            <v>KY</v>
          </cell>
          <cell r="F7" t="str">
            <v>MW</v>
          </cell>
          <cell r="G7" t="str">
            <v>Ohio &amp; Ky</v>
          </cell>
          <cell r="I7">
            <v>43302</v>
          </cell>
          <cell r="J7" t="str">
            <v>Brabbs, Trisha M</v>
          </cell>
          <cell r="K7" t="str">
            <v>Anders, Caren</v>
          </cell>
        </row>
        <row r="8">
          <cell r="E8" t="str">
            <v>MN</v>
          </cell>
          <cell r="F8" t="str">
            <v>MW</v>
          </cell>
          <cell r="G8" t="str">
            <v>Minn</v>
          </cell>
          <cell r="I8">
            <v>43576</v>
          </cell>
          <cell r="J8" t="str">
            <v>Hope, Catherine</v>
          </cell>
          <cell r="K8" t="str">
            <v>Anders, Caren</v>
          </cell>
        </row>
        <row r="9">
          <cell r="E9" t="str">
            <v>NC</v>
          </cell>
          <cell r="F9" t="str">
            <v>SE</v>
          </cell>
          <cell r="G9" t="str">
            <v>Carolinas</v>
          </cell>
          <cell r="I9">
            <v>43573</v>
          </cell>
          <cell r="J9" t="str">
            <v>Jefferson, William</v>
          </cell>
          <cell r="K9" t="str">
            <v>Anders, Caren</v>
          </cell>
        </row>
        <row r="10">
          <cell r="E10" t="str">
            <v>OH</v>
          </cell>
          <cell r="F10" t="str">
            <v>MW</v>
          </cell>
          <cell r="G10" t="str">
            <v>Ohio &amp; Ky</v>
          </cell>
          <cell r="I10">
            <v>41090</v>
          </cell>
          <cell r="J10" t="str">
            <v>Peeler Jr, Vohn N</v>
          </cell>
          <cell r="K10" t="str">
            <v>Anders, Caren</v>
          </cell>
        </row>
        <row r="11">
          <cell r="E11" t="str">
            <v>SC</v>
          </cell>
          <cell r="F11" t="str">
            <v>SE</v>
          </cell>
          <cell r="G11" t="str">
            <v>Carolinas</v>
          </cell>
          <cell r="I11">
            <v>43584</v>
          </cell>
          <cell r="J11" t="str">
            <v>Waters, Samuel S</v>
          </cell>
          <cell r="K11" t="str">
            <v>Anders, Caren</v>
          </cell>
        </row>
        <row r="12">
          <cell r="E12" t="str">
            <v>TN</v>
          </cell>
          <cell r="F12" t="str">
            <v>SE</v>
          </cell>
          <cell r="G12" t="str">
            <v>Carolinas</v>
          </cell>
          <cell r="I12">
            <v>21602</v>
          </cell>
          <cell r="J12" t="str">
            <v>Carter, Brett C</v>
          </cell>
          <cell r="K12" t="str">
            <v>Carter, Brett C</v>
          </cell>
        </row>
        <row r="13">
          <cell r="E13" t="str">
            <v>TX</v>
          </cell>
          <cell r="F13" t="str">
            <v>SE</v>
          </cell>
          <cell r="G13" t="str">
            <v>Internat'l</v>
          </cell>
          <cell r="I13">
            <v>43570</v>
          </cell>
          <cell r="J13" t="str">
            <v>Birmingham-Byrd, Melody</v>
          </cell>
          <cell r="K13" t="str">
            <v>Carter, Brett C</v>
          </cell>
        </row>
        <row r="14">
          <cell r="I14">
            <v>43569</v>
          </cell>
          <cell r="J14" t="str">
            <v>Corbett, Jeffrey Allen</v>
          </cell>
          <cell r="K14" t="str">
            <v>Carter, Brett C</v>
          </cell>
        </row>
        <row r="15">
          <cell r="I15">
            <v>43571</v>
          </cell>
          <cell r="J15" t="str">
            <v>Lewis, Michael A</v>
          </cell>
          <cell r="K15" t="str">
            <v>Carter, Brett C</v>
          </cell>
        </row>
        <row r="16">
          <cell r="I16">
            <v>43572</v>
          </cell>
          <cell r="J16" t="str">
            <v>Sipes, Robert A</v>
          </cell>
          <cell r="K16" t="str">
            <v>Carter, Brett C</v>
          </cell>
        </row>
        <row r="17">
          <cell r="I17">
            <v>43387</v>
          </cell>
          <cell r="J17" t="str">
            <v>Wyatt, Mark D</v>
          </cell>
          <cell r="K17" t="str">
            <v>Carter, Brett C</v>
          </cell>
        </row>
        <row r="18">
          <cell r="I18">
            <v>24063</v>
          </cell>
          <cell r="J18" t="str">
            <v>Lanier, Gayle S</v>
          </cell>
          <cell r="K18" t="str">
            <v>Lanier, Gayle S</v>
          </cell>
        </row>
        <row r="19">
          <cell r="I19">
            <v>43566</v>
          </cell>
          <cell r="J19" t="str">
            <v>Brabender-Feld, Karen</v>
          </cell>
          <cell r="K19" t="str">
            <v>Lanier, Gayle S</v>
          </cell>
        </row>
        <row r="20">
          <cell r="I20">
            <v>43583</v>
          </cell>
          <cell r="J20" t="str">
            <v>Davis, Joni Y</v>
          </cell>
          <cell r="K20" t="str">
            <v>Lanier, Gayle S</v>
          </cell>
        </row>
        <row r="21">
          <cell r="I21">
            <v>17630</v>
          </cell>
          <cell r="J21" t="str">
            <v>Gowan, James D</v>
          </cell>
          <cell r="K21" t="str">
            <v>Lanier, Gayle S</v>
          </cell>
        </row>
        <row r="22">
          <cell r="I22">
            <v>43581</v>
          </cell>
          <cell r="J22" t="str">
            <v>Larsen, Rchard K</v>
          </cell>
          <cell r="K22" t="str">
            <v>Lanier, Gayle S</v>
          </cell>
        </row>
        <row r="23">
          <cell r="I23">
            <v>23905</v>
          </cell>
          <cell r="J23" t="str">
            <v>Lawrence, Jared A</v>
          </cell>
          <cell r="K23" t="str">
            <v>Lanier, Gayle S</v>
          </cell>
        </row>
        <row r="24">
          <cell r="I24">
            <v>43582</v>
          </cell>
          <cell r="J24" t="str">
            <v>Luhrs, Michael S</v>
          </cell>
          <cell r="K24" t="str">
            <v>Lanier, Gayle S</v>
          </cell>
        </row>
        <row r="25">
          <cell r="I25">
            <v>21286</v>
          </cell>
          <cell r="J25" t="str">
            <v>Rainear, James R</v>
          </cell>
          <cell r="K25" t="str">
            <v>Lanier, Gayle S</v>
          </cell>
        </row>
        <row r="26">
          <cell r="I26">
            <v>41141</v>
          </cell>
          <cell r="J26" t="str">
            <v>Mehring, James</v>
          </cell>
          <cell r="K26" t="str">
            <v>Mehring, James</v>
          </cell>
        </row>
        <row r="27">
          <cell r="I27">
            <v>24005</v>
          </cell>
          <cell r="J27" t="str">
            <v>Brumback, Mike</v>
          </cell>
          <cell r="K27" t="str">
            <v>Mehring, James</v>
          </cell>
        </row>
        <row r="28">
          <cell r="I28">
            <v>23400</v>
          </cell>
          <cell r="J28" t="str">
            <v>Hebbeler, Gary J</v>
          </cell>
          <cell r="K28" t="str">
            <v>Mehring, James</v>
          </cell>
        </row>
        <row r="29">
          <cell r="I29">
            <v>41143</v>
          </cell>
          <cell r="J29" t="str">
            <v>Hill Jr, John A</v>
          </cell>
          <cell r="K29" t="str">
            <v>Mehring, James</v>
          </cell>
        </row>
        <row r="30">
          <cell r="I30">
            <v>23014</v>
          </cell>
          <cell r="J30" t="str">
            <v>Kern, Jeff L</v>
          </cell>
          <cell r="K30" t="str">
            <v>Mehring, James</v>
          </cell>
        </row>
        <row r="31">
          <cell r="I31">
            <v>23403</v>
          </cell>
          <cell r="J31" t="str">
            <v>Westenberg, Dennis John</v>
          </cell>
          <cell r="K31" t="str">
            <v>Mehring, James</v>
          </cell>
        </row>
      </sheetData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OO&amp;MBudget"/>
      <sheetName val="BOCapitalBudget"/>
      <sheetName val="BOECRC"/>
      <sheetName val="Financial Cashflow-ECRC"/>
      <sheetName val="TRIP Abate 1PH Switch - OM"/>
      <sheetName val="PMCoverSheetold"/>
      <sheetName val="GraphTable2"/>
      <sheetName val="Financial Cashflow-OMProj"/>
      <sheetName val="MALReport"/>
      <sheetName val="CoverSheet"/>
      <sheetName val="Pole Replace Open - CAP"/>
      <sheetName val="Capacitor New-CAP"/>
      <sheetName val="Load Growth Feeder - CAP"/>
      <sheetName val="600A Switch Replc-CAP"/>
      <sheetName val="POLE_Rep_Targets"/>
      <sheetName val="URD_CABLE_Targets"/>
      <sheetName val="TRIPTargets"/>
      <sheetName val="PMCoverSheet"/>
      <sheetName val="CapacitorInspect_OM"/>
      <sheetName val="Voltage Reg Inspect-OM"/>
      <sheetName val="600A SWITCH MAINT-O&amp;M"/>
      <sheetName val="Switchgear Replacement-CAP"/>
      <sheetName val="Distribution Automation-OM"/>
      <sheetName val="Financial Cashflow-OM"/>
      <sheetName val="BOO&amp;MActuals"/>
      <sheetName val="OriginalSummary"/>
      <sheetName val="Subaqueous Cable-CAP"/>
      <sheetName val="TRIP Repl 3PH Dry-CAP"/>
      <sheetName val="TRIP Repl 1PH Dry-CAP"/>
      <sheetName val="CIR_UG-CAP"/>
      <sheetName val="CIR_OH-CAP"/>
      <sheetName val="TRIP Abate 3PH - OM"/>
      <sheetName val="TRIP Abate 1PH - OM"/>
      <sheetName val="TRIP Repl 3 PH Modef-CAP"/>
      <sheetName val="TRIP Repl 1 PH Modef-CAP"/>
      <sheetName val="Target Reliability-CAP"/>
      <sheetName val="Pole Reinforce-CAP"/>
      <sheetName val="Pole Treatments-OM"/>
      <sheetName val="Pole Inspect - OM"/>
      <sheetName val="Large Revenue Customer -CAP "/>
      <sheetName val="TRIP Inspections - OM"/>
      <sheetName val="TRIP Abate 3PH-ECRC"/>
      <sheetName val="TRIP Abate 1PH-ECRC"/>
      <sheetName val="Voltage Reg Replace-CAP"/>
      <sheetName val="UG Cable Small"/>
      <sheetName val="UG Cable Large"/>
      <sheetName val="TRIP Repl 3PH Wet-CAP"/>
      <sheetName val="TRIP Repl 1PH Wet-CAP"/>
      <sheetName val="TRIP Paint_Rep1PH-OM"/>
      <sheetName val="StormHardening-CAP"/>
      <sheetName val="StormHard_WkLOC_CAP"/>
      <sheetName val="Small Wire Upgrade-CAP"/>
      <sheetName val="Recloser Replace Hydrau-CAP"/>
      <sheetName val="Recloser Replace Elect-CAP"/>
      <sheetName val="Recloser Maint Electronic - OM"/>
      <sheetName val="Recloser Inspect Electronic-OM"/>
      <sheetName val="Pole Stub Removal-CAP"/>
      <sheetName val="Pole Replace JU Open-CAP"/>
      <sheetName val="Pole Replace JU Closed-CAP"/>
      <sheetName val="Pole Replace Closed - CAP"/>
      <sheetName val="Major Conversion - CAP"/>
      <sheetName val="Network Maintenance-OM"/>
      <sheetName val="Network Replacement-CAP"/>
      <sheetName val="Pole JU Guying-OM"/>
      <sheetName val="Fault Current Indicator - OM"/>
      <sheetName val="Feeder Standard - OM"/>
      <sheetName val="Feeder Standard - CAP"/>
      <sheetName val="DOT-GOVT-Misc-CAP"/>
      <sheetName val="DOT Feeder-CAP"/>
      <sheetName val="Distribution Automation-CAP"/>
      <sheetName val="CapacitorReplc_Cap"/>
      <sheetName val="CapacitorMaint_OM"/>
      <sheetName val="Infrared Scan Replace-CAP"/>
      <sheetName val="Infrared Scan Maint-OM"/>
      <sheetName val="Infrared Scan Inspect-OM"/>
      <sheetName val="Recloser New Electronic CAP"/>
      <sheetName val="ATSMaint_Inspect-OM"/>
      <sheetName val="TransfrREMOHNoLoad OM"/>
      <sheetName val="Subaqueous Cable-OM"/>
      <sheetName val="UGSwitchgearInsMain OM"/>
      <sheetName val="Auto Transfer Switch Rep CAP"/>
      <sheetName val="Longwood_Operation_Center "/>
      <sheetName val="SystemSummaryVariance"/>
      <sheetName val="SystemSummaryVariance (2)"/>
      <sheetName val="Financial Cashflow-CapProj"/>
      <sheetName val="Financial Cashflow-Cap"/>
      <sheetName val="BOCaptialActuals"/>
      <sheetName val="ProgramTable"/>
      <sheetName val="System_Summary"/>
      <sheetName val="GraphTable"/>
      <sheetName val="SystemSummaryVarianceold"/>
      <sheetName val="ProgramList"/>
      <sheetName val="ProgramTable (2)"/>
      <sheetName val="ProgramSummarys_Expand"/>
      <sheetName val="PercentageTable_2"/>
      <sheetName val="SelectionSummary"/>
      <sheetName val="RefTable"/>
      <sheetName val="OriginalWorkPlan"/>
      <sheetName val="OriginalWP"/>
      <sheetName val="Access_Tables_OrgWP"/>
      <sheetName val="Access_Tables"/>
      <sheetName val="Sheet1"/>
      <sheetName val="WMIS_ACCESS_TAble"/>
      <sheetName val="TargetAvailSummary"/>
      <sheetName val="Sheet4"/>
      <sheetName val="ProgramSummary"/>
      <sheetName val="ScaleProgramSummary"/>
      <sheetName val="WeeklyPerform_LimitedProgs"/>
      <sheetName val="BOCaptialProjections"/>
      <sheetName val="BOOMProjections"/>
      <sheetName val="Lookups"/>
      <sheetName val="Financial_Cashflow-ECRC"/>
      <sheetName val="TRIP_Abate_1PH_Switch_-_OM"/>
      <sheetName val="Financial_Cashflow-OMProj"/>
      <sheetName val="Pole_Replace_Open_-_CAP"/>
      <sheetName val="Capacitor_New-CAP"/>
      <sheetName val="Load_Growth_Feeder_-_CAP"/>
      <sheetName val="600A_Switch_Replc-CAP"/>
      <sheetName val="Voltage_Reg_Inspect-OM"/>
      <sheetName val="600A_SWITCH_MAINT-O&amp;M"/>
      <sheetName val="Switchgear_Replacement-CAP"/>
      <sheetName val="Distribution_Automation-OM"/>
      <sheetName val="Financial_Cashflow-OM"/>
      <sheetName val="Subaqueous_Cable-CAP"/>
      <sheetName val="TRIP_Repl_3PH_Dry-CAP"/>
      <sheetName val="TRIP_Repl_1PH_Dry-CAP"/>
      <sheetName val="TRIP_Abate_3PH_-_OM"/>
      <sheetName val="TRIP_Abate_1PH_-_OM"/>
      <sheetName val="TRIP_Repl_3_PH_Modef-CAP"/>
      <sheetName val="TRIP_Repl_1_PH_Modef-CAP"/>
      <sheetName val="Target_Reliability-CAP"/>
      <sheetName val="Pole_Reinforce-CAP"/>
      <sheetName val="Pole_Treatments-OM"/>
      <sheetName val="Pole_Inspect_-_OM"/>
      <sheetName val="Large_Revenue_Customer_-CAP_"/>
      <sheetName val="TRIP_Inspections_-_OM"/>
      <sheetName val="TRIP_Abate_3PH-ECRC"/>
      <sheetName val="TRIP_Abate_1PH-ECRC"/>
      <sheetName val="Voltage_Reg_Replace-CAP"/>
      <sheetName val="UG_Cable_Small"/>
      <sheetName val="UG_Cable_Large"/>
      <sheetName val="TRIP_Repl_3PH_Wet-CAP"/>
      <sheetName val="TRIP_Repl_1PH_Wet-CAP"/>
      <sheetName val="TRIP_Paint_Rep1PH-OM"/>
      <sheetName val="Small_Wire_Upgrade-CAP"/>
      <sheetName val="Recloser_Replace_Hydrau-CAP"/>
      <sheetName val="Recloser_Replace_Elect-CAP"/>
      <sheetName val="Recloser_Maint_Electronic_-_OM"/>
      <sheetName val="Recloser_Inspect_Electronic-OM"/>
      <sheetName val="Pole_Stub_Removal-CAP"/>
      <sheetName val="Pole_Replace_JU_Open-CAP"/>
      <sheetName val="Pole_Replace_JU_Closed-CAP"/>
      <sheetName val="Pole_Replace_Closed_-_CAP"/>
      <sheetName val="Major_Conversion_-_CAP"/>
      <sheetName val="Network_Maintenance-OM"/>
      <sheetName val="Network_Replacement-CAP"/>
      <sheetName val="Pole_JU_Guying-OM"/>
      <sheetName val="Fault_Current_Indicator_-_OM"/>
      <sheetName val="Feeder_Standard_-_OM"/>
      <sheetName val="Feeder_Standard_-_CAP"/>
      <sheetName val="DOT_Feeder-CAP"/>
      <sheetName val="Distribution_Automation-CAP"/>
      <sheetName val="Infrared_Scan_Replace-CAP"/>
      <sheetName val="Infrared_Scan_Maint-OM"/>
      <sheetName val="Infrared_Scan_Inspect-OM"/>
      <sheetName val="Recloser_New_Electronic_CAP"/>
      <sheetName val="TransfrREMOHNoLoad_OM"/>
      <sheetName val="Subaqueous_Cable-OM"/>
      <sheetName val="UGSwitchgearInsMain_OM"/>
      <sheetName val="Auto_Transfer_Switch_Rep_CAP"/>
      <sheetName val="Longwood_Operation_Center_"/>
      <sheetName val="SystemSummaryVariance_(2)"/>
      <sheetName val="Financial_Cashflow-CapProj"/>
      <sheetName val="Financial_Cashflow-Cap"/>
      <sheetName val="ProgramTable_(2)"/>
      <sheetName val="Financial_Cashflow-ECRC1"/>
      <sheetName val="TRIP_Abate_1PH_Switch_-_OM1"/>
      <sheetName val="Financial_Cashflow-OMProj1"/>
      <sheetName val="Pole_Replace_Open_-_CAP1"/>
      <sheetName val="Capacitor_New-CAP1"/>
      <sheetName val="Load_Growth_Feeder_-_CAP1"/>
      <sheetName val="600A_Switch_Replc-CAP1"/>
      <sheetName val="Voltage_Reg_Inspect-OM1"/>
      <sheetName val="600A_SWITCH_MAINT-O&amp;M1"/>
      <sheetName val="Switchgear_Replacement-CAP1"/>
      <sheetName val="Distribution_Automation-OM1"/>
      <sheetName val="Financial_Cashflow-OM1"/>
      <sheetName val="Subaqueous_Cable-CAP1"/>
      <sheetName val="TRIP_Repl_3PH_Dry-CAP1"/>
      <sheetName val="TRIP_Repl_1PH_Dry-CAP1"/>
      <sheetName val="TRIP_Abate_3PH_-_OM1"/>
      <sheetName val="TRIP_Abate_1PH_-_OM1"/>
      <sheetName val="TRIP_Repl_3_PH_Modef-CAP1"/>
      <sheetName val="TRIP_Repl_1_PH_Modef-CAP1"/>
      <sheetName val="Target_Reliability-CAP1"/>
      <sheetName val="Pole_Reinforce-CAP1"/>
      <sheetName val="Pole_Treatments-OM1"/>
      <sheetName val="Pole_Inspect_-_OM1"/>
      <sheetName val="Large_Revenue_Customer_-CAP_1"/>
      <sheetName val="TRIP_Inspections_-_OM1"/>
      <sheetName val="TRIP_Abate_3PH-ECRC1"/>
      <sheetName val="TRIP_Abate_1PH-ECRC1"/>
      <sheetName val="Voltage_Reg_Replace-CAP1"/>
      <sheetName val="UG_Cable_Small1"/>
      <sheetName val="UG_Cable_Large1"/>
      <sheetName val="TRIP_Repl_3PH_Wet-CAP1"/>
      <sheetName val="TRIP_Repl_1PH_Wet-CAP1"/>
      <sheetName val="TRIP_Paint_Rep1PH-OM1"/>
      <sheetName val="Small_Wire_Upgrade-CAP1"/>
      <sheetName val="Recloser_Replace_Hydrau-CAP1"/>
      <sheetName val="Recloser_Replace_Elect-CAP1"/>
      <sheetName val="Recloser_Maint_Electronic_-_OM1"/>
      <sheetName val="Recloser_Inspect_Electronic-OM1"/>
      <sheetName val="Pole_Stub_Removal-CAP1"/>
      <sheetName val="Pole_Replace_JU_Open-CAP1"/>
      <sheetName val="Pole_Replace_JU_Closed-CAP1"/>
      <sheetName val="Pole_Replace_Closed_-_CAP1"/>
      <sheetName val="Major_Conversion_-_CAP1"/>
      <sheetName val="Network_Maintenance-OM1"/>
      <sheetName val="Network_Replacement-CAP1"/>
      <sheetName val="Pole_JU_Guying-OM1"/>
      <sheetName val="Fault_Current_Indicator_-_OM1"/>
      <sheetName val="Feeder_Standard_-_OM1"/>
      <sheetName val="Feeder_Standard_-_CAP1"/>
      <sheetName val="DOT_Feeder-CAP1"/>
      <sheetName val="Distribution_Automation-CAP1"/>
      <sheetName val="Infrared_Scan_Replace-CAP1"/>
      <sheetName val="Infrared_Scan_Maint-OM1"/>
      <sheetName val="Infrared_Scan_Inspect-OM1"/>
      <sheetName val="Recloser_New_Electronic_CAP1"/>
      <sheetName val="TransfrREMOHNoLoad_OM1"/>
      <sheetName val="Subaqueous_Cable-OM1"/>
      <sheetName val="UGSwitchgearInsMain_OM1"/>
      <sheetName val="Auto_Transfer_Switch_Rep_CAP1"/>
      <sheetName val="Longwood_Operation_Center_1"/>
      <sheetName val="SystemSummaryVariance_(2)1"/>
      <sheetName val="Financial_Cashflow-CapProj1"/>
      <sheetName val="Financial_Cashflow-Cap1"/>
      <sheetName val="ProgramTable_(2)1"/>
    </sheetNames>
    <sheetDataSet>
      <sheetData sheetId="0">
        <row r="1">
          <cell r="A1">
            <v>0</v>
          </cell>
        </row>
      </sheetData>
      <sheetData sheetId="1">
        <row r="1">
          <cell r="B1" t="str">
            <v>PUDF Grouping - Detail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>
        <row r="1">
          <cell r="A1">
            <v>0</v>
          </cell>
        </row>
      </sheetData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>
        <row r="29">
          <cell r="C29">
            <v>1</v>
          </cell>
        </row>
      </sheetData>
      <sheetData sheetId="38">
        <row r="29">
          <cell r="C29">
            <v>1</v>
          </cell>
        </row>
      </sheetData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>
        <row r="308">
          <cell r="F308" t="str">
            <v>Jan</v>
          </cell>
        </row>
      </sheetData>
      <sheetData sheetId="86">
        <row r="1">
          <cell r="B1" t="str">
            <v>PUDF Grouping - Detail</v>
          </cell>
        </row>
      </sheetData>
      <sheetData sheetId="87"/>
      <sheetData sheetId="88"/>
      <sheetData sheetId="89">
        <row r="1">
          <cell r="A1" t="str">
            <v>vlookup</v>
          </cell>
        </row>
      </sheetData>
      <sheetData sheetId="90"/>
      <sheetData sheetId="91">
        <row r="1">
          <cell r="E1" t="str">
            <v>Location</v>
          </cell>
          <cell r="I1" t="str">
            <v>Program Groups</v>
          </cell>
        </row>
        <row r="2">
          <cell r="E2" t="str">
            <v>APOPKA OPERATION CENTER</v>
          </cell>
          <cell r="I2" t="str">
            <v>Switches_Automation</v>
          </cell>
        </row>
        <row r="3">
          <cell r="E3" t="str">
            <v>DELAND OPERATION CENTER</v>
          </cell>
          <cell r="I3" t="str">
            <v>Capacitors</v>
          </cell>
        </row>
        <row r="4">
          <cell r="E4" t="str">
            <v>JAMESTOWN OPERATION CENTER</v>
          </cell>
          <cell r="I4" t="str">
            <v>Component_Integrity_Replacement</v>
          </cell>
        </row>
        <row r="5">
          <cell r="E5" t="str">
            <v>LONGWOOD OPERATION CENTER</v>
          </cell>
          <cell r="I5" t="str">
            <v>DOT</v>
          </cell>
        </row>
        <row r="6">
          <cell r="E6" t="str">
            <v>NORTH CENTRAL REGION</v>
          </cell>
          <cell r="I6" t="str">
            <v>Feeder_Standardization</v>
          </cell>
        </row>
        <row r="7">
          <cell r="E7" t="str">
            <v>DEM LAKE WALES</v>
          </cell>
          <cell r="I7" t="str">
            <v xml:space="preserve">Infrared_Scan </v>
          </cell>
        </row>
        <row r="8">
          <cell r="E8" t="str">
            <v>LAKE WALES OPERATION CENTER</v>
          </cell>
          <cell r="I8" t="str">
            <v>Large_Revenue_Customer</v>
          </cell>
        </row>
        <row r="9">
          <cell r="E9" t="str">
            <v>HIGHLANDS OPERATION CENTER</v>
          </cell>
          <cell r="I9" t="str">
            <v>Load_Growth</v>
          </cell>
        </row>
        <row r="10">
          <cell r="E10" t="str">
            <v>SE ORLANDO OPERATION CENTER</v>
          </cell>
          <cell r="I10" t="str">
            <v>Major_Conversion</v>
          </cell>
        </row>
        <row r="11">
          <cell r="E11" t="str">
            <v>DEM WINTER GARDEN</v>
          </cell>
          <cell r="I11" t="str">
            <v>Network_Replace_Maint</v>
          </cell>
        </row>
        <row r="12">
          <cell r="E12" t="str">
            <v>BUENA VISTA OPERATION CENTER</v>
          </cell>
          <cell r="I12" t="str">
            <v>Poles</v>
          </cell>
        </row>
        <row r="13">
          <cell r="E13" t="str">
            <v>CLERMONT OPERATON CENTER</v>
          </cell>
          <cell r="I13" t="str">
            <v>StormHardening_SmallWire_More</v>
          </cell>
        </row>
        <row r="14">
          <cell r="E14" t="str">
            <v>WINTER GARDEN OPERATION CENTER</v>
          </cell>
          <cell r="I14" t="str">
            <v>Targeted_Reliability</v>
          </cell>
        </row>
        <row r="15">
          <cell r="E15" t="str">
            <v>SOUTH CENTRAL REGION</v>
          </cell>
          <cell r="I15" t="str">
            <v>TRIP_Modef</v>
          </cell>
        </row>
        <row r="16">
          <cell r="E16" t="str">
            <v>INVERNESS OPERATION CENTER</v>
          </cell>
          <cell r="I16" t="str">
            <v>Underground_Cable</v>
          </cell>
        </row>
        <row r="17">
          <cell r="E17" t="str">
            <v>MONTICELLO OPERATION CENTER</v>
          </cell>
          <cell r="I17" t="str">
            <v>FCI</v>
          </cell>
        </row>
        <row r="18">
          <cell r="E18" t="str">
            <v>OCALA OPERATION CENTER</v>
          </cell>
          <cell r="I18" t="str">
            <v>Reclosers</v>
          </cell>
        </row>
        <row r="19">
          <cell r="E19" t="str">
            <v>NORTH COASTAL REGION</v>
          </cell>
          <cell r="I19" t="str">
            <v>Regulators</v>
          </cell>
        </row>
        <row r="20">
          <cell r="E20" t="str">
            <v>DEM CLEARWATER</v>
          </cell>
        </row>
        <row r="21">
          <cell r="E21" t="str">
            <v>CLEARWATER OPERATION CENTER</v>
          </cell>
        </row>
        <row r="22">
          <cell r="E22" t="str">
            <v>SEVEN SPRINGS OPERATION CENTER</v>
          </cell>
        </row>
        <row r="23">
          <cell r="E23" t="str">
            <v>DEM ST PETERSBURG</v>
          </cell>
        </row>
        <row r="24">
          <cell r="E24" t="str">
            <v>ST PETERSBURG OPERATION CENTER</v>
          </cell>
        </row>
        <row r="25">
          <cell r="E25" t="str">
            <v>WALSINGHAM OPERATION CENTER</v>
          </cell>
        </row>
        <row r="26">
          <cell r="E26" t="str">
            <v>SOUTH COASTAL REGION</v>
          </cell>
        </row>
        <row r="27">
          <cell r="E27" t="str">
            <v>SYSTEM</v>
          </cell>
        </row>
      </sheetData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>
        <row r="4">
          <cell r="BE4" t="str">
            <v>Sum of NO OF UNITS</v>
          </cell>
        </row>
      </sheetData>
      <sheetData sheetId="101"/>
      <sheetData sheetId="102">
        <row r="2">
          <cell r="BW2" t="str">
            <v>Sum of Asbuilt Total</v>
          </cell>
        </row>
      </sheetData>
      <sheetData sheetId="103"/>
      <sheetData sheetId="104"/>
      <sheetData sheetId="105"/>
      <sheetData sheetId="106"/>
      <sheetData sheetId="107"/>
      <sheetData sheetId="108"/>
      <sheetData sheetId="109"/>
      <sheetData sheetId="110" refreshError="1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>
        <row r="29">
          <cell r="C29">
            <v>1</v>
          </cell>
        </row>
      </sheetData>
      <sheetData sheetId="133">
        <row r="29">
          <cell r="C29">
            <v>1</v>
          </cell>
        </row>
      </sheetData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>
        <row r="308">
          <cell r="F308" t="str">
            <v>Jan</v>
          </cell>
        </row>
      </sheetData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>
        <row r="29">
          <cell r="C29">
            <v>1</v>
          </cell>
        </row>
      </sheetData>
      <sheetData sheetId="197">
        <row r="29">
          <cell r="C29">
            <v>1</v>
          </cell>
        </row>
      </sheetData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>
        <row r="308">
          <cell r="F308" t="str">
            <v>Jan</v>
          </cell>
        </row>
      </sheetData>
      <sheetData sheetId="238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Jeff's Pivot"/>
      <sheetName val="Resource check for Beth"/>
      <sheetName val="Pivot - YTD BUDs for Copying"/>
      <sheetName val="Pivot - XFMRS &amp; METERS"/>
      <sheetName val="Pivot - IN"/>
      <sheetName val="Pivot - IN-N"/>
      <sheetName val="Pivot - IN-W"/>
      <sheetName val="Pivot - IN-SE"/>
      <sheetName val="Pivot - OH"/>
      <sheetName val="Pivot - OH NW"/>
      <sheetName val="Pivot - OH SE"/>
      <sheetName val="Pivot - KY"/>
      <sheetName val="Pivot - KY - Ken"/>
      <sheetName val="Pivot - SUB-IN"/>
      <sheetName val="Pivot - SUB-OH"/>
      <sheetName val="Pivot - SUB-KY"/>
      <sheetName val="Pivot - SUB-TOTAL REPORT"/>
      <sheetName val="UGCRxx Monthly Report"/>
      <sheetName val="Pivot - OTHER"/>
      <sheetName val="Data"/>
      <sheetName val="Danforth-Lookup for Unit Report"/>
      <sheetName val="Resource"/>
      <sheetName val="BudAdj"/>
      <sheetName val="Regions"/>
      <sheetName val="Shell"/>
      <sheetName val="EV Table"/>
      <sheetName val="State"/>
      <sheetName val="Program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>
        <row r="1">
          <cell r="A1" t="str">
            <v>Process Level 5</v>
          </cell>
          <cell r="B1" t="str">
            <v>WHITE LINE</v>
          </cell>
          <cell r="C1" t="str">
            <v>Owner (Lvl 5)</v>
          </cell>
          <cell r="D1" t="str">
            <v>Order on Unit Report</v>
          </cell>
          <cell r="I1" t="str">
            <v>Project</v>
          </cell>
          <cell r="J1" t="str">
            <v>Sub-White Line</v>
          </cell>
          <cell r="L1" t="str">
            <v>Oper Unit ID CB</v>
          </cell>
          <cell r="M1" t="str">
            <v>Region</v>
          </cell>
          <cell r="O1" t="str">
            <v>Region</v>
          </cell>
          <cell r="P1" t="str">
            <v>Manager</v>
          </cell>
          <cell r="S1" t="str">
            <v>Project ID</v>
          </cell>
          <cell r="T1" t="str">
            <v>Funding Project</v>
          </cell>
        </row>
        <row r="2">
          <cell r="A2" t="str">
            <v>BLDG-SUBSTATION</v>
          </cell>
          <cell r="B2" t="str">
            <v>Substation Buildings</v>
          </cell>
          <cell r="C2" t="str">
            <v>Field Ops</v>
          </cell>
          <cell r="D2">
            <v>26</v>
          </cell>
          <cell r="I2" t="str">
            <v>ABCIN</v>
          </cell>
          <cell r="J2" t="str">
            <v>AB Chance Cutout</v>
          </cell>
          <cell r="L2" t="str">
            <v>AMSK</v>
          </cell>
          <cell r="M2" t="str">
            <v>not FO</v>
          </cell>
          <cell r="O2" t="str">
            <v>IN - N</v>
          </cell>
          <cell r="P2" t="str">
            <v>Mike Miller</v>
          </cell>
          <cell r="S2" t="str">
            <v>E0252</v>
          </cell>
          <cell r="T2" t="str">
            <v>TPEQUIPFA</v>
          </cell>
        </row>
        <row r="3">
          <cell r="A3" t="str">
            <v>BUILDGS_&amp;_OPER_CENTR</v>
          </cell>
          <cell r="C3" t="str">
            <v>not FO</v>
          </cell>
          <cell r="D3">
            <v>99</v>
          </cell>
          <cell r="I3" t="str">
            <v>BLDGFB</v>
          </cell>
          <cell r="L3" t="str">
            <v>AMSO</v>
          </cell>
          <cell r="M3" t="str">
            <v>not FO</v>
          </cell>
          <cell r="O3" t="str">
            <v>IN - SE</v>
          </cell>
          <cell r="P3" t="str">
            <v>Brian Liggett</v>
          </cell>
          <cell r="S3" t="str">
            <v>E0272</v>
          </cell>
          <cell r="T3" t="str">
            <v>TPEQUIPFA</v>
          </cell>
        </row>
        <row r="4">
          <cell r="A4" t="str">
            <v>BUS_SUP</v>
          </cell>
          <cell r="C4" t="str">
            <v>not FO</v>
          </cell>
          <cell r="D4">
            <v>99</v>
          </cell>
          <cell r="I4" t="str">
            <v>CAPIN</v>
          </cell>
          <cell r="J4" t="str">
            <v>Capacitor Switch Changeout</v>
          </cell>
          <cell r="L4" t="str">
            <v>CSPT</v>
          </cell>
          <cell r="M4" t="str">
            <v>not FO</v>
          </cell>
          <cell r="O4" t="str">
            <v>IN - W</v>
          </cell>
          <cell r="P4" t="str">
            <v>Greg Justis</v>
          </cell>
          <cell r="S4" t="str">
            <v>E1543</v>
          </cell>
          <cell r="T4" t="str">
            <v>TPEQUIPFA</v>
          </cell>
        </row>
        <row r="5">
          <cell r="A5" t="str">
            <v>BUS_SUPPORT_OTHER</v>
          </cell>
          <cell r="C5" t="str">
            <v>not FO</v>
          </cell>
          <cell r="D5">
            <v>99</v>
          </cell>
          <cell r="I5" t="str">
            <v>CAPKY</v>
          </cell>
          <cell r="J5" t="str">
            <v>Capacitor Switch Changeout</v>
          </cell>
          <cell r="L5" t="str">
            <v>FMIN</v>
          </cell>
          <cell r="M5" t="str">
            <v>not FO</v>
          </cell>
          <cell r="O5" t="str">
            <v>KY</v>
          </cell>
          <cell r="P5" t="str">
            <v>Ken Toebbe</v>
          </cell>
          <cell r="S5" t="str">
            <v>E1593</v>
          </cell>
          <cell r="T5" t="str">
            <v>TPEQUIPFA</v>
          </cell>
        </row>
        <row r="6">
          <cell r="A6" t="str">
            <v>CABLE_REPL</v>
          </cell>
          <cell r="B6" t="str">
            <v>UG Cable Replacement</v>
          </cell>
          <cell r="C6" t="str">
            <v>Field Ops</v>
          </cell>
          <cell r="D6">
            <v>12</v>
          </cell>
          <cell r="I6" t="str">
            <v>CAPOH</v>
          </cell>
          <cell r="J6" t="str">
            <v>Capacitor Switch Changeout</v>
          </cell>
          <cell r="L6" t="str">
            <v>FMIS</v>
          </cell>
          <cell r="M6" t="str">
            <v>not FO</v>
          </cell>
          <cell r="O6" t="str">
            <v>not FO</v>
          </cell>
          <cell r="P6" t="str">
            <v>not FO</v>
          </cell>
          <cell r="S6" t="str">
            <v>E1674</v>
          </cell>
          <cell r="T6" t="str">
            <v>TPEQUIPFA</v>
          </cell>
        </row>
        <row r="7">
          <cell r="A7" t="str">
            <v>CABLE_REPL_MAJOR</v>
          </cell>
          <cell r="B7" t="str">
            <v>UG Cable Replacement-Major</v>
          </cell>
          <cell r="C7" t="str">
            <v>Field Ops</v>
          </cell>
          <cell r="D7">
            <v>13</v>
          </cell>
          <cell r="I7" t="str">
            <v>CAPSUBDFB</v>
          </cell>
          <cell r="L7" t="str">
            <v>FMOH</v>
          </cell>
          <cell r="M7" t="str">
            <v>not FO</v>
          </cell>
          <cell r="O7" t="str">
            <v>OH - NW</v>
          </cell>
          <cell r="P7" t="str">
            <v>Mary Crowe</v>
          </cell>
          <cell r="S7" t="str">
            <v>E1992</v>
          </cell>
          <cell r="T7" t="str">
            <v>TPEQUIPFA</v>
          </cell>
        </row>
        <row r="8">
          <cell r="A8" t="str">
            <v>CIRCUIT SECTIONALIZA</v>
          </cell>
          <cell r="B8" t="str">
            <v>Circuit Sectionalization</v>
          </cell>
          <cell r="C8" t="str">
            <v>Field Ops</v>
          </cell>
          <cell r="D8">
            <v>6</v>
          </cell>
          <cell r="I8" t="str">
            <v>CERTFB</v>
          </cell>
          <cell r="J8" t="str">
            <v>Capital Equip Repl - T</v>
          </cell>
          <cell r="L8" t="str">
            <v>IMDI</v>
          </cell>
          <cell r="M8" t="str">
            <v>not FO</v>
          </cell>
          <cell r="O8" t="str">
            <v>OH - SE</v>
          </cell>
          <cell r="P8" t="str">
            <v>Ken Toebbe</v>
          </cell>
          <cell r="S8" t="str">
            <v>E2053</v>
          </cell>
          <cell r="T8" t="str">
            <v>TPEQUIPFA</v>
          </cell>
        </row>
        <row r="9">
          <cell r="A9" t="str">
            <v>CORP_FACILITIES</v>
          </cell>
          <cell r="C9" t="str">
            <v>not FO</v>
          </cell>
          <cell r="D9">
            <v>99</v>
          </cell>
          <cell r="I9" t="str">
            <v>CERTIN</v>
          </cell>
          <cell r="J9" t="str">
            <v>Capital Equip Repl - T</v>
          </cell>
          <cell r="L9" t="str">
            <v>IMPI</v>
          </cell>
          <cell r="M9" t="str">
            <v>not FO</v>
          </cell>
          <cell r="O9" t="str">
            <v>Other</v>
          </cell>
          <cell r="P9" t="str">
            <v>Jim Mehring</v>
          </cell>
          <cell r="S9" t="str">
            <v>E2412</v>
          </cell>
          <cell r="T9" t="str">
            <v>TPEQUIPFA</v>
          </cell>
        </row>
        <row r="10">
          <cell r="A10" t="str">
            <v>CUS_ADDS_ENGG</v>
          </cell>
          <cell r="B10" t="str">
            <v>Engineering-Cust Add-D</v>
          </cell>
          <cell r="C10" t="str">
            <v>Field Ops</v>
          </cell>
          <cell r="D10">
            <v>22</v>
          </cell>
          <cell r="I10" t="str">
            <v>CERTKY</v>
          </cell>
          <cell r="J10" t="str">
            <v>Capital Equip Repl - T</v>
          </cell>
          <cell r="L10" t="str">
            <v>PD01</v>
          </cell>
          <cell r="M10" t="str">
            <v>not FO</v>
          </cell>
          <cell r="O10" t="str">
            <v>SUB - IN</v>
          </cell>
          <cell r="P10" t="str">
            <v>Terry Hoff</v>
          </cell>
          <cell r="S10" t="str">
            <v>E3035</v>
          </cell>
          <cell r="T10" t="str">
            <v>TPEQUIPFA</v>
          </cell>
        </row>
        <row r="11">
          <cell r="A11" t="str">
            <v>CUST_BILLED_PROJ</v>
          </cell>
          <cell r="C11" t="str">
            <v>not FO</v>
          </cell>
          <cell r="D11">
            <v>99</v>
          </cell>
          <cell r="I11" t="str">
            <v>CERTOH</v>
          </cell>
          <cell r="J11" t="str">
            <v>Capital Equip Repl - T</v>
          </cell>
          <cell r="L11" t="str">
            <v>PD02</v>
          </cell>
          <cell r="M11" t="str">
            <v>not FO</v>
          </cell>
          <cell r="O11" t="str">
            <v>SUB - KY</v>
          </cell>
          <cell r="P11" t="str">
            <v>Terry Hoff</v>
          </cell>
          <cell r="S11" t="str">
            <v>E3076</v>
          </cell>
          <cell r="T11" t="str">
            <v>TPEQUIPFA</v>
          </cell>
        </row>
        <row r="12">
          <cell r="A12" t="str">
            <v>CUSTOMER_ADDITIONS</v>
          </cell>
          <cell r="B12" t="str">
            <v>Customer Additions</v>
          </cell>
          <cell r="C12" t="str">
            <v>Field Ops</v>
          </cell>
          <cell r="D12">
            <v>20</v>
          </cell>
          <cell r="I12" t="str">
            <v>CFYFB</v>
          </cell>
          <cell r="L12" t="str">
            <v>PD03</v>
          </cell>
          <cell r="M12" t="str">
            <v>not FO</v>
          </cell>
          <cell r="O12" t="str">
            <v>SUB - OH</v>
          </cell>
          <cell r="P12" t="str">
            <v>Terry Hoff</v>
          </cell>
          <cell r="S12" t="str">
            <v>E3153</v>
          </cell>
          <cell r="T12" t="str">
            <v>TPEQUIPFA</v>
          </cell>
        </row>
        <row r="13">
          <cell r="A13" t="str">
            <v>CUSTOMER_DELIVERIES</v>
          </cell>
          <cell r="C13" t="str">
            <v>not FO</v>
          </cell>
          <cell r="D13">
            <v>99</v>
          </cell>
          <cell r="I13" t="str">
            <v>CSFB</v>
          </cell>
          <cell r="J13" t="str">
            <v>Circuit Sectionalization</v>
          </cell>
          <cell r="L13" t="str">
            <v>V38H</v>
          </cell>
          <cell r="M13" t="str">
            <v>OH - SE</v>
          </cell>
          <cell r="S13" t="str">
            <v>E3332</v>
          </cell>
          <cell r="T13" t="str">
            <v>TPEQUIPFA</v>
          </cell>
        </row>
        <row r="14">
          <cell r="A14" t="str">
            <v>DISTRIBUTION_SVC</v>
          </cell>
          <cell r="C14" t="str">
            <v>not FO</v>
          </cell>
          <cell r="D14">
            <v>99</v>
          </cell>
          <cell r="I14" t="str">
            <v>CSIN</v>
          </cell>
          <cell r="J14" t="str">
            <v>Circuit Sectionalization</v>
          </cell>
          <cell r="L14" t="str">
            <v>V40C</v>
          </cell>
          <cell r="M14" t="str">
            <v>OH - SE</v>
          </cell>
          <cell r="S14" t="str">
            <v>E3372</v>
          </cell>
          <cell r="T14" t="str">
            <v>TPEQUIPFA</v>
          </cell>
        </row>
        <row r="15">
          <cell r="A15" t="str">
            <v>EQUIPMENT_&amp;_TOOLS</v>
          </cell>
          <cell r="B15" t="str">
            <v>Tools &amp; Equipment</v>
          </cell>
          <cell r="C15" t="str">
            <v>Field Ops</v>
          </cell>
          <cell r="D15">
            <v>25</v>
          </cell>
          <cell r="I15" t="str">
            <v>CSKY</v>
          </cell>
          <cell r="J15" t="str">
            <v>Circuit Sectionalization</v>
          </cell>
          <cell r="L15" t="str">
            <v>V422</v>
          </cell>
          <cell r="M15" t="str">
            <v>IN - N</v>
          </cell>
          <cell r="S15" t="str">
            <v>E3412</v>
          </cell>
          <cell r="T15" t="str">
            <v>TPEQUIPFA</v>
          </cell>
        </row>
        <row r="16">
          <cell r="A16" t="str">
            <v>INDIRECT_BUDGET-MW</v>
          </cell>
          <cell r="C16" t="str">
            <v>not FO</v>
          </cell>
          <cell r="D16">
            <v>99</v>
          </cell>
          <cell r="I16" t="str">
            <v>CSOH</v>
          </cell>
          <cell r="J16" t="str">
            <v>Circuit Sectionalization</v>
          </cell>
          <cell r="L16" t="str">
            <v>V432</v>
          </cell>
          <cell r="M16" t="str">
            <v>IN - N</v>
          </cell>
          <cell r="S16" t="str">
            <v>E4032</v>
          </cell>
          <cell r="T16" t="str">
            <v>TPEQUIPFA</v>
          </cell>
        </row>
        <row r="17">
          <cell r="A17" t="str">
            <v>INTEGRITY_PROJECTS</v>
          </cell>
          <cell r="C17" t="str">
            <v>not FO</v>
          </cell>
          <cell r="D17">
            <v>99</v>
          </cell>
          <cell r="I17" t="str">
            <v>CSPFB</v>
          </cell>
          <cell r="J17" t="str">
            <v>Transformer Retrofit</v>
          </cell>
          <cell r="L17" t="str">
            <v>V442</v>
          </cell>
          <cell r="M17" t="str">
            <v>IN - N</v>
          </cell>
          <cell r="S17" t="str">
            <v>E4053</v>
          </cell>
          <cell r="T17" t="str">
            <v>TPEQUIPFA</v>
          </cell>
        </row>
        <row r="18">
          <cell r="A18" t="str">
            <v>LIGHTING CAR</v>
          </cell>
          <cell r="C18" t="str">
            <v>not FO</v>
          </cell>
          <cell r="D18">
            <v>99</v>
          </cell>
          <cell r="I18" t="str">
            <v>CSPIN</v>
          </cell>
          <cell r="J18" t="str">
            <v>Transformer Retrofit</v>
          </cell>
          <cell r="L18" t="str">
            <v>V452</v>
          </cell>
          <cell r="M18" t="str">
            <v>IN - N</v>
          </cell>
          <cell r="S18" t="str">
            <v>E4064</v>
          </cell>
          <cell r="T18" t="str">
            <v>TPEQUIPFA</v>
          </cell>
        </row>
        <row r="19">
          <cell r="A19" t="str">
            <v>LIGHTING ENGINEERING</v>
          </cell>
          <cell r="B19" t="str">
            <v>Lighting Engineering</v>
          </cell>
          <cell r="C19" t="str">
            <v>Field Ops</v>
          </cell>
          <cell r="D19">
            <v>18</v>
          </cell>
          <cell r="I19" t="str">
            <v>CSPOH</v>
          </cell>
          <cell r="J19" t="str">
            <v>Transformer Retrofit</v>
          </cell>
          <cell r="L19" t="str">
            <v>V461</v>
          </cell>
          <cell r="M19" t="str">
            <v>OH - NW</v>
          </cell>
          <cell r="S19" t="str">
            <v>E4132</v>
          </cell>
          <cell r="T19" t="str">
            <v>TPEQUIPFA</v>
          </cell>
        </row>
        <row r="20">
          <cell r="A20" t="str">
            <v>LIGHTING MW OLE</v>
          </cell>
          <cell r="B20" t="str">
            <v>Lighting-OLE</v>
          </cell>
          <cell r="C20" t="str">
            <v>Field Ops</v>
          </cell>
          <cell r="D20">
            <v>17</v>
          </cell>
          <cell r="I20" t="str">
            <v>DLCREMVFB</v>
          </cell>
          <cell r="L20" t="str">
            <v>V462</v>
          </cell>
          <cell r="M20" t="str">
            <v>OH - NW</v>
          </cell>
          <cell r="S20" t="str">
            <v>E4252</v>
          </cell>
          <cell r="T20" t="str">
            <v>TPEQUIPFA</v>
          </cell>
        </row>
        <row r="21">
          <cell r="A21" t="str">
            <v>LIGHTING REPAIR OH</v>
          </cell>
          <cell r="B21" t="str">
            <v>Lighting-Replacement</v>
          </cell>
          <cell r="C21" t="str">
            <v>Field Ops</v>
          </cell>
          <cell r="D21">
            <v>18</v>
          </cell>
          <cell r="I21" t="str">
            <v>DMAJRIFB</v>
          </cell>
          <cell r="J21" t="str">
            <v>Dist. Sub Failures</v>
          </cell>
          <cell r="L21" t="str">
            <v>V482</v>
          </cell>
          <cell r="M21" t="str">
            <v>IN - N</v>
          </cell>
          <cell r="S21" t="str">
            <v>E4274</v>
          </cell>
          <cell r="T21" t="str">
            <v>TPEQUIPFA</v>
          </cell>
        </row>
        <row r="22">
          <cell r="A22" t="str">
            <v>LIGHTING REPLACEMENT</v>
          </cell>
          <cell r="B22" t="str">
            <v>Lighting-Replacement</v>
          </cell>
          <cell r="C22" t="str">
            <v>Field Ops</v>
          </cell>
          <cell r="D22">
            <v>19</v>
          </cell>
          <cell r="I22" t="str">
            <v>DMINTLFB</v>
          </cell>
          <cell r="L22" t="str">
            <v>V492</v>
          </cell>
          <cell r="M22" t="str">
            <v>OH - NW</v>
          </cell>
          <cell r="S22" t="str">
            <v>E4335</v>
          </cell>
          <cell r="T22" t="str">
            <v>TPEQUIPFA</v>
          </cell>
        </row>
        <row r="23">
          <cell r="A23" t="str">
            <v>LINE&amp;STATION_COMPLIA</v>
          </cell>
          <cell r="C23" t="str">
            <v>not FO</v>
          </cell>
          <cell r="D23">
            <v>99</v>
          </cell>
          <cell r="I23" t="str">
            <v>DNEWCAPFB</v>
          </cell>
          <cell r="L23" t="str">
            <v>V493</v>
          </cell>
          <cell r="M23" t="str">
            <v>OH - NW</v>
          </cell>
          <cell r="S23" t="str">
            <v>E4339</v>
          </cell>
          <cell r="T23" t="str">
            <v>TPEQUIPFA</v>
          </cell>
        </row>
        <row r="24">
          <cell r="A24" t="str">
            <v>MAJOR OUT_FU_D</v>
          </cell>
          <cell r="B24" t="str">
            <v>Major Outage Followup-D</v>
          </cell>
          <cell r="C24" t="str">
            <v>Field Ops</v>
          </cell>
          <cell r="D24">
            <v>1</v>
          </cell>
          <cell r="I24" t="str">
            <v>DNEWRETFB</v>
          </cell>
          <cell r="L24" t="str">
            <v>V49A</v>
          </cell>
          <cell r="M24" t="str">
            <v>IN - N</v>
          </cell>
          <cell r="S24" t="str">
            <v>E4355</v>
          </cell>
          <cell r="T24" t="str">
            <v>TPEQUIPFA</v>
          </cell>
        </row>
        <row r="25">
          <cell r="A25" t="str">
            <v>METER_PURCHASE</v>
          </cell>
          <cell r="B25" t="str">
            <v>Meters</v>
          </cell>
          <cell r="C25" t="str">
            <v>Field Ops</v>
          </cell>
          <cell r="D25">
            <v>21</v>
          </cell>
          <cell r="I25" t="str">
            <v>DOPROJOM</v>
          </cell>
          <cell r="L25" t="str">
            <v>V502</v>
          </cell>
          <cell r="M25" t="str">
            <v>OH - NW</v>
          </cell>
          <cell r="S25" t="str">
            <v>E4393</v>
          </cell>
          <cell r="T25" t="str">
            <v>TPEQUIPFA</v>
          </cell>
        </row>
        <row r="26">
          <cell r="A26" t="str">
            <v>METER_SVC_LAB</v>
          </cell>
          <cell r="C26" t="str">
            <v>not FO</v>
          </cell>
          <cell r="D26">
            <v>99</v>
          </cell>
          <cell r="I26" t="str">
            <v>DPEQUIPFB</v>
          </cell>
          <cell r="L26" t="str">
            <v>V542</v>
          </cell>
          <cell r="M26" t="str">
            <v>IN - N</v>
          </cell>
          <cell r="S26" t="str">
            <v>E4394</v>
          </cell>
          <cell r="T26" t="str">
            <v>TPEQUIPFA</v>
          </cell>
        </row>
        <row r="27">
          <cell r="A27" t="str">
            <v>OD_BREAKERS</v>
          </cell>
          <cell r="C27" t="str">
            <v>not FO</v>
          </cell>
          <cell r="D27">
            <v>99</v>
          </cell>
          <cell r="I27" t="str">
            <v>DRETLNFB</v>
          </cell>
          <cell r="L27" t="str">
            <v>V552</v>
          </cell>
          <cell r="M27" t="str">
            <v>IN - N</v>
          </cell>
          <cell r="S27" t="str">
            <v>E4395</v>
          </cell>
          <cell r="T27" t="str">
            <v>TPEQUIPFA</v>
          </cell>
        </row>
        <row r="28">
          <cell r="A28" t="str">
            <v>OLE_LIGHTING</v>
          </cell>
          <cell r="C28" t="str">
            <v>not FO</v>
          </cell>
          <cell r="D28">
            <v>99</v>
          </cell>
          <cell r="I28" t="str">
            <v>DULMRPR</v>
          </cell>
          <cell r="L28" t="str">
            <v>V562</v>
          </cell>
          <cell r="M28" t="str">
            <v>IN - N</v>
          </cell>
          <cell r="S28" t="str">
            <v>E4423</v>
          </cell>
          <cell r="T28" t="str">
            <v>TPEQUIPFA</v>
          </cell>
        </row>
        <row r="29">
          <cell r="A29" t="str">
            <v>OUTAGE FU_OH_D</v>
          </cell>
          <cell r="B29" t="str">
            <v>Major Outage Followup-D</v>
          </cell>
          <cell r="C29" t="str">
            <v>not FO - based on Arts file</v>
          </cell>
          <cell r="D29">
            <v>99</v>
          </cell>
          <cell r="I29" t="str">
            <v>GLPRDIN</v>
          </cell>
          <cell r="J29" t="str">
            <v>Ground Line Pole Repl - D</v>
          </cell>
          <cell r="L29" t="str">
            <v>V572</v>
          </cell>
          <cell r="M29" t="str">
            <v>IN - N</v>
          </cell>
          <cell r="S29" t="str">
            <v>E4516</v>
          </cell>
          <cell r="T29" t="str">
            <v>TPEQUIPFA</v>
          </cell>
        </row>
        <row r="30">
          <cell r="A30" t="str">
            <v>OUTAGE RESTORATION-D</v>
          </cell>
          <cell r="B30" t="str">
            <v>Outage Restoration Cap-D</v>
          </cell>
          <cell r="C30" t="str">
            <v>Field Ops</v>
          </cell>
          <cell r="D30">
            <v>2</v>
          </cell>
          <cell r="I30" t="str">
            <v>GLPRDKY</v>
          </cell>
          <cell r="J30" t="str">
            <v>Ground Line Pole Repl - D</v>
          </cell>
          <cell r="L30" t="str">
            <v>V622</v>
          </cell>
          <cell r="M30" t="str">
            <v>IN - W</v>
          </cell>
          <cell r="S30" t="str">
            <v>E4532</v>
          </cell>
          <cell r="T30" t="str">
            <v>TPEQUIPFA</v>
          </cell>
        </row>
        <row r="31">
          <cell r="A31" t="str">
            <v>OUTAGE_RESTORE_SUB</v>
          </cell>
          <cell r="B31" t="str">
            <v>Outage Restoration Cap-Sub</v>
          </cell>
          <cell r="C31" t="str">
            <v>Field Ops</v>
          </cell>
          <cell r="D31">
            <v>3</v>
          </cell>
          <cell r="I31" t="str">
            <v>GLPRDOH</v>
          </cell>
          <cell r="J31" t="str">
            <v>Ground Line Pole Repl - D</v>
          </cell>
          <cell r="L31" t="str">
            <v>V632</v>
          </cell>
          <cell r="M31" t="str">
            <v>IN - W</v>
          </cell>
          <cell r="S31" t="str">
            <v>E4794</v>
          </cell>
          <cell r="T31" t="str">
            <v>TPEQUIPFA</v>
          </cell>
        </row>
        <row r="32">
          <cell r="A32" t="str">
            <v>OUTAGE_RESTORE_TLIN</v>
          </cell>
          <cell r="B32" t="str">
            <v>Outage Restoration Cap-T Lines</v>
          </cell>
          <cell r="C32" t="str">
            <v>Field Ops</v>
          </cell>
          <cell r="D32">
            <v>4</v>
          </cell>
          <cell r="I32" t="str">
            <v>GLPRTIN</v>
          </cell>
          <cell r="J32" t="str">
            <v>Ground Line Pole Repl - T</v>
          </cell>
          <cell r="L32" t="str">
            <v>V642</v>
          </cell>
          <cell r="M32" t="str">
            <v>IN - W</v>
          </cell>
          <cell r="S32" t="str">
            <v>E4815</v>
          </cell>
          <cell r="T32" t="str">
            <v>TPEQUIPFA</v>
          </cell>
        </row>
        <row r="33">
          <cell r="A33" t="str">
            <v>POLE_REPL - D</v>
          </cell>
          <cell r="B33" t="str">
            <v>Pole Replacement-D</v>
          </cell>
          <cell r="C33" t="str">
            <v>Field Ops</v>
          </cell>
          <cell r="D33">
            <v>14</v>
          </cell>
          <cell r="I33" t="str">
            <v>GLPRTKY</v>
          </cell>
          <cell r="J33" t="str">
            <v>Ground Line Pole Repl - T</v>
          </cell>
          <cell r="L33" t="str">
            <v>V652</v>
          </cell>
          <cell r="M33" t="str">
            <v>IN - W</v>
          </cell>
          <cell r="S33" t="str">
            <v>E4832</v>
          </cell>
          <cell r="T33" t="str">
            <v>TPEQUIPFA</v>
          </cell>
        </row>
        <row r="34">
          <cell r="A34" t="str">
            <v>POLE_REPL _T</v>
          </cell>
          <cell r="B34" t="str">
            <v>Pole Replacement-T</v>
          </cell>
          <cell r="C34" t="str">
            <v>Field Ops</v>
          </cell>
          <cell r="D34">
            <v>15</v>
          </cell>
          <cell r="I34" t="str">
            <v>GLPRTOH</v>
          </cell>
          <cell r="J34" t="str">
            <v>Ground Line Pole Repl - T</v>
          </cell>
          <cell r="L34" t="str">
            <v>V742</v>
          </cell>
          <cell r="M34" t="str">
            <v>IN - W</v>
          </cell>
          <cell r="S34" t="str">
            <v>E5012</v>
          </cell>
          <cell r="T34" t="str">
            <v>TPEQUIPFA</v>
          </cell>
        </row>
        <row r="35">
          <cell r="A35" t="str">
            <v>PROJ-O&amp;M-MW-AM</v>
          </cell>
          <cell r="C35" t="str">
            <v>not FO</v>
          </cell>
          <cell r="D35">
            <v>99</v>
          </cell>
          <cell r="I35" t="str">
            <v>JETREV</v>
          </cell>
          <cell r="L35" t="str">
            <v>V752</v>
          </cell>
          <cell r="M35" t="str">
            <v>IN - W</v>
          </cell>
          <cell r="S35" t="str">
            <v>E5172</v>
          </cell>
          <cell r="T35" t="str">
            <v>TPEQUIPFA</v>
          </cell>
        </row>
        <row r="36">
          <cell r="A36" t="str">
            <v>PROJ-O&amp;M-MW-FO</v>
          </cell>
          <cell r="C36" t="str">
            <v>not FO</v>
          </cell>
          <cell r="D36">
            <v>99</v>
          </cell>
          <cell r="I36" t="str">
            <v>METERMWFB</v>
          </cell>
          <cell r="L36" t="str">
            <v>V762</v>
          </cell>
          <cell r="M36" t="str">
            <v>IN - W</v>
          </cell>
          <cell r="S36" t="str">
            <v>E5289</v>
          </cell>
          <cell r="T36" t="str">
            <v>TPEQUIPFA</v>
          </cell>
        </row>
        <row r="37">
          <cell r="A37" t="str">
            <v>R&amp;I CAP_OTHER T</v>
          </cell>
          <cell r="C37" t="str">
            <v>not FO</v>
          </cell>
          <cell r="D37">
            <v>99</v>
          </cell>
          <cell r="I37" t="str">
            <v>MOFB</v>
          </cell>
          <cell r="L37" t="str">
            <v>V782</v>
          </cell>
          <cell r="M37" t="str">
            <v>IN - W</v>
          </cell>
          <cell r="S37" t="str">
            <v>E5406</v>
          </cell>
          <cell r="T37" t="str">
            <v>TPEQUIPFA</v>
          </cell>
        </row>
        <row r="38">
          <cell r="A38" t="str">
            <v>R&amp;I CAPITAL_OTHER-D</v>
          </cell>
          <cell r="B38" t="str">
            <v>R&amp;I Capital - other-D</v>
          </cell>
          <cell r="C38" t="str">
            <v>Field Ops</v>
          </cell>
          <cell r="D38">
            <v>7</v>
          </cell>
          <cell r="I38" t="str">
            <v>MOIN</v>
          </cell>
          <cell r="L38" t="str">
            <v>V792</v>
          </cell>
          <cell r="M38" t="str">
            <v>IN - W</v>
          </cell>
          <cell r="S38" t="str">
            <v>E5624</v>
          </cell>
          <cell r="T38" t="str">
            <v>TPEQUIPFA</v>
          </cell>
        </row>
        <row r="39">
          <cell r="A39" t="str">
            <v>R&amp;I_ENGINEERING</v>
          </cell>
          <cell r="B39" t="str">
            <v>R&amp;I Engineering-Region T&amp;D</v>
          </cell>
          <cell r="C39" t="str">
            <v>Field Ops</v>
          </cell>
          <cell r="D39">
            <v>16</v>
          </cell>
          <cell r="I39" t="str">
            <v>MOKY</v>
          </cell>
          <cell r="L39" t="str">
            <v>V812</v>
          </cell>
          <cell r="M39" t="str">
            <v>IN - W</v>
          </cell>
          <cell r="S39" t="str">
            <v>E5646</v>
          </cell>
          <cell r="T39" t="str">
            <v>TPEQUIPFA</v>
          </cell>
        </row>
        <row r="40">
          <cell r="A40" t="str">
            <v>R&amp;I_PROGRAMS_T</v>
          </cell>
          <cell r="C40" t="str">
            <v>not FO</v>
          </cell>
          <cell r="D40">
            <v>99</v>
          </cell>
          <cell r="I40" t="str">
            <v>MOOH</v>
          </cell>
          <cell r="L40" t="str">
            <v>V822</v>
          </cell>
          <cell r="M40" t="str">
            <v>IN - SE</v>
          </cell>
          <cell r="S40" t="str">
            <v>E5925</v>
          </cell>
          <cell r="T40" t="str">
            <v>TPEQUIPFA</v>
          </cell>
        </row>
        <row r="41">
          <cell r="A41" t="str">
            <v>RECLOSER_MT</v>
          </cell>
          <cell r="B41" t="str">
            <v>Recloser Maintenance</v>
          </cell>
          <cell r="C41" t="str">
            <v>Field Ops</v>
          </cell>
          <cell r="D41">
            <v>9</v>
          </cell>
          <cell r="I41" t="str">
            <v>NBFB</v>
          </cell>
          <cell r="L41" t="str">
            <v>V832</v>
          </cell>
          <cell r="M41" t="str">
            <v>IN - SE</v>
          </cell>
          <cell r="S41" t="str">
            <v>E6204</v>
          </cell>
          <cell r="T41" t="str">
            <v>TPEQUIPFA</v>
          </cell>
        </row>
        <row r="42">
          <cell r="A42" t="str">
            <v>REL_MAJ_CAPITAL_T</v>
          </cell>
          <cell r="B42" t="str">
            <v>Reliability Major Capital-T</v>
          </cell>
          <cell r="C42" t="str">
            <v>Field Ops</v>
          </cell>
          <cell r="D42">
            <v>8</v>
          </cell>
          <cell r="I42" t="str">
            <v>NBIN</v>
          </cell>
          <cell r="L42" t="str">
            <v>V842</v>
          </cell>
          <cell r="M42" t="str">
            <v>IN - SE</v>
          </cell>
          <cell r="S42" t="str">
            <v>E6369</v>
          </cell>
          <cell r="T42" t="str">
            <v>TPEQUIPFA</v>
          </cell>
        </row>
        <row r="43">
          <cell r="A43" t="str">
            <v>RELOC_INCL_ENG_D</v>
          </cell>
          <cell r="B43" t="str">
            <v>Relocations-D incl Engr</v>
          </cell>
          <cell r="C43" t="str">
            <v>Field Ops</v>
          </cell>
          <cell r="D43">
            <v>24</v>
          </cell>
          <cell r="I43" t="str">
            <v>NBKY</v>
          </cell>
          <cell r="L43" t="str">
            <v>V862</v>
          </cell>
          <cell r="M43" t="str">
            <v>IN - SE</v>
          </cell>
          <cell r="S43" t="str">
            <v>E6590</v>
          </cell>
          <cell r="T43" t="str">
            <v>TPEQUIPFA</v>
          </cell>
        </row>
        <row r="44">
          <cell r="A44" t="str">
            <v>RELOCATIONS - T</v>
          </cell>
          <cell r="B44" t="str">
            <v>Relocations-T incl Engr</v>
          </cell>
          <cell r="C44" t="str">
            <v>Field Ops</v>
          </cell>
          <cell r="D44">
            <v>23</v>
          </cell>
          <cell r="I44" t="str">
            <v>NBOH</v>
          </cell>
          <cell r="L44" t="str">
            <v>V882</v>
          </cell>
          <cell r="M44" t="str">
            <v>IN - SE</v>
          </cell>
          <cell r="S44" t="str">
            <v>E6604</v>
          </cell>
          <cell r="T44" t="str">
            <v>TPEQUIPFA</v>
          </cell>
        </row>
        <row r="45">
          <cell r="A45" t="str">
            <v>REPAIRS</v>
          </cell>
          <cell r="C45" t="str">
            <v>not FO</v>
          </cell>
          <cell r="D45">
            <v>99</v>
          </cell>
          <cell r="I45" t="str">
            <v>NEWCAPIN</v>
          </cell>
          <cell r="J45" t="str">
            <v>New Capacitors</v>
          </cell>
          <cell r="L45" t="str">
            <v>V892</v>
          </cell>
          <cell r="M45" t="str">
            <v>IN - SE</v>
          </cell>
          <cell r="S45" t="str">
            <v>E6605</v>
          </cell>
          <cell r="T45" t="str">
            <v>TPEQUIPFA</v>
          </cell>
        </row>
        <row r="46">
          <cell r="A46" t="str">
            <v>RETAIL_CAPACITY</v>
          </cell>
          <cell r="C46" t="str">
            <v>not FO</v>
          </cell>
          <cell r="D46">
            <v>99</v>
          </cell>
          <cell r="I46" t="str">
            <v>NEWCAPKY</v>
          </cell>
          <cell r="J46" t="str">
            <v>New Capacitors</v>
          </cell>
          <cell r="L46" t="str">
            <v>V902</v>
          </cell>
          <cell r="M46" t="str">
            <v>IN - SE</v>
          </cell>
          <cell r="S46" t="str">
            <v>E6664</v>
          </cell>
          <cell r="T46" t="str">
            <v>TPEQUIPFA</v>
          </cell>
        </row>
        <row r="47">
          <cell r="A47" t="str">
            <v>ROUTINE_OUTAGES_D</v>
          </cell>
          <cell r="C47" t="str">
            <v>not FO</v>
          </cell>
          <cell r="D47">
            <v>99</v>
          </cell>
          <cell r="I47" t="str">
            <v>NEWCAPOH</v>
          </cell>
          <cell r="J47" t="str">
            <v>New Capacitors</v>
          </cell>
          <cell r="L47" t="str">
            <v>V932</v>
          </cell>
          <cell r="M47" t="str">
            <v>KY</v>
          </cell>
          <cell r="S47" t="str">
            <v>E6904</v>
          </cell>
          <cell r="T47" t="str">
            <v>TPEQUIPFA</v>
          </cell>
        </row>
        <row r="48">
          <cell r="A48" t="str">
            <v>RW_CAPITAL_D</v>
          </cell>
          <cell r="C48" t="str">
            <v>not FO</v>
          </cell>
          <cell r="D48">
            <v>99</v>
          </cell>
          <cell r="I48" t="str">
            <v>NTUPOH</v>
          </cell>
          <cell r="J48" t="str">
            <v>Network Upgrades</v>
          </cell>
          <cell r="L48" t="str">
            <v>V942</v>
          </cell>
          <cell r="M48" t="str">
            <v>IN - SE</v>
          </cell>
          <cell r="S48" t="str">
            <v>E7165</v>
          </cell>
          <cell r="T48" t="str">
            <v>TPEQUIPFA</v>
          </cell>
        </row>
        <row r="49">
          <cell r="A49" t="str">
            <v>RW_CAPITAL_T</v>
          </cell>
          <cell r="C49" t="str">
            <v>not FO</v>
          </cell>
          <cell r="D49">
            <v>99</v>
          </cell>
          <cell r="I49" t="str">
            <v>NUPOLSET</v>
          </cell>
          <cell r="L49" t="str">
            <v>V952</v>
          </cell>
          <cell r="M49" t="str">
            <v>IN - N</v>
          </cell>
          <cell r="S49" t="str">
            <v>E7265</v>
          </cell>
          <cell r="T49" t="str">
            <v>TPEQUIPFA</v>
          </cell>
        </row>
        <row r="50">
          <cell r="A50" t="str">
            <v>SPCC</v>
          </cell>
          <cell r="C50" t="str">
            <v>not FO</v>
          </cell>
          <cell r="D50">
            <v>99</v>
          </cell>
          <cell r="I50" t="str">
            <v>NUPOLSETR</v>
          </cell>
          <cell r="L50" t="str">
            <v>V962</v>
          </cell>
          <cell r="M50" t="str">
            <v>IN - SE</v>
          </cell>
          <cell r="S50" t="str">
            <v>E7424</v>
          </cell>
          <cell r="T50" t="str">
            <v>TPEQUIPFA</v>
          </cell>
        </row>
        <row r="51">
          <cell r="A51" t="str">
            <v>SUB STRUCTURE</v>
          </cell>
          <cell r="C51" t="str">
            <v>not FO</v>
          </cell>
          <cell r="D51">
            <v>99</v>
          </cell>
          <cell r="I51" t="str">
            <v>OLE08IN</v>
          </cell>
          <cell r="L51" t="str">
            <v>VCLI</v>
          </cell>
          <cell r="M51" t="str">
            <v>Other</v>
          </cell>
          <cell r="S51" t="str">
            <v>E7528</v>
          </cell>
          <cell r="T51" t="str">
            <v>TPEQUIPFA</v>
          </cell>
        </row>
        <row r="52">
          <cell r="A52" t="str">
            <v>SUBSTATION_AUTO_D</v>
          </cell>
          <cell r="C52" t="str">
            <v>not FO</v>
          </cell>
          <cell r="D52">
            <v>99</v>
          </cell>
          <cell r="I52" t="str">
            <v>OLE08KY</v>
          </cell>
          <cell r="L52" t="str">
            <v>VDIN</v>
          </cell>
          <cell r="M52" t="str">
            <v>Other</v>
          </cell>
          <cell r="S52" t="str">
            <v>E7725</v>
          </cell>
          <cell r="T52" t="str">
            <v>TPEQUIPFA</v>
          </cell>
        </row>
        <row r="53">
          <cell r="A53" t="str">
            <v>SYS_CAPAC_REGION_SUB</v>
          </cell>
          <cell r="C53" t="str">
            <v>not FO</v>
          </cell>
          <cell r="D53">
            <v>5</v>
          </cell>
          <cell r="I53" t="str">
            <v>OLE08OH</v>
          </cell>
          <cell r="L53" t="str">
            <v>VDKY</v>
          </cell>
          <cell r="M53" t="str">
            <v>Other</v>
          </cell>
          <cell r="S53" t="str">
            <v>E7808</v>
          </cell>
          <cell r="T53" t="str">
            <v>TPEQUIPFA</v>
          </cell>
        </row>
        <row r="54">
          <cell r="A54" t="str">
            <v>SYS_CAPACITY_SUB</v>
          </cell>
          <cell r="C54" t="str">
            <v>not FO</v>
          </cell>
          <cell r="D54">
            <v>99</v>
          </cell>
          <cell r="I54" t="str">
            <v>OLE08RPIN</v>
          </cell>
          <cell r="L54" t="str">
            <v>VDOH</v>
          </cell>
          <cell r="M54" t="str">
            <v>Other</v>
          </cell>
          <cell r="S54" t="str">
            <v>E9085</v>
          </cell>
          <cell r="T54" t="str">
            <v>TPEQUIPFA</v>
          </cell>
        </row>
        <row r="55">
          <cell r="A55" t="str">
            <v>SYSTEM CAPACITY - T</v>
          </cell>
          <cell r="C55" t="str">
            <v>not FO</v>
          </cell>
          <cell r="D55">
            <v>99</v>
          </cell>
          <cell r="I55" t="str">
            <v>OLE08RPKY</v>
          </cell>
          <cell r="L55" t="str">
            <v>VFOI</v>
          </cell>
          <cell r="M55" t="str">
            <v>Other</v>
          </cell>
          <cell r="S55" t="str">
            <v>E9465</v>
          </cell>
          <cell r="T55" t="str">
            <v>TPEQUIPFA</v>
          </cell>
        </row>
        <row r="56">
          <cell r="A56" t="str">
            <v>SYSTEM CAPACITY-GEN</v>
          </cell>
          <cell r="C56" t="str">
            <v>not FO</v>
          </cell>
          <cell r="D56">
            <v>99</v>
          </cell>
          <cell r="I56" t="str">
            <v>OLE08RPOH</v>
          </cell>
          <cell r="L56" t="str">
            <v>VFOK</v>
          </cell>
          <cell r="M56" t="str">
            <v>Other</v>
          </cell>
          <cell r="S56" t="str">
            <v>E9764</v>
          </cell>
          <cell r="T56" t="str">
            <v>TPEQUIPFA</v>
          </cell>
        </row>
        <row r="57">
          <cell r="A57" t="str">
            <v>SYSTEM_CAPACITY_D</v>
          </cell>
          <cell r="C57" t="str">
            <v>not FO</v>
          </cell>
          <cell r="D57">
            <v>99</v>
          </cell>
          <cell r="I57" t="str">
            <v>OLE09IN</v>
          </cell>
          <cell r="L57" t="str">
            <v>VFOO</v>
          </cell>
          <cell r="M57" t="str">
            <v>Other</v>
          </cell>
          <cell r="S57" t="str">
            <v>F0444</v>
          </cell>
          <cell r="T57" t="str">
            <v>TPEQUIPFA</v>
          </cell>
        </row>
        <row r="58">
          <cell r="A58" t="str">
            <v>SYSTEM_CAPACITY_FO</v>
          </cell>
          <cell r="B58" t="str">
            <v>System Capacity- FO</v>
          </cell>
          <cell r="C58" t="str">
            <v>Field Ops</v>
          </cell>
          <cell r="D58">
            <v>5</v>
          </cell>
          <cell r="I58" t="str">
            <v>OLE09KY</v>
          </cell>
          <cell r="L58" t="str">
            <v>VGTU</v>
          </cell>
          <cell r="M58" t="str">
            <v>OH - NW</v>
          </cell>
          <cell r="S58" t="str">
            <v>F0526</v>
          </cell>
          <cell r="T58" t="str">
            <v>TPEQUIPFA</v>
          </cell>
        </row>
        <row r="59">
          <cell r="A59" t="str">
            <v>TECHNOLOGY</v>
          </cell>
          <cell r="C59" t="str">
            <v>not FO</v>
          </cell>
          <cell r="D59">
            <v>99</v>
          </cell>
          <cell r="I59" t="str">
            <v>OLE09OH</v>
          </cell>
          <cell r="L59" t="str">
            <v>VIAI</v>
          </cell>
          <cell r="M59" t="str">
            <v>Other</v>
          </cell>
          <cell r="S59" t="str">
            <v>F0604</v>
          </cell>
          <cell r="T59" t="str">
            <v>TPEQUIPFA</v>
          </cell>
        </row>
        <row r="60">
          <cell r="A60" t="str">
            <v>TRANSF_INST</v>
          </cell>
          <cell r="C60" t="str">
            <v>not FO</v>
          </cell>
          <cell r="D60">
            <v>99</v>
          </cell>
          <cell r="I60" t="str">
            <v>OLE09RPIN</v>
          </cell>
          <cell r="L60" t="str">
            <v>VIAO</v>
          </cell>
          <cell r="M60" t="str">
            <v>Other</v>
          </cell>
          <cell r="S60" t="str">
            <v>F0845</v>
          </cell>
          <cell r="T60" t="str">
            <v>TPEQUIPFA</v>
          </cell>
        </row>
        <row r="61">
          <cell r="A61" t="str">
            <v>TRANSF_PURCHASE</v>
          </cell>
          <cell r="B61" t="str">
            <v>Transformers</v>
          </cell>
          <cell r="C61" t="str">
            <v>Field Ops</v>
          </cell>
          <cell r="D61">
            <v>11</v>
          </cell>
          <cell r="I61" t="str">
            <v>OLE09RPOH</v>
          </cell>
          <cell r="L61" t="str">
            <v>VINX</v>
          </cell>
          <cell r="M61" t="str">
            <v>Other</v>
          </cell>
          <cell r="S61" t="str">
            <v>F0846</v>
          </cell>
          <cell r="T61" t="str">
            <v>TPEQUIPFA</v>
          </cell>
        </row>
        <row r="62">
          <cell r="A62" t="str">
            <v>TX_RETROFIT</v>
          </cell>
          <cell r="B62" t="str">
            <v>Transformer Retrofit</v>
          </cell>
          <cell r="C62" t="str">
            <v>Field Ops</v>
          </cell>
          <cell r="D62">
            <v>10</v>
          </cell>
          <cell r="I62" t="str">
            <v>OLEINSTFB</v>
          </cell>
          <cell r="L62" t="str">
            <v>VITI</v>
          </cell>
          <cell r="M62" t="str">
            <v>Other</v>
          </cell>
          <cell r="S62" t="str">
            <v>F1005</v>
          </cell>
          <cell r="T62" t="str">
            <v>TPEQUIPFA</v>
          </cell>
        </row>
        <row r="63">
          <cell r="A63" t="str">
            <v>UOFF PROJECTS</v>
          </cell>
          <cell r="C63" t="str">
            <v>not FO</v>
          </cell>
          <cell r="D63">
            <v>99</v>
          </cell>
          <cell r="I63" t="str">
            <v>OLEINT</v>
          </cell>
          <cell r="L63" t="str">
            <v>VITK</v>
          </cell>
          <cell r="M63" t="str">
            <v>Other</v>
          </cell>
          <cell r="S63" t="str">
            <v>F1084</v>
          </cell>
          <cell r="T63" t="str">
            <v>TPEQUIPFA</v>
          </cell>
        </row>
        <row r="64">
          <cell r="I64" t="str">
            <v>OLEREPLFB</v>
          </cell>
          <cell r="L64" t="str">
            <v>VITO</v>
          </cell>
          <cell r="M64" t="str">
            <v>Other</v>
          </cell>
          <cell r="S64" t="str">
            <v>F1524</v>
          </cell>
          <cell r="T64" t="str">
            <v>TPEQUIPFA</v>
          </cell>
        </row>
        <row r="65">
          <cell r="I65" t="str">
            <v>ORDERTRK</v>
          </cell>
          <cell r="L65" t="str">
            <v>VMLI</v>
          </cell>
          <cell r="M65" t="str">
            <v>SUB - IN</v>
          </cell>
          <cell r="S65" t="str">
            <v>F1544</v>
          </cell>
          <cell r="T65" t="str">
            <v>TPEQUIPFA</v>
          </cell>
        </row>
        <row r="66">
          <cell r="I66" t="str">
            <v>ORDERTRO</v>
          </cell>
          <cell r="L66" t="str">
            <v>VMLK</v>
          </cell>
          <cell r="M66" t="str">
            <v>SUB - KY</v>
          </cell>
          <cell r="S66" t="str">
            <v>F1644</v>
          </cell>
          <cell r="T66" t="str">
            <v>TPEQUIPFA</v>
          </cell>
        </row>
        <row r="67">
          <cell r="I67" t="str">
            <v>ORDFB</v>
          </cell>
          <cell r="L67" t="str">
            <v>VMLO</v>
          </cell>
          <cell r="M67" t="str">
            <v>SUB - OH</v>
          </cell>
          <cell r="S67" t="str">
            <v>F1945</v>
          </cell>
          <cell r="T67" t="str">
            <v>TPEQUIPFA</v>
          </cell>
        </row>
        <row r="68">
          <cell r="I68" t="str">
            <v>ORDIN</v>
          </cell>
          <cell r="L68" t="str">
            <v>VMMK</v>
          </cell>
          <cell r="M68" t="str">
            <v>SUB - KY</v>
          </cell>
          <cell r="S68" t="str">
            <v>F2909</v>
          </cell>
          <cell r="T68" t="str">
            <v>TPEQUIPFA</v>
          </cell>
        </row>
        <row r="69">
          <cell r="I69" t="str">
            <v>ORDKY</v>
          </cell>
          <cell r="L69" t="str">
            <v>VMMO</v>
          </cell>
          <cell r="M69" t="str">
            <v>SUB - OH</v>
          </cell>
          <cell r="S69" t="str">
            <v>F2911</v>
          </cell>
          <cell r="T69" t="str">
            <v>TPEQUIPFA</v>
          </cell>
        </row>
        <row r="70">
          <cell r="I70" t="str">
            <v>ORDOH</v>
          </cell>
          <cell r="L70" t="str">
            <v>VMRI</v>
          </cell>
          <cell r="M70" t="str">
            <v>SUB - IN</v>
          </cell>
          <cell r="S70" t="str">
            <v>F3384</v>
          </cell>
          <cell r="T70" t="str">
            <v>TPEQUIPFA</v>
          </cell>
        </row>
        <row r="71">
          <cell r="I71" t="str">
            <v>ORTFB</v>
          </cell>
          <cell r="L71" t="str">
            <v>VMRO</v>
          </cell>
          <cell r="M71" t="str">
            <v>SUB - OH</v>
          </cell>
          <cell r="S71" t="str">
            <v>F3724</v>
          </cell>
          <cell r="T71" t="str">
            <v>TPEQUIPFA</v>
          </cell>
        </row>
        <row r="72">
          <cell r="I72" t="str">
            <v>ORTIN</v>
          </cell>
          <cell r="L72" t="str">
            <v>VMSK</v>
          </cell>
          <cell r="M72" t="str">
            <v>SUB - KY</v>
          </cell>
          <cell r="S72" t="str">
            <v>F3725</v>
          </cell>
          <cell r="T72" t="str">
            <v>TPEQUIPFA</v>
          </cell>
        </row>
        <row r="73">
          <cell r="I73" t="str">
            <v>OUTAGES</v>
          </cell>
          <cell r="L73" t="str">
            <v>VNCM</v>
          </cell>
          <cell r="M73" t="str">
            <v>OH - NW</v>
          </cell>
          <cell r="S73" t="str">
            <v>F3825</v>
          </cell>
          <cell r="T73" t="str">
            <v>TPEQUIPFA</v>
          </cell>
        </row>
        <row r="74">
          <cell r="I74" t="str">
            <v>PILCFB</v>
          </cell>
          <cell r="L74" t="str">
            <v>VNOE</v>
          </cell>
          <cell r="M74" t="str">
            <v>IN - N</v>
          </cell>
          <cell r="S74" t="str">
            <v>F4404</v>
          </cell>
          <cell r="T74" t="str">
            <v>TPEQUIPFA</v>
          </cell>
        </row>
        <row r="75">
          <cell r="I75" t="str">
            <v>PILCIN</v>
          </cell>
          <cell r="L75" t="str">
            <v>VNWS</v>
          </cell>
          <cell r="M75" t="str">
            <v>OH - SE</v>
          </cell>
          <cell r="S75" t="str">
            <v>F4725</v>
          </cell>
          <cell r="T75" t="str">
            <v>TPEQUIPFA</v>
          </cell>
        </row>
        <row r="76">
          <cell r="I76" t="str">
            <v>PILCKY</v>
          </cell>
          <cell r="L76" t="str">
            <v>VODI</v>
          </cell>
          <cell r="M76" t="str">
            <v>Other</v>
          </cell>
          <cell r="S76" t="str">
            <v>F5226</v>
          </cell>
          <cell r="T76" t="str">
            <v>TPEQUIPFA</v>
          </cell>
        </row>
        <row r="77">
          <cell r="A77" t="str">
            <v xml:space="preserve">Process Level 4 </v>
          </cell>
          <cell r="B77" t="str">
            <v>Owner</v>
          </cell>
          <cell r="I77" t="str">
            <v>PILCOH</v>
          </cell>
          <cell r="L77" t="str">
            <v>VODK</v>
          </cell>
          <cell r="M77" t="str">
            <v>Other</v>
          </cell>
          <cell r="S77" t="str">
            <v>F5366</v>
          </cell>
          <cell r="T77" t="str">
            <v>TPEQUIPFA</v>
          </cell>
        </row>
        <row r="78">
          <cell r="A78" t="str">
            <v>BUILDINGS-SUB</v>
          </cell>
          <cell r="B78" t="str">
            <v>Field Ops</v>
          </cell>
          <cell r="I78" t="str">
            <v>PRDFB</v>
          </cell>
          <cell r="J78" t="str">
            <v>Pole Replacement - D</v>
          </cell>
          <cell r="L78" t="str">
            <v>VODO</v>
          </cell>
          <cell r="M78" t="str">
            <v>Other</v>
          </cell>
          <cell r="S78" t="str">
            <v>F6607</v>
          </cell>
          <cell r="T78" t="str">
            <v>TPEQUIPFA</v>
          </cell>
        </row>
        <row r="79">
          <cell r="A79" t="str">
            <v>BUILDINGS-SUB Total</v>
          </cell>
          <cell r="B79" t="str">
            <v>Field Ops</v>
          </cell>
          <cell r="I79" t="str">
            <v>PRDIN</v>
          </cell>
          <cell r="J79" t="str">
            <v>Pole Replacement - D</v>
          </cell>
          <cell r="L79" t="str">
            <v>VOTI</v>
          </cell>
          <cell r="M79" t="str">
            <v>Other</v>
          </cell>
          <cell r="S79" t="str">
            <v>E0042</v>
          </cell>
          <cell r="T79" t="str">
            <v>DPEQUIPFA</v>
          </cell>
        </row>
        <row r="80">
          <cell r="A80" t="str">
            <v>BUSINESS EXPANSION-D</v>
          </cell>
          <cell r="B80" t="str">
            <v>Field Ops</v>
          </cell>
          <cell r="I80" t="str">
            <v>PRDKY</v>
          </cell>
          <cell r="J80" t="str">
            <v>Pole Replacement - D</v>
          </cell>
          <cell r="L80" t="str">
            <v>VOTK</v>
          </cell>
          <cell r="M80" t="str">
            <v>Other</v>
          </cell>
          <cell r="S80" t="str">
            <v>E0115</v>
          </cell>
          <cell r="T80" t="str">
            <v>DPEQUIPFA</v>
          </cell>
        </row>
        <row r="81">
          <cell r="A81" t="str">
            <v>BUSINESS EXPANSION-D Total</v>
          </cell>
          <cell r="B81" t="str">
            <v>Field Ops</v>
          </cell>
          <cell r="I81" t="str">
            <v>PRDOH</v>
          </cell>
          <cell r="J81" t="str">
            <v>Pole Replacement - D</v>
          </cell>
          <cell r="L81" t="str">
            <v>VOTO</v>
          </cell>
          <cell r="M81" t="str">
            <v>Other</v>
          </cell>
          <cell r="S81" t="str">
            <v>E0215</v>
          </cell>
          <cell r="T81" t="str">
            <v>DPEQUIPFA</v>
          </cell>
        </row>
        <row r="82">
          <cell r="A82" t="str">
            <v>BUSINESS EXPANSION-T</v>
          </cell>
          <cell r="I82" t="str">
            <v>PRTFB</v>
          </cell>
          <cell r="J82" t="str">
            <v>Pole Replacement - T</v>
          </cell>
          <cell r="L82" t="str">
            <v>VPIN</v>
          </cell>
          <cell r="M82" t="str">
            <v>Other</v>
          </cell>
          <cell r="S82" t="str">
            <v>E0292</v>
          </cell>
          <cell r="T82" t="str">
            <v>DPEQUIPFA</v>
          </cell>
        </row>
        <row r="83">
          <cell r="A83" t="str">
            <v>BUSINESS EXPANSION-T Total</v>
          </cell>
          <cell r="I83" t="str">
            <v>PRTIN</v>
          </cell>
          <cell r="J83" t="str">
            <v>Pole Replacement - T</v>
          </cell>
          <cell r="L83" t="str">
            <v>VPKY</v>
          </cell>
          <cell r="M83" t="str">
            <v>Other</v>
          </cell>
          <cell r="S83" t="str">
            <v>E0300</v>
          </cell>
          <cell r="T83" t="str">
            <v>DPEQUIPFA</v>
          </cell>
        </row>
        <row r="84">
          <cell r="A84" t="str">
            <v>CAPACITY MAJOR</v>
          </cell>
          <cell r="I84" t="str">
            <v>PRTKY</v>
          </cell>
          <cell r="J84" t="str">
            <v>Pole Replacement - T</v>
          </cell>
          <cell r="L84" t="str">
            <v>VPOH</v>
          </cell>
          <cell r="M84" t="str">
            <v>Other</v>
          </cell>
          <cell r="S84" t="str">
            <v>E0341</v>
          </cell>
          <cell r="T84" t="str">
            <v>DPEQUIPFA</v>
          </cell>
        </row>
        <row r="85">
          <cell r="A85" t="str">
            <v>CAPACITY MAJOR Total</v>
          </cell>
          <cell r="I85" t="str">
            <v>PRTOH</v>
          </cell>
          <cell r="J85" t="str">
            <v>Pole Replacement - T</v>
          </cell>
          <cell r="L85" t="str">
            <v>VSCM</v>
          </cell>
          <cell r="M85" t="str">
            <v>OH - SE</v>
          </cell>
          <cell r="S85" t="str">
            <v>E0435</v>
          </cell>
          <cell r="T85" t="str">
            <v>DPEQUIPFA</v>
          </cell>
        </row>
        <row r="86">
          <cell r="A86" t="str">
            <v>CAPACITY_REGION_R</v>
          </cell>
          <cell r="B86" t="str">
            <v>Field Ops</v>
          </cell>
          <cell r="I86" t="str">
            <v>RCLFB</v>
          </cell>
          <cell r="J86" t="str">
            <v>Recloser Changeout Program</v>
          </cell>
          <cell r="L86" t="str">
            <v>VSEO</v>
          </cell>
          <cell r="M86" t="str">
            <v>IN - SE</v>
          </cell>
          <cell r="S86" t="str">
            <v>E0476</v>
          </cell>
          <cell r="T86" t="str">
            <v>DPEQUIPFA</v>
          </cell>
        </row>
        <row r="87">
          <cell r="A87" t="str">
            <v>CAPACITY_REGION_R Total</v>
          </cell>
          <cell r="B87" t="str">
            <v>Field Ops</v>
          </cell>
          <cell r="I87" t="str">
            <v>RCLIN</v>
          </cell>
          <cell r="J87" t="str">
            <v>Recloser Changeout Program</v>
          </cell>
          <cell r="L87" t="str">
            <v>VSIE</v>
          </cell>
          <cell r="M87" t="str">
            <v>SUB - IN</v>
          </cell>
          <cell r="S87" t="str">
            <v>E0477</v>
          </cell>
          <cell r="T87" t="str">
            <v>DPEQUIPFA</v>
          </cell>
        </row>
        <row r="88">
          <cell r="A88" t="str">
            <v>COMPLIANCE - MAJOR</v>
          </cell>
          <cell r="I88" t="str">
            <v>RCLOH</v>
          </cell>
          <cell r="J88" t="str">
            <v>Recloser Changeout Program</v>
          </cell>
          <cell r="L88" t="str">
            <v>VSIN</v>
          </cell>
          <cell r="M88" t="str">
            <v>SUB - IN</v>
          </cell>
          <cell r="S88" t="str">
            <v>E0478</v>
          </cell>
          <cell r="T88" t="str">
            <v>DPEQUIPFA</v>
          </cell>
        </row>
        <row r="89">
          <cell r="A89" t="str">
            <v>COMPLIANCE - MAJOR Total</v>
          </cell>
          <cell r="I89" t="str">
            <v>REGIN</v>
          </cell>
          <cell r="J89" t="str">
            <v>Regulator Changeout Program</v>
          </cell>
          <cell r="L89" t="str">
            <v>VSIW</v>
          </cell>
          <cell r="M89" t="str">
            <v>SUB - IN</v>
          </cell>
          <cell r="S89" t="str">
            <v>E0532</v>
          </cell>
          <cell r="T89" t="str">
            <v>DPEQUIPFA</v>
          </cell>
        </row>
        <row r="90">
          <cell r="A90" t="str">
            <v>CUST_SVCS_O&amp;M-Z</v>
          </cell>
          <cell r="I90" t="str">
            <v>REGKY</v>
          </cell>
          <cell r="J90" t="str">
            <v>Regulator Changeout Program</v>
          </cell>
          <cell r="L90" t="str">
            <v>VSKY</v>
          </cell>
          <cell r="M90" t="str">
            <v>SUB - KY</v>
          </cell>
          <cell r="S90" t="str">
            <v>E0545</v>
          </cell>
          <cell r="T90" t="str">
            <v>DPEQUIPFA</v>
          </cell>
        </row>
        <row r="91">
          <cell r="A91" t="str">
            <v>CUST_SVCS_O&amp;M-Z Total</v>
          </cell>
          <cell r="I91" t="str">
            <v>REGOH</v>
          </cell>
          <cell r="J91" t="str">
            <v>Regulator Changeout Program</v>
          </cell>
          <cell r="L91" t="str">
            <v>VSOH</v>
          </cell>
          <cell r="M91" t="str">
            <v>SUB - OH</v>
          </cell>
          <cell r="S91" t="str">
            <v>E0596</v>
          </cell>
          <cell r="T91" t="str">
            <v>DPEQUIPFA</v>
          </cell>
        </row>
        <row r="92">
          <cell r="A92" t="str">
            <v>GENERAL_PLANT</v>
          </cell>
          <cell r="B92" t="str">
            <v>Field Ops</v>
          </cell>
          <cell r="I92" t="str">
            <v>RELDFB</v>
          </cell>
          <cell r="L92" t="str">
            <v>VSSI</v>
          </cell>
          <cell r="M92" t="str">
            <v>SUB - IN</v>
          </cell>
          <cell r="S92" t="str">
            <v>E0792</v>
          </cell>
          <cell r="T92" t="str">
            <v>DPEQUIPFA</v>
          </cell>
        </row>
        <row r="93">
          <cell r="A93" t="str">
            <v>GENERAL_PLANT Total</v>
          </cell>
          <cell r="B93" t="str">
            <v>Field Ops</v>
          </cell>
          <cell r="I93" t="str">
            <v>RELDIN</v>
          </cell>
          <cell r="L93" t="str">
            <v>VSSK</v>
          </cell>
          <cell r="M93" t="str">
            <v>SUB - KY</v>
          </cell>
          <cell r="S93" t="str">
            <v>E0817</v>
          </cell>
          <cell r="T93" t="str">
            <v>DPEQUIPFA</v>
          </cell>
        </row>
        <row r="94">
          <cell r="A94" t="str">
            <v>INSP_MAINT_PROG_R</v>
          </cell>
          <cell r="I94" t="str">
            <v>RELDKY</v>
          </cell>
          <cell r="L94" t="str">
            <v>VSSO</v>
          </cell>
          <cell r="M94" t="str">
            <v>SUB - OH</v>
          </cell>
          <cell r="S94" t="str">
            <v>E1000</v>
          </cell>
          <cell r="T94" t="str">
            <v>DPEQUIPFA</v>
          </cell>
        </row>
        <row r="95">
          <cell r="A95" t="str">
            <v>INSP_MAINT_PROG_R Total</v>
          </cell>
          <cell r="I95" t="str">
            <v>RELDOH</v>
          </cell>
          <cell r="L95" t="str">
            <v>VVMI</v>
          </cell>
          <cell r="M95" t="str">
            <v>not FO</v>
          </cell>
          <cell r="S95" t="str">
            <v>E1025</v>
          </cell>
          <cell r="T95" t="str">
            <v>DPEQUIPFA</v>
          </cell>
        </row>
        <row r="96">
          <cell r="A96" t="str">
            <v>INTEGRITY REGION_R</v>
          </cell>
          <cell r="B96" t="str">
            <v>Field Ops</v>
          </cell>
          <cell r="I96" t="str">
            <v>RELTFB</v>
          </cell>
          <cell r="L96" t="str">
            <v>VWOE</v>
          </cell>
          <cell r="M96" t="str">
            <v>IN - W</v>
          </cell>
          <cell r="S96" t="str">
            <v>E1292</v>
          </cell>
          <cell r="T96" t="str">
            <v>DPEQUIPFA</v>
          </cell>
        </row>
        <row r="97">
          <cell r="A97" t="str">
            <v>INTEGRITY REGION_R Total</v>
          </cell>
          <cell r="B97" t="str">
            <v>Field Ops</v>
          </cell>
          <cell r="I97" t="str">
            <v>RELTIN</v>
          </cell>
          <cell r="L97" t="str">
            <v>WDUG</v>
          </cell>
          <cell r="M97" t="str">
            <v>not FO</v>
          </cell>
          <cell r="S97" t="str">
            <v>E1333</v>
          </cell>
          <cell r="T97" t="str">
            <v>DPEQUIPFA</v>
          </cell>
        </row>
        <row r="98">
          <cell r="A98" t="str">
            <v>LIGHTING MAINT</v>
          </cell>
          <cell r="B98" t="str">
            <v>Field Ops</v>
          </cell>
          <cell r="I98" t="str">
            <v>RELTKY</v>
          </cell>
          <cell r="L98" t="str">
            <v>WMIA</v>
          </cell>
          <cell r="M98" t="str">
            <v>not FO</v>
          </cell>
          <cell r="S98" t="str">
            <v>E1465</v>
          </cell>
          <cell r="T98" t="str">
            <v>DPEQUIPFA</v>
          </cell>
        </row>
        <row r="99">
          <cell r="A99" t="str">
            <v>LIGHTING MAINT Total</v>
          </cell>
          <cell r="B99" t="str">
            <v>Field Ops</v>
          </cell>
          <cell r="I99" t="str">
            <v>RELTOH</v>
          </cell>
          <cell r="L99" t="str">
            <v>WVDI</v>
          </cell>
          <cell r="M99" t="str">
            <v>Other</v>
          </cell>
          <cell r="S99" t="str">
            <v>E1497</v>
          </cell>
          <cell r="T99" t="str">
            <v>DPEQUIPFA</v>
          </cell>
        </row>
        <row r="100">
          <cell r="A100" t="str">
            <v>LIGHTING-NEW INST</v>
          </cell>
          <cell r="B100" t="str">
            <v>Field Ops</v>
          </cell>
          <cell r="I100" t="str">
            <v>RFIFB</v>
          </cell>
          <cell r="L100" t="str">
            <v>WVPI</v>
          </cell>
          <cell r="M100" t="str">
            <v>Other</v>
          </cell>
          <cell r="S100" t="str">
            <v>E1546</v>
          </cell>
          <cell r="T100" t="str">
            <v>DPEQUIPFA</v>
          </cell>
        </row>
        <row r="101">
          <cell r="A101" t="str">
            <v>LIGHTING-NEW INST Total</v>
          </cell>
          <cell r="B101" t="str">
            <v>Field Ops</v>
          </cell>
          <cell r="I101" t="str">
            <v>RLIN</v>
          </cell>
          <cell r="J101" t="str">
            <v>Capital Equip Repl - D</v>
          </cell>
          <cell r="L101" t="str">
            <v>VMTW</v>
          </cell>
          <cell r="M101" t="str">
            <v>OH - SE</v>
          </cell>
          <cell r="S101" t="str">
            <v>E1554</v>
          </cell>
          <cell r="T101" t="str">
            <v>DPEQUIPFA</v>
          </cell>
        </row>
        <row r="102">
          <cell r="A102" t="str">
            <v>MW CONVERSION</v>
          </cell>
          <cell r="I102" t="str">
            <v>RLKY</v>
          </cell>
          <cell r="J102" t="str">
            <v>Capital Equip Repl - D</v>
          </cell>
          <cell r="S102" t="str">
            <v>E1616</v>
          </cell>
          <cell r="T102" t="str">
            <v>DPEQUIPFA</v>
          </cell>
        </row>
        <row r="103">
          <cell r="A103" t="str">
            <v>MW CONVERSION Total</v>
          </cell>
          <cell r="I103" t="str">
            <v>RLOH</v>
          </cell>
          <cell r="J103" t="str">
            <v>Capital Equip Repl - D</v>
          </cell>
          <cell r="S103" t="str">
            <v>E1617</v>
          </cell>
          <cell r="T103" t="str">
            <v>DPEQUIPFA</v>
          </cell>
        </row>
        <row r="104">
          <cell r="A104" t="str">
            <v>OTHER_REGION</v>
          </cell>
          <cell r="I104" t="str">
            <v>SCFOFB</v>
          </cell>
          <cell r="S104" t="str">
            <v>E1675</v>
          </cell>
          <cell r="T104" t="str">
            <v>DPEQUIPFA</v>
          </cell>
        </row>
        <row r="105">
          <cell r="A105" t="str">
            <v>OTHER_REGION Total</v>
          </cell>
          <cell r="I105" t="str">
            <v>SCFOIN</v>
          </cell>
          <cell r="S105" t="str">
            <v>E1677</v>
          </cell>
          <cell r="T105" t="str">
            <v>DPEQUIPFA</v>
          </cell>
        </row>
        <row r="106">
          <cell r="A106" t="str">
            <v>OUTAGE RESTR - CAP-Z</v>
          </cell>
          <cell r="B106" t="str">
            <v>Field Ops</v>
          </cell>
          <cell r="I106" t="str">
            <v>SCFOKY</v>
          </cell>
          <cell r="S106" t="str">
            <v>E1712</v>
          </cell>
          <cell r="T106" t="str">
            <v>DPEQUIPFA</v>
          </cell>
        </row>
        <row r="107">
          <cell r="A107" t="str">
            <v>OUTAGE RESTR - CAP-Z Total</v>
          </cell>
          <cell r="B107" t="str">
            <v>Field Ops</v>
          </cell>
          <cell r="I107" t="str">
            <v>SCFOOH</v>
          </cell>
          <cell r="S107" t="str">
            <v>E1714</v>
          </cell>
          <cell r="T107" t="str">
            <v>DPEQUIPFA</v>
          </cell>
        </row>
        <row r="108">
          <cell r="A108" t="str">
            <v>OUTAGE_RESTR_CAP_R</v>
          </cell>
          <cell r="B108" t="str">
            <v>Field Ops</v>
          </cell>
          <cell r="I108" t="str">
            <v>SCRAPMETI</v>
          </cell>
          <cell r="S108" t="str">
            <v>E1774</v>
          </cell>
          <cell r="T108" t="str">
            <v>DPEQUIPFA</v>
          </cell>
        </row>
        <row r="109">
          <cell r="A109" t="str">
            <v>OUTAGE_RESTR_CAP_R Total</v>
          </cell>
          <cell r="B109" t="str">
            <v>Field Ops</v>
          </cell>
          <cell r="I109" t="str">
            <v>SCRAPMETK</v>
          </cell>
          <cell r="S109" t="str">
            <v>E1833</v>
          </cell>
          <cell r="T109" t="str">
            <v>DPEQUIPFA</v>
          </cell>
        </row>
        <row r="110">
          <cell r="A110" t="str">
            <v>PROJECT_O&amp;M</v>
          </cell>
          <cell r="I110" t="str">
            <v>SCRAPMETO</v>
          </cell>
          <cell r="S110" t="str">
            <v>E1894</v>
          </cell>
          <cell r="T110" t="str">
            <v>DPEQUIPFA</v>
          </cell>
        </row>
        <row r="111">
          <cell r="A111" t="str">
            <v>PROJECT_O&amp;M Total</v>
          </cell>
          <cell r="I111" t="str">
            <v>SLFB</v>
          </cell>
          <cell r="S111" t="str">
            <v>E1934</v>
          </cell>
          <cell r="T111" t="str">
            <v>DPEQUIPFA</v>
          </cell>
        </row>
        <row r="112">
          <cell r="A112" t="str">
            <v>R&amp;I_MAJOR</v>
          </cell>
          <cell r="B112" t="str">
            <v>Field Ops</v>
          </cell>
          <cell r="I112" t="str">
            <v>SLIN</v>
          </cell>
          <cell r="J112" t="str">
            <v>Tarriff Lighting</v>
          </cell>
          <cell r="S112" t="str">
            <v>E2196</v>
          </cell>
          <cell r="T112" t="str">
            <v>DPEQUIPFA</v>
          </cell>
        </row>
        <row r="113">
          <cell r="A113" t="str">
            <v>R&amp;I_MAJOR Total</v>
          </cell>
          <cell r="B113" t="str">
            <v>Field Ops</v>
          </cell>
          <cell r="I113" t="str">
            <v>SLKY</v>
          </cell>
          <cell r="J113" t="str">
            <v>Tarriff Lighting</v>
          </cell>
          <cell r="S113" t="str">
            <v>E2332</v>
          </cell>
          <cell r="T113" t="str">
            <v>DPEQUIPFA</v>
          </cell>
        </row>
        <row r="114">
          <cell r="A114" t="str">
            <v>REGION_R&amp;I_ENGR</v>
          </cell>
          <cell r="B114" t="str">
            <v>Field Ops</v>
          </cell>
          <cell r="I114" t="str">
            <v>SLOH</v>
          </cell>
          <cell r="J114" t="str">
            <v>Tarriff Lighting</v>
          </cell>
          <cell r="S114" t="str">
            <v>E2333</v>
          </cell>
          <cell r="T114" t="str">
            <v>DPEQUIPFA</v>
          </cell>
        </row>
        <row r="115">
          <cell r="A115" t="str">
            <v>REGION_R&amp;I_ENGR Total</v>
          </cell>
          <cell r="B115" t="str">
            <v>Field Ops</v>
          </cell>
          <cell r="I115" t="str">
            <v>SYCDSUBFB</v>
          </cell>
          <cell r="S115" t="str">
            <v>E2593</v>
          </cell>
          <cell r="T115" t="str">
            <v>DPEQUIPFA</v>
          </cell>
        </row>
        <row r="116">
          <cell r="A116" t="str">
            <v>RELIABILITY_REGION_R</v>
          </cell>
          <cell r="B116" t="str">
            <v>Field Ops</v>
          </cell>
          <cell r="I116" t="str">
            <v>SYCTSUBFB</v>
          </cell>
          <cell r="S116" t="str">
            <v>E2596</v>
          </cell>
          <cell r="T116" t="str">
            <v>DPEQUIPFA</v>
          </cell>
        </row>
        <row r="117">
          <cell r="A117" t="str">
            <v>RELIABILITY_REGION_R Total</v>
          </cell>
          <cell r="B117" t="str">
            <v>Field Ops</v>
          </cell>
          <cell r="I117" t="str">
            <v>TBIMLFB</v>
          </cell>
          <cell r="S117" t="str">
            <v>E2678</v>
          </cell>
          <cell r="T117" t="str">
            <v>DPEQUIPFA</v>
          </cell>
        </row>
        <row r="118">
          <cell r="A118" t="str">
            <v>RELOCATIONS_D</v>
          </cell>
          <cell r="B118" t="str">
            <v>Field Ops</v>
          </cell>
          <cell r="I118" t="str">
            <v>TDITFB</v>
          </cell>
          <cell r="S118" t="str">
            <v>E2772</v>
          </cell>
          <cell r="T118" t="str">
            <v>DPEQUIPFA</v>
          </cell>
        </row>
        <row r="119">
          <cell r="A119" t="str">
            <v>RELOCATIONS_D Total</v>
          </cell>
          <cell r="B119" t="str">
            <v>Field Ops</v>
          </cell>
          <cell r="I119" t="str">
            <v>TLCREMVFB</v>
          </cell>
          <cell r="S119" t="str">
            <v>E2773</v>
          </cell>
          <cell r="T119" t="str">
            <v>DPEQUIPFA</v>
          </cell>
        </row>
        <row r="120">
          <cell r="A120" t="str">
            <v>RELOCATIONS-T</v>
          </cell>
          <cell r="B120" t="str">
            <v>Field Ops</v>
          </cell>
          <cell r="I120" t="str">
            <v>TLCUSTFB</v>
          </cell>
          <cell r="S120" t="str">
            <v>E3152</v>
          </cell>
          <cell r="T120" t="str">
            <v>DPEQUIPFA</v>
          </cell>
        </row>
        <row r="121">
          <cell r="A121" t="str">
            <v>RELOCATIONS-T Total</v>
          </cell>
          <cell r="B121" t="str">
            <v>Field Ops</v>
          </cell>
          <cell r="I121" t="str">
            <v>TLREBLDFB</v>
          </cell>
          <cell r="S121" t="str">
            <v>E3353</v>
          </cell>
          <cell r="T121" t="str">
            <v>DPEQUIPFA</v>
          </cell>
        </row>
        <row r="122">
          <cell r="A122" t="str">
            <v>RW_CAPITAL</v>
          </cell>
          <cell r="I122" t="str">
            <v>TLRETFB</v>
          </cell>
          <cell r="S122" t="str">
            <v>E3472</v>
          </cell>
          <cell r="T122" t="str">
            <v>DPEQUIPFA</v>
          </cell>
        </row>
        <row r="123">
          <cell r="A123" t="str">
            <v>RW_CAPITAL Total</v>
          </cell>
          <cell r="I123" t="str">
            <v>TMAJRIFB</v>
          </cell>
          <cell r="J123" t="str">
            <v>Trans. Sub Failures</v>
          </cell>
          <cell r="S123" t="str">
            <v>E3592</v>
          </cell>
          <cell r="T123" t="str">
            <v>DPEQUIPFA</v>
          </cell>
        </row>
        <row r="124">
          <cell r="A124" t="str">
            <v>SHARED_SERVICES</v>
          </cell>
          <cell r="I124" t="str">
            <v>TOOLFB</v>
          </cell>
          <cell r="S124" t="str">
            <v>E3792</v>
          </cell>
          <cell r="T124" t="str">
            <v>DPEQUIPFA</v>
          </cell>
        </row>
        <row r="125">
          <cell r="A125" t="str">
            <v>SHARED_SERVICES Total</v>
          </cell>
          <cell r="I125" t="str">
            <v>TOOLIN</v>
          </cell>
          <cell r="S125" t="str">
            <v>E3793</v>
          </cell>
          <cell r="T125" t="str">
            <v>DPEQUIPFA</v>
          </cell>
        </row>
        <row r="126">
          <cell r="A126" t="str">
            <v>SVC RESTORATION -Z</v>
          </cell>
          <cell r="I126" t="str">
            <v>TOOLKY</v>
          </cell>
          <cell r="S126" t="str">
            <v>E4052</v>
          </cell>
          <cell r="T126" t="str">
            <v>DPEQUIPFA</v>
          </cell>
        </row>
        <row r="127">
          <cell r="A127" t="str">
            <v>SVC RESTORATION -Z Total</v>
          </cell>
          <cell r="I127" t="str">
            <v>TOOLOH</v>
          </cell>
          <cell r="S127" t="str">
            <v>E4054</v>
          </cell>
          <cell r="T127" t="str">
            <v>DPEQUIPFA</v>
          </cell>
        </row>
        <row r="128">
          <cell r="A128" t="str">
            <v>TRANSF-METERS</v>
          </cell>
          <cell r="B128" t="str">
            <v>Field Ops</v>
          </cell>
          <cell r="I128" t="str">
            <v>TPCAPINFB</v>
          </cell>
          <cell r="S128" t="str">
            <v>E4055</v>
          </cell>
          <cell r="T128" t="str">
            <v>DPEQUIPFA</v>
          </cell>
        </row>
        <row r="129">
          <cell r="A129" t="str">
            <v>TRANSF-METERS Total</v>
          </cell>
          <cell r="B129" t="str">
            <v>Field Ops</v>
          </cell>
          <cell r="I129" t="str">
            <v>TPEQUIPFB</v>
          </cell>
          <cell r="S129" t="str">
            <v>E4056</v>
          </cell>
          <cell r="T129" t="str">
            <v>DPEQUIPFA</v>
          </cell>
        </row>
        <row r="130">
          <cell r="A130" t="str">
            <v>UOFFUTURE</v>
          </cell>
          <cell r="I130" t="str">
            <v>TPLINESFB</v>
          </cell>
          <cell r="S130" t="str">
            <v>E4057</v>
          </cell>
          <cell r="T130" t="str">
            <v>DPEQUIPFA</v>
          </cell>
        </row>
        <row r="131">
          <cell r="A131" t="str">
            <v>UOFFUTURE Total</v>
          </cell>
          <cell r="I131" t="str">
            <v>TPREBLDFB</v>
          </cell>
          <cell r="S131" t="str">
            <v>E4058</v>
          </cell>
          <cell r="T131" t="str">
            <v>DPEQUIPFA</v>
          </cell>
        </row>
        <row r="132">
          <cell r="I132" t="str">
            <v>TPRETFB</v>
          </cell>
          <cell r="S132" t="str">
            <v>E4059</v>
          </cell>
          <cell r="T132" t="str">
            <v>DPEQUIPFA</v>
          </cell>
        </row>
        <row r="133">
          <cell r="I133" t="str">
            <v>TSUBCOMFB</v>
          </cell>
          <cell r="S133" t="str">
            <v>E4060</v>
          </cell>
          <cell r="T133" t="str">
            <v>DPEQUIPFA</v>
          </cell>
        </row>
        <row r="134">
          <cell r="I134" t="str">
            <v>TXFRMMWFB</v>
          </cell>
          <cell r="S134" t="str">
            <v>E4061</v>
          </cell>
          <cell r="T134" t="str">
            <v>DPEQUIPFA</v>
          </cell>
        </row>
        <row r="135">
          <cell r="I135" t="str">
            <v>TXINSTU</v>
          </cell>
          <cell r="S135" t="str">
            <v>E4062</v>
          </cell>
          <cell r="T135" t="str">
            <v>DPEQUIPFA</v>
          </cell>
        </row>
        <row r="136">
          <cell r="I136" t="str">
            <v>UFDLIKFB</v>
          </cell>
          <cell r="S136" t="str">
            <v>E4063</v>
          </cell>
          <cell r="T136" t="str">
            <v>DPEQUIPFA</v>
          </cell>
        </row>
        <row r="137">
          <cell r="I137" t="str">
            <v>UFHWTDFB</v>
          </cell>
          <cell r="S137" t="str">
            <v>E4092</v>
          </cell>
          <cell r="T137" t="str">
            <v>DPEQUIPFA</v>
          </cell>
        </row>
        <row r="138">
          <cell r="I138" t="str">
            <v>UFSWVSFB</v>
          </cell>
          <cell r="S138" t="str">
            <v>E4174</v>
          </cell>
          <cell r="T138" t="str">
            <v>DPEQUIPFA</v>
          </cell>
        </row>
        <row r="139">
          <cell r="I139" t="str">
            <v>UGCRFB</v>
          </cell>
          <cell r="S139" t="str">
            <v>E4212</v>
          </cell>
          <cell r="T139" t="str">
            <v>DPEQUIPFA</v>
          </cell>
        </row>
        <row r="140">
          <cell r="I140" t="str">
            <v>UGCRIN</v>
          </cell>
          <cell r="S140" t="str">
            <v>E4306</v>
          </cell>
          <cell r="T140" t="str">
            <v>DPEQUIPFA</v>
          </cell>
        </row>
        <row r="141">
          <cell r="I141" t="str">
            <v>UGCRKY</v>
          </cell>
          <cell r="S141" t="str">
            <v>E4332</v>
          </cell>
          <cell r="T141" t="str">
            <v>DPEQUIPFA</v>
          </cell>
        </row>
        <row r="142">
          <cell r="I142" t="str">
            <v>UGCROH</v>
          </cell>
          <cell r="S142" t="str">
            <v>E4333</v>
          </cell>
          <cell r="T142" t="str">
            <v>DPEQUIPFA</v>
          </cell>
        </row>
        <row r="143">
          <cell r="I143" t="str">
            <v>VMDDTIN</v>
          </cell>
          <cell r="S143" t="str">
            <v>E4334</v>
          </cell>
          <cell r="T143" t="str">
            <v>DPEQUIPFA</v>
          </cell>
        </row>
        <row r="144">
          <cell r="I144" t="str">
            <v>VMDDTKY</v>
          </cell>
          <cell r="S144" t="str">
            <v>E4338</v>
          </cell>
          <cell r="T144" t="str">
            <v>DPEQUIPFA</v>
          </cell>
        </row>
        <row r="145">
          <cell r="I145" t="str">
            <v>VMDDTOH</v>
          </cell>
          <cell r="S145" t="str">
            <v>E4340</v>
          </cell>
          <cell r="T145" t="str">
            <v>DPEQUIPFA</v>
          </cell>
        </row>
        <row r="146">
          <cell r="I146" t="str">
            <v>VMTDIN</v>
          </cell>
          <cell r="S146" t="str">
            <v>E4341</v>
          </cell>
          <cell r="T146" t="str">
            <v>DPEQUIPFA</v>
          </cell>
        </row>
        <row r="147">
          <cell r="I147" t="str">
            <v>VMTDKY</v>
          </cell>
          <cell r="S147" t="str">
            <v>E4342</v>
          </cell>
          <cell r="T147" t="str">
            <v>DPEQUIPFA</v>
          </cell>
        </row>
        <row r="148">
          <cell r="I148" t="str">
            <v>VMTDOH</v>
          </cell>
          <cell r="S148" t="str">
            <v>E4343</v>
          </cell>
          <cell r="T148" t="str">
            <v>DPEQUIPFA</v>
          </cell>
        </row>
        <row r="149">
          <cell r="S149" t="str">
            <v>E4421</v>
          </cell>
          <cell r="T149" t="str">
            <v>DPEQUIPFA</v>
          </cell>
        </row>
        <row r="150">
          <cell r="S150" t="str">
            <v>E4422</v>
          </cell>
          <cell r="T150" t="str">
            <v>DPEQUIPFA</v>
          </cell>
        </row>
        <row r="151">
          <cell r="S151" t="str">
            <v>E4517</v>
          </cell>
          <cell r="T151" t="str">
            <v>DPEQUIPFA</v>
          </cell>
        </row>
        <row r="152">
          <cell r="S152" t="str">
            <v>E4534</v>
          </cell>
          <cell r="T152" t="str">
            <v>DPEQUIPFA</v>
          </cell>
        </row>
        <row r="153">
          <cell r="S153" t="str">
            <v>E4535</v>
          </cell>
          <cell r="T153" t="str">
            <v>DPEQUIPFA</v>
          </cell>
        </row>
        <row r="154">
          <cell r="S154" t="str">
            <v>E4536</v>
          </cell>
          <cell r="T154" t="str">
            <v>DPEQUIPFA</v>
          </cell>
        </row>
        <row r="155">
          <cell r="S155" t="str">
            <v>E4537</v>
          </cell>
          <cell r="T155" t="str">
            <v>DPEQUIPFA</v>
          </cell>
        </row>
        <row r="156">
          <cell r="S156" t="str">
            <v>E4538</v>
          </cell>
          <cell r="T156" t="str">
            <v>DPEQUIPFA</v>
          </cell>
        </row>
        <row r="157">
          <cell r="S157" t="str">
            <v>E4539</v>
          </cell>
          <cell r="T157" t="str">
            <v>DPEQUIPFA</v>
          </cell>
        </row>
        <row r="158">
          <cell r="S158" t="str">
            <v>E4540</v>
          </cell>
          <cell r="T158" t="str">
            <v>DPEQUIPFA</v>
          </cell>
        </row>
        <row r="159">
          <cell r="S159" t="str">
            <v>E4713</v>
          </cell>
          <cell r="T159" t="str">
            <v>DPEQUIPFA</v>
          </cell>
        </row>
        <row r="160">
          <cell r="S160" t="str">
            <v>E4714</v>
          </cell>
          <cell r="T160" t="str">
            <v>DPEQUIPFA</v>
          </cell>
        </row>
        <row r="161">
          <cell r="S161" t="str">
            <v>E4816</v>
          </cell>
          <cell r="T161" t="str">
            <v>DPEQUIPFA</v>
          </cell>
        </row>
        <row r="162">
          <cell r="S162" t="str">
            <v>E4853</v>
          </cell>
          <cell r="T162" t="str">
            <v>DPEQUIPFA</v>
          </cell>
        </row>
        <row r="163">
          <cell r="S163" t="str">
            <v>E5152</v>
          </cell>
          <cell r="T163" t="str">
            <v>DPEQUIPFA</v>
          </cell>
        </row>
        <row r="164">
          <cell r="S164" t="str">
            <v>E5287</v>
          </cell>
          <cell r="T164" t="str">
            <v>DPEQUIPFA</v>
          </cell>
        </row>
        <row r="165">
          <cell r="S165" t="str">
            <v>E5544</v>
          </cell>
          <cell r="T165" t="str">
            <v>DPEQUIPFA</v>
          </cell>
        </row>
        <row r="166">
          <cell r="S166" t="str">
            <v>E5648</v>
          </cell>
          <cell r="T166" t="str">
            <v>DPEQUIPFA</v>
          </cell>
        </row>
        <row r="167">
          <cell r="S167" t="str">
            <v>E5707</v>
          </cell>
          <cell r="T167" t="str">
            <v>DPEQUIPFA</v>
          </cell>
        </row>
        <row r="168">
          <cell r="S168" t="str">
            <v>E5905</v>
          </cell>
          <cell r="T168" t="str">
            <v>DPEQUIPFA</v>
          </cell>
        </row>
        <row r="169">
          <cell r="S169" t="str">
            <v>E5944</v>
          </cell>
          <cell r="T169" t="str">
            <v>DPEQUIPFA</v>
          </cell>
        </row>
        <row r="170">
          <cell r="S170" t="str">
            <v>E5964</v>
          </cell>
          <cell r="T170" t="str">
            <v>DPEQUIPFA</v>
          </cell>
        </row>
        <row r="171">
          <cell r="S171" t="str">
            <v>E5965</v>
          </cell>
          <cell r="T171" t="str">
            <v>DPEQUIPFA</v>
          </cell>
        </row>
        <row r="172">
          <cell r="S172" t="str">
            <v>E6205</v>
          </cell>
          <cell r="T172" t="str">
            <v>DPEQUIPFA</v>
          </cell>
        </row>
        <row r="173">
          <cell r="S173" t="str">
            <v>E6206</v>
          </cell>
          <cell r="T173" t="str">
            <v>DPEQUIPFA</v>
          </cell>
        </row>
        <row r="174">
          <cell r="S174" t="str">
            <v>E6227</v>
          </cell>
          <cell r="T174" t="str">
            <v>DPEQUIPFA</v>
          </cell>
        </row>
        <row r="175">
          <cell r="S175" t="str">
            <v>E6365</v>
          </cell>
          <cell r="T175" t="str">
            <v>DPEQUIPFA</v>
          </cell>
        </row>
        <row r="176">
          <cell r="S176" t="str">
            <v>E6371</v>
          </cell>
          <cell r="T176" t="str">
            <v>DPEQUIPFA</v>
          </cell>
        </row>
        <row r="177">
          <cell r="S177" t="str">
            <v>E6372</v>
          </cell>
          <cell r="T177" t="str">
            <v>DPEQUIPFA</v>
          </cell>
        </row>
        <row r="178">
          <cell r="S178" t="str">
            <v>E6405</v>
          </cell>
          <cell r="T178" t="str">
            <v>DPEQUIPFA</v>
          </cell>
        </row>
        <row r="179">
          <cell r="S179" t="str">
            <v>E6406</v>
          </cell>
          <cell r="T179" t="str">
            <v>DPEQUIPFA</v>
          </cell>
        </row>
        <row r="180">
          <cell r="S180" t="str">
            <v>E6464</v>
          </cell>
          <cell r="T180" t="str">
            <v>DPEQUIPFA</v>
          </cell>
        </row>
        <row r="181">
          <cell r="S181" t="str">
            <v>E6668</v>
          </cell>
          <cell r="T181" t="str">
            <v>DPEQUIPFA</v>
          </cell>
        </row>
        <row r="182">
          <cell r="S182" t="str">
            <v>E6885</v>
          </cell>
          <cell r="T182" t="str">
            <v>DPEQUIPFA</v>
          </cell>
        </row>
        <row r="183">
          <cell r="S183" t="str">
            <v>E6886</v>
          </cell>
          <cell r="T183" t="str">
            <v>DPEQUIPFA</v>
          </cell>
        </row>
        <row r="184">
          <cell r="S184" t="str">
            <v>E6905</v>
          </cell>
          <cell r="T184" t="str">
            <v>DPEQUIPFA</v>
          </cell>
        </row>
        <row r="185">
          <cell r="S185" t="str">
            <v>E7044</v>
          </cell>
          <cell r="T185" t="str">
            <v>DPEQUIPFA</v>
          </cell>
        </row>
        <row r="186">
          <cell r="S186" t="str">
            <v>E7086</v>
          </cell>
          <cell r="T186" t="str">
            <v>DPEQUIPFA</v>
          </cell>
        </row>
        <row r="187">
          <cell r="S187" t="str">
            <v>E7126</v>
          </cell>
          <cell r="T187" t="str">
            <v>DPEQUIPFA</v>
          </cell>
        </row>
        <row r="188">
          <cell r="S188" t="str">
            <v>E7224</v>
          </cell>
          <cell r="T188" t="str">
            <v>DPEQUIPFA</v>
          </cell>
        </row>
        <row r="189">
          <cell r="S189" t="str">
            <v>E7244</v>
          </cell>
          <cell r="T189" t="str">
            <v>DPEQUIPFA</v>
          </cell>
        </row>
        <row r="190">
          <cell r="S190" t="str">
            <v>E7304</v>
          </cell>
          <cell r="T190" t="str">
            <v>DPEQUIPFA</v>
          </cell>
        </row>
        <row r="191">
          <cell r="S191" t="str">
            <v>E7304OM</v>
          </cell>
          <cell r="T191" t="str">
            <v>DPEQUIPFA</v>
          </cell>
        </row>
        <row r="192">
          <cell r="S192" t="str">
            <v>E7368</v>
          </cell>
          <cell r="T192" t="str">
            <v>DPEQUIPFA</v>
          </cell>
        </row>
        <row r="193">
          <cell r="S193" t="str">
            <v>E7504</v>
          </cell>
          <cell r="T193" t="str">
            <v>DPEQUIPFA</v>
          </cell>
        </row>
        <row r="194">
          <cell r="S194" t="str">
            <v>E7724</v>
          </cell>
          <cell r="T194" t="str">
            <v>DPEQUIPFA</v>
          </cell>
        </row>
        <row r="195">
          <cell r="S195" t="str">
            <v>E7805</v>
          </cell>
          <cell r="T195" t="str">
            <v>DPEQUIPFA</v>
          </cell>
        </row>
        <row r="196">
          <cell r="S196" t="str">
            <v>E7807</v>
          </cell>
          <cell r="T196" t="str">
            <v>DPEQUIPFA</v>
          </cell>
        </row>
        <row r="197">
          <cell r="S197" t="str">
            <v>E8044</v>
          </cell>
          <cell r="T197" t="str">
            <v>DPEQUIPFA</v>
          </cell>
        </row>
        <row r="198">
          <cell r="S198" t="str">
            <v>E8084</v>
          </cell>
          <cell r="T198" t="str">
            <v>DPEQUIPFA</v>
          </cell>
        </row>
        <row r="199">
          <cell r="S199" t="str">
            <v>E8205</v>
          </cell>
          <cell r="T199" t="str">
            <v>DPEQUIPFA</v>
          </cell>
        </row>
        <row r="200">
          <cell r="S200" t="str">
            <v>E8404</v>
          </cell>
          <cell r="T200" t="str">
            <v>DPEQUIPFA</v>
          </cell>
        </row>
        <row r="201">
          <cell r="S201" t="str">
            <v>E8405</v>
          </cell>
          <cell r="T201" t="str">
            <v>DPEQUIPFA</v>
          </cell>
        </row>
        <row r="202">
          <cell r="S202" t="str">
            <v>E8684</v>
          </cell>
          <cell r="T202" t="str">
            <v>DPEQUIPFA</v>
          </cell>
        </row>
        <row r="203">
          <cell r="S203" t="str">
            <v>E9004</v>
          </cell>
          <cell r="T203" t="str">
            <v>DPEQUIPFA</v>
          </cell>
        </row>
        <row r="204">
          <cell r="S204" t="str">
            <v>E9024</v>
          </cell>
          <cell r="T204" t="str">
            <v>DPEQUIPFA</v>
          </cell>
        </row>
        <row r="205">
          <cell r="S205" t="str">
            <v>E9084</v>
          </cell>
          <cell r="T205" t="str">
            <v>DPEQUIPFA</v>
          </cell>
        </row>
        <row r="206">
          <cell r="S206" t="str">
            <v>E9125</v>
          </cell>
          <cell r="T206" t="str">
            <v>DPEQUIPFA</v>
          </cell>
        </row>
        <row r="207">
          <cell r="S207" t="str">
            <v>E9205</v>
          </cell>
          <cell r="T207" t="str">
            <v>DPEQUIPFA</v>
          </cell>
        </row>
        <row r="208">
          <cell r="S208" t="str">
            <v>E9206</v>
          </cell>
          <cell r="T208" t="str">
            <v>DPEQUIPFA</v>
          </cell>
        </row>
        <row r="209">
          <cell r="S209" t="str">
            <v>E9386</v>
          </cell>
          <cell r="T209" t="str">
            <v>DPEQUIPFA</v>
          </cell>
        </row>
        <row r="210">
          <cell r="S210" t="str">
            <v>E9744</v>
          </cell>
          <cell r="T210" t="str">
            <v>DPEQUIPFA</v>
          </cell>
        </row>
        <row r="211">
          <cell r="S211" t="str">
            <v>E9985</v>
          </cell>
          <cell r="T211" t="str">
            <v>DPEQUIPFA</v>
          </cell>
        </row>
        <row r="212">
          <cell r="S212" t="str">
            <v>F0024</v>
          </cell>
          <cell r="T212" t="str">
            <v>DPEQUIPFA</v>
          </cell>
        </row>
        <row r="213">
          <cell r="S213" t="str">
            <v>F0064</v>
          </cell>
          <cell r="T213" t="str">
            <v>DPEQUIPFA</v>
          </cell>
        </row>
        <row r="214">
          <cell r="S214" t="str">
            <v>F0204</v>
          </cell>
          <cell r="T214" t="str">
            <v>DPEQUIPFA</v>
          </cell>
        </row>
        <row r="215">
          <cell r="S215" t="str">
            <v>F0285</v>
          </cell>
          <cell r="T215" t="str">
            <v>DPEQUIPFA</v>
          </cell>
        </row>
        <row r="216">
          <cell r="S216" t="str">
            <v>F0584</v>
          </cell>
          <cell r="T216" t="str">
            <v>DPEQUIPFA</v>
          </cell>
        </row>
        <row r="217">
          <cell r="S217" t="str">
            <v>F0605</v>
          </cell>
          <cell r="T217" t="str">
            <v>DPEQUIPFA</v>
          </cell>
        </row>
        <row r="218">
          <cell r="S218" t="str">
            <v>F0687</v>
          </cell>
          <cell r="T218" t="str">
            <v>DPEQUIPFA</v>
          </cell>
        </row>
        <row r="219">
          <cell r="S219" t="str">
            <v>F0804</v>
          </cell>
          <cell r="T219" t="str">
            <v>DPEQUIPFA</v>
          </cell>
        </row>
        <row r="220">
          <cell r="S220" t="str">
            <v>F1085</v>
          </cell>
          <cell r="T220" t="str">
            <v>DPEQUIPFA</v>
          </cell>
        </row>
        <row r="221">
          <cell r="S221" t="str">
            <v>F1086</v>
          </cell>
          <cell r="T221" t="str">
            <v>DPEQUIPFA</v>
          </cell>
        </row>
        <row r="222">
          <cell r="S222" t="str">
            <v>F1104</v>
          </cell>
          <cell r="T222" t="str">
            <v>DPEQUIPFA</v>
          </cell>
        </row>
        <row r="223">
          <cell r="S223" t="str">
            <v>F1105</v>
          </cell>
          <cell r="T223" t="str">
            <v>DPEQUIPFA</v>
          </cell>
        </row>
        <row r="224">
          <cell r="S224" t="str">
            <v>F1106</v>
          </cell>
          <cell r="T224" t="str">
            <v>DPEQUIPFA</v>
          </cell>
        </row>
        <row r="225">
          <cell r="S225" t="str">
            <v>F1224</v>
          </cell>
          <cell r="T225" t="str">
            <v>DPEQUIPFA</v>
          </cell>
        </row>
        <row r="226">
          <cell r="S226" t="str">
            <v>F1405</v>
          </cell>
          <cell r="T226" t="str">
            <v>DPEQUIPFA</v>
          </cell>
        </row>
        <row r="227">
          <cell r="S227" t="str">
            <v>F1406</v>
          </cell>
          <cell r="T227" t="str">
            <v>DPEQUIPFA</v>
          </cell>
        </row>
        <row r="228">
          <cell r="S228" t="str">
            <v>F1584</v>
          </cell>
          <cell r="T228" t="str">
            <v>DPEQUIPFA</v>
          </cell>
        </row>
        <row r="229">
          <cell r="S229" t="str">
            <v>F1624</v>
          </cell>
          <cell r="T229" t="str">
            <v>DPEQUIPFA</v>
          </cell>
        </row>
        <row r="230">
          <cell r="S230" t="str">
            <v>F1625</v>
          </cell>
          <cell r="T230" t="str">
            <v>DPEQUIPFA</v>
          </cell>
        </row>
        <row r="231">
          <cell r="S231" t="str">
            <v>F1684</v>
          </cell>
          <cell r="T231" t="str">
            <v>DPEQUIPFA</v>
          </cell>
        </row>
        <row r="232">
          <cell r="S232" t="str">
            <v>F1704</v>
          </cell>
          <cell r="T232" t="str">
            <v>DPEQUIPFA</v>
          </cell>
        </row>
        <row r="233">
          <cell r="S233" t="str">
            <v>F1744</v>
          </cell>
          <cell r="T233" t="str">
            <v>DPEQUIPFA</v>
          </cell>
        </row>
        <row r="234">
          <cell r="S234" t="str">
            <v>F2024</v>
          </cell>
          <cell r="T234" t="str">
            <v>DPEQUIPFA</v>
          </cell>
        </row>
        <row r="235">
          <cell r="S235" t="str">
            <v>F2055</v>
          </cell>
          <cell r="T235" t="str">
            <v>DPEQUIPFA</v>
          </cell>
        </row>
        <row r="236">
          <cell r="S236" t="str">
            <v>F2246</v>
          </cell>
          <cell r="T236" t="str">
            <v>DPEQUIPFA</v>
          </cell>
        </row>
        <row r="237">
          <cell r="S237" t="str">
            <v>F2366</v>
          </cell>
          <cell r="T237" t="str">
            <v>DPEQUIPFA</v>
          </cell>
        </row>
        <row r="238">
          <cell r="S238" t="str">
            <v>F2504</v>
          </cell>
          <cell r="T238" t="str">
            <v>DPEQUIPFA</v>
          </cell>
        </row>
        <row r="239">
          <cell r="S239" t="str">
            <v>F2505</v>
          </cell>
          <cell r="T239" t="str">
            <v>DPEQUIPFA</v>
          </cell>
        </row>
        <row r="240">
          <cell r="S240" t="str">
            <v>F2564</v>
          </cell>
          <cell r="T240" t="str">
            <v>DPEQUIPFA</v>
          </cell>
        </row>
        <row r="241">
          <cell r="S241" t="str">
            <v>F2766</v>
          </cell>
          <cell r="T241" t="str">
            <v>DPEQUIPFA</v>
          </cell>
        </row>
        <row r="242">
          <cell r="S242" t="str">
            <v>F2908</v>
          </cell>
          <cell r="T242" t="str">
            <v>DPEQUIPFA</v>
          </cell>
        </row>
        <row r="243">
          <cell r="S243" t="str">
            <v>F2944</v>
          </cell>
          <cell r="T243" t="str">
            <v>DPEQUIPFA</v>
          </cell>
        </row>
        <row r="244">
          <cell r="S244" t="str">
            <v>F2945</v>
          </cell>
          <cell r="T244" t="str">
            <v>DPEQUIPFA</v>
          </cell>
        </row>
        <row r="245">
          <cell r="S245" t="str">
            <v>F2946</v>
          </cell>
          <cell r="T245" t="str">
            <v>DPEQUIPFA</v>
          </cell>
        </row>
        <row r="246">
          <cell r="S246" t="str">
            <v>F2947</v>
          </cell>
          <cell r="T246" t="str">
            <v>DPEQUIPFA</v>
          </cell>
        </row>
        <row r="247">
          <cell r="S247" t="str">
            <v>F2949</v>
          </cell>
          <cell r="T247" t="str">
            <v>DPEQUIPFA</v>
          </cell>
        </row>
        <row r="248">
          <cell r="S248" t="str">
            <v>F2950</v>
          </cell>
          <cell r="T248" t="str">
            <v>DPEQUIPFA</v>
          </cell>
        </row>
        <row r="249">
          <cell r="S249" t="str">
            <v>F2965</v>
          </cell>
          <cell r="T249" t="str">
            <v>DPEQUIPFA</v>
          </cell>
        </row>
        <row r="250">
          <cell r="S250" t="str">
            <v>F3004</v>
          </cell>
          <cell r="T250" t="str">
            <v>DPEQUIPFA</v>
          </cell>
        </row>
        <row r="251">
          <cell r="S251" t="str">
            <v>F3064</v>
          </cell>
          <cell r="T251" t="str">
            <v>DPEQUIPFA</v>
          </cell>
        </row>
        <row r="252">
          <cell r="S252" t="str">
            <v>F3664</v>
          </cell>
          <cell r="T252" t="str">
            <v>DPEQUIPFA</v>
          </cell>
        </row>
        <row r="253">
          <cell r="S253" t="str">
            <v>F4024</v>
          </cell>
          <cell r="T253" t="str">
            <v>DPEQUIPFA</v>
          </cell>
        </row>
        <row r="254">
          <cell r="S254" t="str">
            <v>F4044</v>
          </cell>
          <cell r="T254" t="str">
            <v>DPEQUIPFA</v>
          </cell>
        </row>
        <row r="255">
          <cell r="S255" t="str">
            <v>F4127</v>
          </cell>
          <cell r="T255" t="str">
            <v>DPEQUIPFA</v>
          </cell>
        </row>
        <row r="256">
          <cell r="S256" t="str">
            <v>F4305</v>
          </cell>
          <cell r="T256" t="str">
            <v>DPEQUIPFA</v>
          </cell>
        </row>
        <row r="257">
          <cell r="S257" t="str">
            <v>F4405</v>
          </cell>
          <cell r="T257" t="str">
            <v>DPEQUIPFA</v>
          </cell>
        </row>
        <row r="258">
          <cell r="S258" t="str">
            <v>F5228</v>
          </cell>
          <cell r="T258" t="str">
            <v>DPEQUIPFA</v>
          </cell>
        </row>
        <row r="259">
          <cell r="S259" t="str">
            <v>F5231</v>
          </cell>
          <cell r="T259" t="str">
            <v>DPEQUIPFA</v>
          </cell>
        </row>
        <row r="260">
          <cell r="S260" t="str">
            <v>F5364</v>
          </cell>
          <cell r="T260" t="str">
            <v>DPEQUIPFA</v>
          </cell>
        </row>
        <row r="261">
          <cell r="S261" t="str">
            <v>F5365</v>
          </cell>
          <cell r="T261" t="str">
            <v>DPEQUIPFA</v>
          </cell>
        </row>
        <row r="262">
          <cell r="S262" t="str">
            <v>F5464</v>
          </cell>
          <cell r="T262" t="str">
            <v>DPEQUIPFA</v>
          </cell>
        </row>
        <row r="263">
          <cell r="S263" t="str">
            <v>F5624</v>
          </cell>
          <cell r="T263" t="str">
            <v>DPEQUIPFA</v>
          </cell>
        </row>
        <row r="264">
          <cell r="S264" t="str">
            <v>F5625</v>
          </cell>
          <cell r="T264" t="str">
            <v>DPEQUIPFA</v>
          </cell>
        </row>
        <row r="265">
          <cell r="S265" t="str">
            <v>F5644</v>
          </cell>
          <cell r="T265" t="str">
            <v>DPEQUIPFA</v>
          </cell>
        </row>
        <row r="266">
          <cell r="S266" t="str">
            <v>F6104</v>
          </cell>
          <cell r="T266" t="str">
            <v>DPEQUIPFA</v>
          </cell>
        </row>
        <row r="267">
          <cell r="S267" t="str">
            <v>F7287</v>
          </cell>
          <cell r="T267" t="str">
            <v>DPEQUIPFA</v>
          </cell>
        </row>
        <row r="268">
          <cell r="S268" t="str">
            <v>E0302</v>
          </cell>
          <cell r="T268" t="str">
            <v>TMAJRIFA</v>
          </cell>
        </row>
        <row r="269">
          <cell r="S269" t="str">
            <v>E0345</v>
          </cell>
          <cell r="T269" t="str">
            <v>TMAJRIFA</v>
          </cell>
        </row>
        <row r="270">
          <cell r="S270" t="str">
            <v>E0998</v>
          </cell>
          <cell r="T270" t="str">
            <v>TMAJRIFA</v>
          </cell>
        </row>
        <row r="271">
          <cell r="S271" t="str">
            <v>E1219</v>
          </cell>
          <cell r="T271" t="str">
            <v>TMAJRIFA</v>
          </cell>
        </row>
        <row r="272">
          <cell r="S272" t="str">
            <v>E1495</v>
          </cell>
          <cell r="T272" t="str">
            <v>TMAJRIFA</v>
          </cell>
        </row>
        <row r="273">
          <cell r="S273" t="str">
            <v>E1498</v>
          </cell>
          <cell r="T273" t="str">
            <v>TMAJRIFA</v>
          </cell>
        </row>
        <row r="274">
          <cell r="S274" t="str">
            <v>E1551</v>
          </cell>
          <cell r="T274" t="str">
            <v>TMAJRIFA</v>
          </cell>
        </row>
        <row r="275">
          <cell r="S275" t="str">
            <v>E1553</v>
          </cell>
          <cell r="T275" t="str">
            <v>TMAJRIFA</v>
          </cell>
        </row>
        <row r="276">
          <cell r="S276" t="str">
            <v>E2914</v>
          </cell>
          <cell r="T276" t="str">
            <v>TMAJRIFA</v>
          </cell>
        </row>
        <row r="277">
          <cell r="S277" t="str">
            <v>E4172</v>
          </cell>
          <cell r="T277" t="str">
            <v>TMAJRIFA</v>
          </cell>
        </row>
        <row r="278">
          <cell r="S278" t="str">
            <v>E4452</v>
          </cell>
          <cell r="T278" t="str">
            <v>TMAJRIFA</v>
          </cell>
        </row>
        <row r="279">
          <cell r="S279" t="str">
            <v>E4852</v>
          </cell>
          <cell r="T279" t="str">
            <v>TMAJRIFA</v>
          </cell>
        </row>
        <row r="280">
          <cell r="S280" t="str">
            <v>E5348</v>
          </cell>
          <cell r="T280" t="str">
            <v>TMAJRIFA</v>
          </cell>
        </row>
        <row r="281">
          <cell r="S281" t="str">
            <v>E6364</v>
          </cell>
          <cell r="T281" t="str">
            <v>TMAJRIFA</v>
          </cell>
        </row>
        <row r="282">
          <cell r="S282" t="str">
            <v>E6688</v>
          </cell>
          <cell r="T282" t="str">
            <v>TMAJRIFA</v>
          </cell>
        </row>
        <row r="283">
          <cell r="S283" t="str">
            <v>E6884</v>
          </cell>
          <cell r="T283" t="str">
            <v>TMAJRIFA</v>
          </cell>
        </row>
        <row r="284">
          <cell r="S284" t="str">
            <v>E6910</v>
          </cell>
          <cell r="T284" t="str">
            <v>TMAJRIFA</v>
          </cell>
        </row>
        <row r="285">
          <cell r="S285" t="str">
            <v>E8124</v>
          </cell>
          <cell r="T285" t="str">
            <v>TMAJRIFA</v>
          </cell>
        </row>
        <row r="286">
          <cell r="S286" t="str">
            <v>E9704</v>
          </cell>
          <cell r="T286" t="str">
            <v>TMAJRIFA</v>
          </cell>
        </row>
        <row r="287">
          <cell r="S287" t="str">
            <v>E9705</v>
          </cell>
          <cell r="T287" t="str">
            <v>TMAJRIFA</v>
          </cell>
        </row>
        <row r="288">
          <cell r="S288" t="str">
            <v>F5725</v>
          </cell>
          <cell r="T288" t="str">
            <v>TMAJRIFA</v>
          </cell>
        </row>
        <row r="289">
          <cell r="S289" t="str">
            <v>F5985</v>
          </cell>
          <cell r="T289" t="str">
            <v>TMAJRIFA</v>
          </cell>
        </row>
        <row r="290">
          <cell r="S290" t="str">
            <v>F6105</v>
          </cell>
          <cell r="T290" t="str">
            <v>TMAJRIFA</v>
          </cell>
        </row>
        <row r="291">
          <cell r="S291" t="str">
            <v>F6207</v>
          </cell>
          <cell r="T291" t="str">
            <v>TMAJRIFA</v>
          </cell>
        </row>
        <row r="292">
          <cell r="S292" t="str">
            <v>F6208</v>
          </cell>
          <cell r="T292" t="str">
            <v>TMAJRIFA</v>
          </cell>
        </row>
        <row r="293">
          <cell r="S293" t="str">
            <v>F6425</v>
          </cell>
          <cell r="T293" t="str">
            <v>TMAJRIFA</v>
          </cell>
        </row>
        <row r="294">
          <cell r="S294" t="str">
            <v>F6508</v>
          </cell>
          <cell r="T294" t="str">
            <v>TMAJRIFA</v>
          </cell>
        </row>
        <row r="295">
          <cell r="S295" t="str">
            <v>F6586</v>
          </cell>
          <cell r="T295" t="str">
            <v>TMAJRIFA</v>
          </cell>
        </row>
        <row r="296">
          <cell r="S296" t="str">
            <v>F6925</v>
          </cell>
          <cell r="T296" t="str">
            <v>TMAJRIFA</v>
          </cell>
        </row>
        <row r="297">
          <cell r="S297" t="str">
            <v>F6926</v>
          </cell>
          <cell r="T297" t="str">
            <v>TMAJRIFA</v>
          </cell>
        </row>
        <row r="298">
          <cell r="S298" t="str">
            <v>F7085</v>
          </cell>
          <cell r="T298" t="str">
            <v>TMAJRIFA</v>
          </cell>
        </row>
        <row r="299">
          <cell r="S299" t="str">
            <v>E0081</v>
          </cell>
          <cell r="T299" t="str">
            <v>DMAJRIFA</v>
          </cell>
        </row>
        <row r="300">
          <cell r="S300" t="str">
            <v>E0305</v>
          </cell>
          <cell r="T300" t="str">
            <v>DMAJRIFA</v>
          </cell>
        </row>
        <row r="301">
          <cell r="S301" t="str">
            <v>E0307</v>
          </cell>
          <cell r="T301" t="str">
            <v>DMAJRIFA</v>
          </cell>
        </row>
        <row r="302">
          <cell r="S302" t="str">
            <v>E0346</v>
          </cell>
          <cell r="T302" t="str">
            <v>DMAJRIFA</v>
          </cell>
        </row>
        <row r="303">
          <cell r="S303" t="str">
            <v>E0347</v>
          </cell>
          <cell r="T303" t="str">
            <v>DMAJRIFA</v>
          </cell>
        </row>
        <row r="304">
          <cell r="S304" t="str">
            <v>E0348</v>
          </cell>
          <cell r="T304" t="str">
            <v>DMAJRIFA</v>
          </cell>
        </row>
        <row r="305">
          <cell r="S305" t="str">
            <v>E0349</v>
          </cell>
          <cell r="T305" t="str">
            <v>DMAJRIFA</v>
          </cell>
        </row>
        <row r="306">
          <cell r="S306" t="str">
            <v>E0546</v>
          </cell>
          <cell r="T306" t="str">
            <v>DMAJRIFA</v>
          </cell>
        </row>
        <row r="307">
          <cell r="S307" t="str">
            <v>E0572</v>
          </cell>
          <cell r="T307" t="str">
            <v>DMAJRIFA</v>
          </cell>
        </row>
        <row r="308">
          <cell r="S308" t="str">
            <v>E0597</v>
          </cell>
          <cell r="T308" t="str">
            <v>DMAJRIFA</v>
          </cell>
        </row>
        <row r="309">
          <cell r="S309" t="str">
            <v>E0892</v>
          </cell>
          <cell r="T309" t="str">
            <v>DMAJRIFA</v>
          </cell>
        </row>
        <row r="310">
          <cell r="S310" t="str">
            <v>E0912</v>
          </cell>
          <cell r="T310" t="str">
            <v>DMAJRIFA</v>
          </cell>
        </row>
        <row r="311">
          <cell r="S311" t="str">
            <v>E0913</v>
          </cell>
          <cell r="T311" t="str">
            <v>DMAJRIFA</v>
          </cell>
        </row>
        <row r="312">
          <cell r="S312" t="str">
            <v>E0999</v>
          </cell>
          <cell r="T312" t="str">
            <v>DMAJRIFA</v>
          </cell>
        </row>
        <row r="313">
          <cell r="S313" t="str">
            <v>E1001</v>
          </cell>
          <cell r="T313" t="str">
            <v>DMAJRIFA</v>
          </cell>
        </row>
        <row r="314">
          <cell r="S314" t="str">
            <v>E1224</v>
          </cell>
          <cell r="T314" t="str">
            <v>DMAJRIFA</v>
          </cell>
        </row>
        <row r="315">
          <cell r="S315" t="str">
            <v>E1539</v>
          </cell>
          <cell r="T315" t="str">
            <v>DMAJRIFA</v>
          </cell>
        </row>
        <row r="316">
          <cell r="S316" t="str">
            <v>E1874</v>
          </cell>
          <cell r="T316" t="str">
            <v>DMAJRIFA</v>
          </cell>
        </row>
        <row r="317">
          <cell r="S317" t="str">
            <v>E1875</v>
          </cell>
          <cell r="T317" t="str">
            <v>DMAJRIFA</v>
          </cell>
        </row>
        <row r="318">
          <cell r="S318" t="str">
            <v>E2014</v>
          </cell>
          <cell r="T318" t="str">
            <v>DMAJRIFA</v>
          </cell>
        </row>
        <row r="319">
          <cell r="S319" t="str">
            <v>E2597</v>
          </cell>
          <cell r="T319" t="str">
            <v>DMAJRIFA</v>
          </cell>
        </row>
        <row r="320">
          <cell r="S320" t="str">
            <v>E2952</v>
          </cell>
          <cell r="T320" t="str">
            <v>DMAJRIFA</v>
          </cell>
        </row>
        <row r="321">
          <cell r="S321" t="str">
            <v>E4213</v>
          </cell>
          <cell r="T321" t="str">
            <v>DMAJRIFA</v>
          </cell>
        </row>
        <row r="322">
          <cell r="S322" t="str">
            <v>E4712</v>
          </cell>
          <cell r="T322" t="str">
            <v>DMAJRIFA</v>
          </cell>
        </row>
        <row r="323">
          <cell r="S323" t="str">
            <v>E5332</v>
          </cell>
          <cell r="T323" t="str">
            <v>DMAJRIFA</v>
          </cell>
        </row>
        <row r="324">
          <cell r="S324" t="str">
            <v>E5333</v>
          </cell>
          <cell r="T324" t="str">
            <v>DMAJRIFA</v>
          </cell>
        </row>
        <row r="325">
          <cell r="S325" t="str">
            <v>E5345</v>
          </cell>
          <cell r="T325" t="str">
            <v>DMAJRIFA</v>
          </cell>
        </row>
        <row r="326">
          <cell r="S326" t="str">
            <v>E5346</v>
          </cell>
          <cell r="T326" t="str">
            <v>DMAJRIFA</v>
          </cell>
        </row>
        <row r="327">
          <cell r="S327" t="str">
            <v>E5347</v>
          </cell>
          <cell r="T327" t="str">
            <v>DMAJRIFA</v>
          </cell>
        </row>
        <row r="328">
          <cell r="S328" t="str">
            <v>E5404</v>
          </cell>
          <cell r="T328" t="str">
            <v>DMAJRIFA</v>
          </cell>
        </row>
        <row r="329">
          <cell r="S329" t="str">
            <v>E6686</v>
          </cell>
          <cell r="T329" t="str">
            <v>DMAJRIFA</v>
          </cell>
        </row>
        <row r="330">
          <cell r="S330" t="str">
            <v>E6687</v>
          </cell>
          <cell r="T330" t="str">
            <v>DMAJRIFA</v>
          </cell>
        </row>
        <row r="331">
          <cell r="S331" t="str">
            <v>E6906</v>
          </cell>
          <cell r="T331" t="str">
            <v>DMAJRIFA</v>
          </cell>
        </row>
        <row r="332">
          <cell r="S332" t="str">
            <v>E7367</v>
          </cell>
          <cell r="T332" t="str">
            <v>DMAJRIFA</v>
          </cell>
        </row>
        <row r="333">
          <cell r="S333" t="str">
            <v>E9185</v>
          </cell>
          <cell r="T333" t="str">
            <v>DMAJRIFA</v>
          </cell>
        </row>
        <row r="334">
          <cell r="S334" t="str">
            <v>E9284</v>
          </cell>
          <cell r="T334" t="str">
            <v>DMAJRIFA</v>
          </cell>
        </row>
        <row r="335">
          <cell r="S335" t="str">
            <v>E9285</v>
          </cell>
          <cell r="T335" t="str">
            <v>DMAJRIFA</v>
          </cell>
        </row>
        <row r="336">
          <cell r="S336" t="str">
            <v>E9344</v>
          </cell>
          <cell r="T336" t="str">
            <v>DMAJRIFA</v>
          </cell>
        </row>
        <row r="337">
          <cell r="S337" t="str">
            <v>E9364</v>
          </cell>
          <cell r="T337" t="str">
            <v>DMAJRIFA</v>
          </cell>
        </row>
        <row r="338">
          <cell r="S338" t="str">
            <v>E9444</v>
          </cell>
          <cell r="T338" t="str">
            <v>DMAJRIFA</v>
          </cell>
        </row>
        <row r="339">
          <cell r="S339" t="str">
            <v>E9464</v>
          </cell>
          <cell r="T339" t="str">
            <v>DMAJRIFA</v>
          </cell>
        </row>
        <row r="340">
          <cell r="S340" t="str">
            <v>E9724</v>
          </cell>
          <cell r="T340" t="str">
            <v>DMAJRIFA</v>
          </cell>
        </row>
        <row r="341">
          <cell r="S341" t="str">
            <v>E9725</v>
          </cell>
          <cell r="T341" t="str">
            <v>DMAJRIFA</v>
          </cell>
        </row>
        <row r="342">
          <cell r="S342" t="str">
            <v>E9745</v>
          </cell>
          <cell r="T342" t="str">
            <v>DMAJRIFA</v>
          </cell>
        </row>
        <row r="343">
          <cell r="S343" t="str">
            <v>E9746</v>
          </cell>
          <cell r="T343" t="str">
            <v>DMAJRIFA</v>
          </cell>
        </row>
        <row r="344">
          <cell r="S344" t="str">
            <v>F1126</v>
          </cell>
          <cell r="T344" t="str">
            <v>DMAJRIFA</v>
          </cell>
        </row>
        <row r="345">
          <cell r="S345" t="str">
            <v>F1144</v>
          </cell>
          <cell r="T345" t="str">
            <v>DMAJRIFA</v>
          </cell>
        </row>
        <row r="346">
          <cell r="S346" t="str">
            <v>F1444</v>
          </cell>
          <cell r="T346" t="str">
            <v>DMAJRIFA</v>
          </cell>
        </row>
        <row r="347">
          <cell r="S347" t="str">
            <v>F3364</v>
          </cell>
          <cell r="T347" t="str">
            <v>DMAJRIFA</v>
          </cell>
        </row>
        <row r="348">
          <cell r="S348" t="str">
            <v>F4406</v>
          </cell>
          <cell r="T348" t="str">
            <v>DMAJRIFA</v>
          </cell>
        </row>
        <row r="349">
          <cell r="S349" t="str">
            <v>F4407</v>
          </cell>
          <cell r="T349" t="str">
            <v>DMAJRIFA</v>
          </cell>
        </row>
        <row r="350">
          <cell r="S350" t="str">
            <v>F4408</v>
          </cell>
          <cell r="T350" t="str">
            <v>DMAJRIFA</v>
          </cell>
        </row>
        <row r="351">
          <cell r="S351" t="str">
            <v>F4504</v>
          </cell>
          <cell r="T351" t="str">
            <v>DMAJRIFA</v>
          </cell>
        </row>
        <row r="352">
          <cell r="S352" t="str">
            <v>F4506</v>
          </cell>
          <cell r="T352" t="str">
            <v>DMAJRIFA</v>
          </cell>
        </row>
        <row r="353">
          <cell r="S353" t="str">
            <v>F5225</v>
          </cell>
          <cell r="T353" t="str">
            <v>DMAJRIFA</v>
          </cell>
        </row>
        <row r="354">
          <cell r="S354" t="str">
            <v>F5227</v>
          </cell>
          <cell r="T354" t="str">
            <v>DMAJRIFA</v>
          </cell>
        </row>
        <row r="355">
          <cell r="S355" t="str">
            <v>F5229</v>
          </cell>
          <cell r="T355" t="str">
            <v>DMAJRIFA</v>
          </cell>
        </row>
        <row r="356">
          <cell r="S356" t="str">
            <v>F5264</v>
          </cell>
          <cell r="T356" t="str">
            <v>DMAJRIFA</v>
          </cell>
        </row>
        <row r="357">
          <cell r="S357" t="str">
            <v>F5866</v>
          </cell>
          <cell r="T357" t="str">
            <v>DMAJRIFA</v>
          </cell>
        </row>
        <row r="358">
          <cell r="S358" t="str">
            <v>F6025</v>
          </cell>
          <cell r="T358" t="str">
            <v>DMAJRIFA</v>
          </cell>
        </row>
        <row r="359">
          <cell r="S359" t="str">
            <v>F6404</v>
          </cell>
          <cell r="T359" t="str">
            <v>DMAJRIFA</v>
          </cell>
        </row>
        <row r="360">
          <cell r="S360" t="str">
            <v>F6405</v>
          </cell>
          <cell r="T360" t="str">
            <v>DMAJRIFA</v>
          </cell>
        </row>
        <row r="361">
          <cell r="S361" t="str">
            <v>F6585</v>
          </cell>
          <cell r="T361" t="str">
            <v>DMAJRIFA</v>
          </cell>
        </row>
        <row r="362">
          <cell r="S362" t="str">
            <v>F6664</v>
          </cell>
          <cell r="T362" t="str">
            <v>DMAJRIFA</v>
          </cell>
        </row>
        <row r="363">
          <cell r="S363" t="str">
            <v>F6924</v>
          </cell>
          <cell r="T363" t="str">
            <v>DMAJRIFA</v>
          </cell>
        </row>
        <row r="364">
          <cell r="S364" t="str">
            <v>F6927</v>
          </cell>
          <cell r="T364" t="str">
            <v>DMAJRIFA</v>
          </cell>
        </row>
        <row r="365">
          <cell r="S365" t="str">
            <v>F7066</v>
          </cell>
          <cell r="T365" t="str">
            <v>DMAJRIFA</v>
          </cell>
        </row>
        <row r="366">
          <cell r="S366" t="str">
            <v>F7086</v>
          </cell>
          <cell r="T366" t="str">
            <v>DMAJRIFA</v>
          </cell>
        </row>
        <row r="367">
          <cell r="S367" t="str">
            <v>F7089</v>
          </cell>
          <cell r="T367" t="str">
            <v>DMAJRIFA</v>
          </cell>
        </row>
        <row r="368">
          <cell r="S368" t="str">
            <v>F7090</v>
          </cell>
          <cell r="T368" t="str">
            <v>DMAJRIFA</v>
          </cell>
        </row>
        <row r="369">
          <cell r="S369" t="str">
            <v>F7091</v>
          </cell>
          <cell r="T369" t="str">
            <v>DMAJRIFA</v>
          </cell>
        </row>
        <row r="370">
          <cell r="S370" t="str">
            <v>F7092</v>
          </cell>
          <cell r="T370" t="str">
            <v>DMAJRIFA</v>
          </cell>
        </row>
        <row r="371">
          <cell r="S371" t="str">
            <v>F7184</v>
          </cell>
          <cell r="T371" t="str">
            <v>DMAJRIFA</v>
          </cell>
        </row>
        <row r="372">
          <cell r="S372" t="str">
            <v>C9952</v>
          </cell>
          <cell r="T372" t="str">
            <v>DMAJRIFA</v>
          </cell>
        </row>
        <row r="373">
          <cell r="S373" t="str">
            <v>C9327</v>
          </cell>
          <cell r="T373" t="str">
            <v>DMAJRIFA</v>
          </cell>
        </row>
        <row r="374">
          <cell r="S374" t="str">
            <v>D3297</v>
          </cell>
          <cell r="T374" t="str">
            <v>DMAJRIFA</v>
          </cell>
        </row>
        <row r="375">
          <cell r="S375" t="str">
            <v>E0873</v>
          </cell>
          <cell r="T375" t="str">
            <v>TMAJRIFA</v>
          </cell>
        </row>
        <row r="376">
          <cell r="S376" t="str">
            <v>F7185</v>
          </cell>
          <cell r="T376" t="str">
            <v>DMAJRIFA</v>
          </cell>
        </row>
        <row r="377">
          <cell r="S377" t="str">
            <v>F7188</v>
          </cell>
          <cell r="T377" t="str">
            <v>DMAJRIFA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Month Rolling OM"/>
      <sheetName val="Month Rolling Cap"/>
      <sheetName val="1 Cover"/>
      <sheetName val="2 EDC OM Sum"/>
      <sheetName val="3 Group Admin Waterfall"/>
      <sheetName val="4 Regions RMC Waterfall (Cost)"/>
      <sheetName val="5 Regions RMC Waterfall (Proc)"/>
      <sheetName val="6 Distribution Waterfall (Cost)"/>
      <sheetName val="7 Distribution Waterfall (Proc)"/>
      <sheetName val="8 CMS PEC Waterfall"/>
      <sheetName val="9 CMS PEF Waterfall"/>
      <sheetName val="10 Service Delivery CPU"/>
      <sheetName val="11 Restore CPU"/>
      <sheetName val="12 EDC Cap Sumb"/>
      <sheetName val="13 Growth Cap Waterfall"/>
      <sheetName val="13 Program Cap Waterfall"/>
      <sheetName val="13 Other Base Cap Waterfall"/>
      <sheetName val="14 Residential CPU"/>
      <sheetName val="15 C&amp;I CPU"/>
      <sheetName val="16 Lighting CPU"/>
      <sheetName val="Data Dump"/>
      <sheetName val="Budget CPU"/>
      <sheetName val="Residential"/>
      <sheetName val="Commercial &amp; Industrial"/>
      <sheetName val="Lights"/>
      <sheetName val="Dept OT"/>
      <sheetName val="YTD ACTUALS by Month and State"/>
      <sheetName val="Capital Projections"/>
      <sheetName val="Month_Rolling_OM"/>
      <sheetName val="Month_Rolling_Cap"/>
      <sheetName val="1_Cover"/>
      <sheetName val="2_EDC_OM_Sum"/>
      <sheetName val="3_Group_Admin_Waterfall"/>
      <sheetName val="4_Regions_RMC_Waterfall_(Cost)"/>
      <sheetName val="5_Regions_RMC_Waterfall_(Proc)"/>
      <sheetName val="6_Distribution_Waterfall_(Cost)"/>
      <sheetName val="7_Distribution_Waterfall_(Proc)"/>
      <sheetName val="8_CMS_PEC_Waterfall"/>
      <sheetName val="9_CMS_PEF_Waterfall"/>
      <sheetName val="10_Service_Delivery_CPU"/>
      <sheetName val="11_Restore_CPU"/>
      <sheetName val="12_EDC_Cap_Sumb"/>
      <sheetName val="13_Growth_Cap_Waterfall"/>
      <sheetName val="13_Program_Cap_Waterfall"/>
      <sheetName val="13_Other_Base_Cap_Waterfall"/>
      <sheetName val="14_Residential_CPU"/>
      <sheetName val="15_C&amp;I_CPU"/>
      <sheetName val="16_Lighting_CPU"/>
      <sheetName val="Data_Dump"/>
      <sheetName val="Budget_CPU"/>
      <sheetName val="Commercial_&amp;_Industrial"/>
      <sheetName val="Dept_OT"/>
      <sheetName val="YTD_ACTUALS_by_Month_and_State"/>
      <sheetName val="Capital_Projections"/>
      <sheetName val="Month_Rolling_OM1"/>
      <sheetName val="Month_Rolling_Cap1"/>
      <sheetName val="1_Cover1"/>
      <sheetName val="2_EDC_OM_Sum1"/>
      <sheetName val="3_Group_Admin_Waterfall1"/>
      <sheetName val="4_Regions_RMC_Waterfall_(Cost)1"/>
      <sheetName val="5_Regions_RMC_Waterfall_(Proc)1"/>
      <sheetName val="6_Distribution_Waterfall_(Cost1"/>
      <sheetName val="7_Distribution_Waterfall_(Proc1"/>
      <sheetName val="8_CMS_PEC_Waterfall1"/>
      <sheetName val="9_CMS_PEF_Waterfall1"/>
      <sheetName val="10_Service_Delivery_CPU1"/>
      <sheetName val="11_Restore_CPU1"/>
      <sheetName val="12_EDC_Cap_Sumb1"/>
      <sheetName val="13_Growth_Cap_Waterfall1"/>
      <sheetName val="13_Program_Cap_Waterfall1"/>
      <sheetName val="13_Other_Base_Cap_Waterfall1"/>
      <sheetName val="14_Residential_CPU1"/>
      <sheetName val="15_C&amp;I_CPU1"/>
      <sheetName val="16_Lighting_CPU1"/>
      <sheetName val="Data_Dump1"/>
      <sheetName val="Budget_CPU1"/>
      <sheetName val="Commercial_&amp;_Industrial1"/>
      <sheetName val="Dept_OT1"/>
      <sheetName val="YTD_ACTUALS_by_Month_and_State1"/>
      <sheetName val="Capital_Projections1"/>
    </sheetNames>
    <sheetDataSet>
      <sheetData sheetId="0" refreshError="1">
        <row r="1">
          <cell r="P1">
            <v>41000</v>
          </cell>
        </row>
      </sheetData>
      <sheetData sheetId="1" refreshError="1"/>
      <sheetData sheetId="2" refreshError="1"/>
      <sheetData sheetId="3" refreshError="1">
        <row r="1">
          <cell r="B1">
            <v>4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>
        <row r="1">
          <cell r="B1">
            <v>0</v>
          </cell>
          <cell r="C1">
            <v>0</v>
          </cell>
          <cell r="E1">
            <v>0</v>
          </cell>
          <cell r="H1">
            <v>0</v>
          </cell>
          <cell r="I1">
            <v>0</v>
          </cell>
          <cell r="M1">
            <v>0</v>
          </cell>
        </row>
        <row r="2">
          <cell r="B2" t="str">
            <v>Company Code</v>
          </cell>
          <cell r="C2" t="str">
            <v>AC</v>
          </cell>
          <cell r="D2" t="str">
            <v>Flash Category</v>
          </cell>
          <cell r="E2" t="str">
            <v>Flash Process Driver</v>
          </cell>
          <cell r="G2" t="str">
            <v>.Flash Cost Driver Grouping</v>
          </cell>
          <cell r="H2" t="str">
            <v>.Flash Process Driver Grouping</v>
          </cell>
          <cell r="I2" t="str">
            <v>Flash Capital Grouping</v>
          </cell>
          <cell r="K2" t="str">
            <v>MTD Actual</v>
          </cell>
          <cell r="M2" t="str">
            <v>YTD Target</v>
          </cell>
          <cell r="N2" t="str">
            <v>YTD Actual</v>
          </cell>
          <cell r="O2" t="str">
            <v>YTD Variance</v>
          </cell>
          <cell r="P2" t="str">
            <v>Annual Budget</v>
          </cell>
          <cell r="Q2" t="str">
            <v>YE Target</v>
          </cell>
          <cell r="R2" t="str">
            <v>YE Projection</v>
          </cell>
          <cell r="S2" t="str">
            <v>YE Variance</v>
          </cell>
        </row>
        <row r="3">
          <cell r="B3">
            <v>1</v>
          </cell>
          <cell r="C3" t="str">
            <v>O&amp;M</v>
          </cell>
          <cell r="D3" t="str">
            <v>EDC Major Storm</v>
          </cell>
          <cell r="E3" t="str">
            <v>EDC Major Storm</v>
          </cell>
          <cell r="G3" t="str">
            <v>Other</v>
          </cell>
          <cell r="H3" t="str">
            <v>EDC Major Storm</v>
          </cell>
          <cell r="I3">
            <v>0</v>
          </cell>
          <cell r="K3">
            <v>0</v>
          </cell>
          <cell r="M3">
            <v>0</v>
          </cell>
          <cell r="N3">
            <v>32206</v>
          </cell>
          <cell r="O3">
            <v>-32206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</row>
        <row r="4">
          <cell r="B4">
            <v>1</v>
          </cell>
          <cell r="C4" t="str">
            <v>O&amp;M</v>
          </cell>
          <cell r="D4" t="str">
            <v>EDC Major Storm</v>
          </cell>
          <cell r="E4" t="str">
            <v>EDC Major Storm</v>
          </cell>
          <cell r="G4" t="str">
            <v>EDC Major Storm</v>
          </cell>
          <cell r="H4" t="str">
            <v>EDC Major Storm</v>
          </cell>
          <cell r="I4">
            <v>0</v>
          </cell>
          <cell r="K4">
            <v>16495</v>
          </cell>
          <cell r="M4">
            <v>0</v>
          </cell>
          <cell r="N4">
            <v>-542980</v>
          </cell>
          <cell r="O4">
            <v>542980</v>
          </cell>
          <cell r="P4">
            <v>0</v>
          </cell>
          <cell r="Q4">
            <v>0</v>
          </cell>
          <cell r="R4">
            <v>-525000</v>
          </cell>
          <cell r="S4">
            <v>525000</v>
          </cell>
        </row>
        <row r="5">
          <cell r="B5">
            <v>1</v>
          </cell>
          <cell r="C5" t="str">
            <v>O&amp;M</v>
          </cell>
          <cell r="D5" t="str">
            <v>Group Admin</v>
          </cell>
          <cell r="E5" t="str">
            <v>Company Labor</v>
          </cell>
          <cell r="G5" t="str">
            <v>Company Labor</v>
          </cell>
          <cell r="H5" t="str">
            <v>Company Labor</v>
          </cell>
          <cell r="I5">
            <v>0</v>
          </cell>
          <cell r="K5">
            <v>27394</v>
          </cell>
          <cell r="M5">
            <v>109022</v>
          </cell>
          <cell r="N5">
            <v>111662</v>
          </cell>
          <cell r="O5">
            <v>-2640</v>
          </cell>
          <cell r="P5">
            <v>314965</v>
          </cell>
          <cell r="Q5">
            <v>314966</v>
          </cell>
          <cell r="R5">
            <v>314965</v>
          </cell>
          <cell r="S5">
            <v>1</v>
          </cell>
        </row>
        <row r="6">
          <cell r="B6">
            <v>1</v>
          </cell>
          <cell r="C6" t="str">
            <v>O&amp;M</v>
          </cell>
          <cell r="D6" t="str">
            <v>Group Admin</v>
          </cell>
          <cell r="E6" t="str">
            <v>Company Labor</v>
          </cell>
          <cell r="G6" t="str">
            <v>Company Labor</v>
          </cell>
          <cell r="H6" t="str">
            <v>Company Labor</v>
          </cell>
          <cell r="I6">
            <v>0</v>
          </cell>
          <cell r="K6">
            <v>25883</v>
          </cell>
          <cell r="M6">
            <v>102981</v>
          </cell>
          <cell r="N6">
            <v>105035</v>
          </cell>
          <cell r="O6">
            <v>-2054</v>
          </cell>
          <cell r="P6">
            <v>301357</v>
          </cell>
          <cell r="Q6">
            <v>301358</v>
          </cell>
          <cell r="R6">
            <v>301357</v>
          </cell>
          <cell r="S6">
            <v>0</v>
          </cell>
        </row>
        <row r="7">
          <cell r="B7">
            <v>1</v>
          </cell>
          <cell r="C7" t="str">
            <v>O&amp;M</v>
          </cell>
          <cell r="D7" t="str">
            <v>Group Admin</v>
          </cell>
          <cell r="E7" t="str">
            <v>Company Labor</v>
          </cell>
          <cell r="G7" t="str">
            <v>Company Labor</v>
          </cell>
          <cell r="H7" t="str">
            <v>Company Labor</v>
          </cell>
          <cell r="I7">
            <v>0</v>
          </cell>
          <cell r="K7">
            <v>278</v>
          </cell>
          <cell r="M7">
            <v>0</v>
          </cell>
          <cell r="N7">
            <v>2190</v>
          </cell>
          <cell r="O7">
            <v>-2190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</row>
        <row r="8">
          <cell r="B8">
            <v>1</v>
          </cell>
          <cell r="C8" t="str">
            <v>O&amp;M</v>
          </cell>
          <cell r="D8" t="str">
            <v>Group Admin</v>
          </cell>
          <cell r="E8" t="str">
            <v>Company Labor</v>
          </cell>
          <cell r="G8" t="str">
            <v>Workers Comp</v>
          </cell>
          <cell r="H8" t="str">
            <v>Company Labor</v>
          </cell>
          <cell r="I8">
            <v>0</v>
          </cell>
          <cell r="K8">
            <v>0</v>
          </cell>
          <cell r="M8">
            <v>0</v>
          </cell>
          <cell r="N8">
            <v>0</v>
          </cell>
          <cell r="O8">
            <v>0</v>
          </cell>
          <cell r="P8">
            <v>710000</v>
          </cell>
          <cell r="Q8">
            <v>0</v>
          </cell>
          <cell r="R8">
            <v>0</v>
          </cell>
          <cell r="S8">
            <v>0</v>
          </cell>
        </row>
        <row r="9">
          <cell r="B9">
            <v>1</v>
          </cell>
          <cell r="C9" t="str">
            <v>O&amp;M</v>
          </cell>
          <cell r="D9" t="str">
            <v>Group Admin</v>
          </cell>
          <cell r="E9" t="str">
            <v>Company Labor</v>
          </cell>
          <cell r="G9" t="str">
            <v>Contract Labor</v>
          </cell>
          <cell r="H9" t="str">
            <v>Company Labor</v>
          </cell>
          <cell r="I9">
            <v>0</v>
          </cell>
          <cell r="K9">
            <v>-2289</v>
          </cell>
          <cell r="M9">
            <v>0</v>
          </cell>
          <cell r="N9">
            <v>0</v>
          </cell>
          <cell r="O9">
            <v>0</v>
          </cell>
          <cell r="P9">
            <v>50000</v>
          </cell>
          <cell r="Q9">
            <v>0</v>
          </cell>
          <cell r="R9">
            <v>0</v>
          </cell>
          <cell r="S9">
            <v>0</v>
          </cell>
        </row>
        <row r="10">
          <cell r="B10">
            <v>1</v>
          </cell>
          <cell r="C10" t="str">
            <v>O&amp;M</v>
          </cell>
          <cell r="D10" t="str">
            <v>Group Admin</v>
          </cell>
          <cell r="E10" t="str">
            <v>Company Labor</v>
          </cell>
          <cell r="G10" t="str">
            <v>Fleet</v>
          </cell>
          <cell r="H10" t="str">
            <v>Company Labor</v>
          </cell>
          <cell r="I10">
            <v>0</v>
          </cell>
          <cell r="K10">
            <v>-21</v>
          </cell>
          <cell r="M10">
            <v>0</v>
          </cell>
          <cell r="N10">
            <v>279</v>
          </cell>
          <cell r="O10">
            <v>-279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</row>
        <row r="11">
          <cell r="B11">
            <v>1</v>
          </cell>
          <cell r="C11" t="str">
            <v>O&amp;M</v>
          </cell>
          <cell r="D11" t="str">
            <v>Group Admin</v>
          </cell>
          <cell r="E11" t="str">
            <v>Company Labor</v>
          </cell>
          <cell r="G11" t="str">
            <v>Meals/Travel</v>
          </cell>
          <cell r="H11" t="str">
            <v>Company Labor</v>
          </cell>
          <cell r="I11">
            <v>0</v>
          </cell>
          <cell r="K11">
            <v>1715</v>
          </cell>
          <cell r="M11">
            <v>0</v>
          </cell>
          <cell r="N11">
            <v>2990</v>
          </cell>
          <cell r="O11">
            <v>-2990</v>
          </cell>
          <cell r="P11">
            <v>25000</v>
          </cell>
          <cell r="Q11">
            <v>0</v>
          </cell>
          <cell r="R11">
            <v>0</v>
          </cell>
          <cell r="S11">
            <v>0</v>
          </cell>
        </row>
        <row r="12">
          <cell r="B12">
            <v>1</v>
          </cell>
          <cell r="C12" t="str">
            <v>O&amp;M</v>
          </cell>
          <cell r="D12" t="str">
            <v>Group Admin</v>
          </cell>
          <cell r="E12" t="str">
            <v>Company Labor</v>
          </cell>
          <cell r="G12" t="str">
            <v>Materials</v>
          </cell>
          <cell r="H12" t="str">
            <v>Company Labor</v>
          </cell>
          <cell r="I12">
            <v>0</v>
          </cell>
          <cell r="K12">
            <v>-111</v>
          </cell>
          <cell r="M12">
            <v>0</v>
          </cell>
          <cell r="N12">
            <v>22</v>
          </cell>
          <cell r="O12">
            <v>-22</v>
          </cell>
          <cell r="P12">
            <v>5473</v>
          </cell>
          <cell r="Q12">
            <v>0</v>
          </cell>
          <cell r="R12">
            <v>0</v>
          </cell>
          <cell r="S12">
            <v>0</v>
          </cell>
        </row>
        <row r="13">
          <cell r="B13">
            <v>1</v>
          </cell>
          <cell r="C13" t="str">
            <v>O&amp;M</v>
          </cell>
          <cell r="D13" t="str">
            <v>Group Admin</v>
          </cell>
          <cell r="E13" t="str">
            <v>Company Labor</v>
          </cell>
          <cell r="G13" t="str">
            <v>Relocation</v>
          </cell>
          <cell r="H13" t="str">
            <v>Company Labor</v>
          </cell>
          <cell r="I13">
            <v>0</v>
          </cell>
          <cell r="K13">
            <v>0</v>
          </cell>
          <cell r="M13">
            <v>0</v>
          </cell>
          <cell r="N13">
            <v>0</v>
          </cell>
          <cell r="O13">
            <v>0</v>
          </cell>
          <cell r="P13">
            <v>300000</v>
          </cell>
          <cell r="Q13">
            <v>0</v>
          </cell>
          <cell r="R13">
            <v>0</v>
          </cell>
          <cell r="S13">
            <v>0</v>
          </cell>
        </row>
        <row r="14">
          <cell r="B14">
            <v>1</v>
          </cell>
          <cell r="C14" t="str">
            <v>O&amp;M</v>
          </cell>
          <cell r="D14" t="str">
            <v>Group Admin</v>
          </cell>
          <cell r="E14" t="str">
            <v>Company Labor</v>
          </cell>
          <cell r="G14" t="str">
            <v>License, Dues and Fees</v>
          </cell>
          <cell r="H14" t="str">
            <v>Company Labor</v>
          </cell>
          <cell r="I14">
            <v>0</v>
          </cell>
          <cell r="K14">
            <v>-500</v>
          </cell>
          <cell r="M14">
            <v>0</v>
          </cell>
          <cell r="N14">
            <v>0</v>
          </cell>
          <cell r="O14">
            <v>0</v>
          </cell>
          <cell r="P14">
            <v>25000</v>
          </cell>
          <cell r="Q14">
            <v>0</v>
          </cell>
          <cell r="R14">
            <v>0</v>
          </cell>
          <cell r="S14">
            <v>0</v>
          </cell>
        </row>
        <row r="15">
          <cell r="B15">
            <v>1</v>
          </cell>
          <cell r="C15" t="str">
            <v>O&amp;M</v>
          </cell>
          <cell r="D15" t="str">
            <v>Group Admin</v>
          </cell>
          <cell r="E15" t="str">
            <v>Company Labor</v>
          </cell>
          <cell r="G15" t="str">
            <v>Other</v>
          </cell>
          <cell r="H15" t="str">
            <v>Company Labor</v>
          </cell>
          <cell r="I15">
            <v>0</v>
          </cell>
          <cell r="K15">
            <v>2586</v>
          </cell>
          <cell r="M15">
            <v>0</v>
          </cell>
          <cell r="N15">
            <v>218</v>
          </cell>
          <cell r="O15">
            <v>-218</v>
          </cell>
          <cell r="P15">
            <v>49746</v>
          </cell>
          <cell r="Q15">
            <v>0</v>
          </cell>
          <cell r="R15">
            <v>0</v>
          </cell>
          <cell r="S15">
            <v>0</v>
          </cell>
        </row>
        <row r="16">
          <cell r="B16">
            <v>1</v>
          </cell>
          <cell r="C16" t="str">
            <v>O&amp;M</v>
          </cell>
          <cell r="D16" t="str">
            <v>Group Admin</v>
          </cell>
          <cell r="E16" t="str">
            <v>Contract Labor</v>
          </cell>
          <cell r="G16" t="str">
            <v>Contract Labor</v>
          </cell>
          <cell r="H16" t="str">
            <v>Contract Labor</v>
          </cell>
          <cell r="I16">
            <v>0</v>
          </cell>
          <cell r="K16">
            <v>2289</v>
          </cell>
          <cell r="M16">
            <v>16668</v>
          </cell>
          <cell r="N16">
            <v>2289</v>
          </cell>
          <cell r="O16">
            <v>14379</v>
          </cell>
          <cell r="P16">
            <v>0</v>
          </cell>
          <cell r="Q16">
            <v>50000</v>
          </cell>
          <cell r="R16">
            <v>50000</v>
          </cell>
          <cell r="S16">
            <v>0</v>
          </cell>
        </row>
        <row r="17">
          <cell r="B17">
            <v>1</v>
          </cell>
          <cell r="C17" t="str">
            <v>O&amp;M</v>
          </cell>
          <cell r="D17" t="str">
            <v>Group Admin</v>
          </cell>
          <cell r="E17" t="str">
            <v>Group Admin Other</v>
          </cell>
          <cell r="G17" t="str">
            <v>Meals/Travel</v>
          </cell>
          <cell r="H17" t="str">
            <v>Group Admin Other</v>
          </cell>
          <cell r="I17">
            <v>0</v>
          </cell>
          <cell r="K17">
            <v>0</v>
          </cell>
          <cell r="M17">
            <v>0</v>
          </cell>
          <cell r="N17">
            <v>19</v>
          </cell>
          <cell r="O17">
            <v>-19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</row>
        <row r="18">
          <cell r="B18">
            <v>1</v>
          </cell>
          <cell r="C18" t="str">
            <v>O&amp;M</v>
          </cell>
          <cell r="D18" t="str">
            <v>Group Admin</v>
          </cell>
          <cell r="E18" t="str">
            <v>Group Admin Other</v>
          </cell>
          <cell r="G18" t="str">
            <v>Materials</v>
          </cell>
          <cell r="H18" t="str">
            <v>Group Admin Other</v>
          </cell>
          <cell r="I18">
            <v>0</v>
          </cell>
          <cell r="K18">
            <v>143</v>
          </cell>
          <cell r="M18">
            <v>1825</v>
          </cell>
          <cell r="N18">
            <v>76</v>
          </cell>
          <cell r="O18">
            <v>1749</v>
          </cell>
          <cell r="P18">
            <v>0</v>
          </cell>
          <cell r="Q18">
            <v>5473</v>
          </cell>
          <cell r="R18">
            <v>5473</v>
          </cell>
          <cell r="S18">
            <v>0</v>
          </cell>
        </row>
        <row r="19">
          <cell r="B19">
            <v>1</v>
          </cell>
          <cell r="C19" t="str">
            <v>O&amp;M</v>
          </cell>
          <cell r="D19" t="str">
            <v>Group Admin</v>
          </cell>
          <cell r="E19" t="str">
            <v>Group Admin Other</v>
          </cell>
          <cell r="G19" t="str">
            <v>Rent/utilities</v>
          </cell>
          <cell r="H19" t="str">
            <v>Group Admin Other</v>
          </cell>
          <cell r="I19">
            <v>0</v>
          </cell>
          <cell r="K19">
            <v>1295</v>
          </cell>
          <cell r="M19">
            <v>0</v>
          </cell>
          <cell r="N19">
            <v>5280</v>
          </cell>
          <cell r="O19">
            <v>-528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</row>
        <row r="20">
          <cell r="B20">
            <v>1</v>
          </cell>
          <cell r="C20" t="str">
            <v>O&amp;M</v>
          </cell>
          <cell r="D20" t="str">
            <v>Group Admin</v>
          </cell>
          <cell r="E20" t="str">
            <v>Group Admin Other</v>
          </cell>
          <cell r="G20" t="str">
            <v>Other</v>
          </cell>
          <cell r="H20" t="str">
            <v>Group Admin Other</v>
          </cell>
          <cell r="I20">
            <v>0</v>
          </cell>
          <cell r="K20">
            <v>-2056</v>
          </cell>
          <cell r="M20">
            <v>16584</v>
          </cell>
          <cell r="N20">
            <v>-352</v>
          </cell>
          <cell r="O20">
            <v>16936</v>
          </cell>
          <cell r="P20">
            <v>0</v>
          </cell>
          <cell r="Q20">
            <v>49746</v>
          </cell>
          <cell r="R20">
            <v>49746</v>
          </cell>
          <cell r="S20">
            <v>0</v>
          </cell>
        </row>
        <row r="21">
          <cell r="B21">
            <v>1</v>
          </cell>
          <cell r="C21" t="str">
            <v>O&amp;M</v>
          </cell>
          <cell r="D21" t="str">
            <v>Group Admin</v>
          </cell>
          <cell r="E21" t="str">
            <v>Licenses/Dues</v>
          </cell>
          <cell r="G21" t="str">
            <v>License, Dues and Fees</v>
          </cell>
          <cell r="H21" t="str">
            <v>Licenses/Dues</v>
          </cell>
          <cell r="I21">
            <v>0</v>
          </cell>
          <cell r="K21">
            <v>500</v>
          </cell>
          <cell r="M21">
            <v>8333</v>
          </cell>
          <cell r="N21">
            <v>500</v>
          </cell>
          <cell r="O21">
            <v>7833</v>
          </cell>
          <cell r="P21">
            <v>0</v>
          </cell>
          <cell r="Q21">
            <v>25000</v>
          </cell>
          <cell r="R21">
            <v>25000</v>
          </cell>
          <cell r="S21">
            <v>0</v>
          </cell>
        </row>
        <row r="22">
          <cell r="B22">
            <v>1</v>
          </cell>
          <cell r="C22" t="str">
            <v>O&amp;M</v>
          </cell>
          <cell r="D22" t="str">
            <v>Group Admin</v>
          </cell>
          <cell r="E22" t="str">
            <v>Meals/Travel</v>
          </cell>
          <cell r="G22" t="str">
            <v>Meals/Travel</v>
          </cell>
          <cell r="H22" t="str">
            <v>Meals/Travel</v>
          </cell>
          <cell r="I22">
            <v>0</v>
          </cell>
          <cell r="K22">
            <v>1645</v>
          </cell>
          <cell r="M22">
            <v>8334</v>
          </cell>
          <cell r="N22">
            <v>7481</v>
          </cell>
          <cell r="O22">
            <v>853</v>
          </cell>
          <cell r="P22">
            <v>0</v>
          </cell>
          <cell r="Q22">
            <v>25000</v>
          </cell>
          <cell r="R22">
            <v>25000</v>
          </cell>
          <cell r="S22">
            <v>0</v>
          </cell>
        </row>
        <row r="23">
          <cell r="B23">
            <v>1</v>
          </cell>
          <cell r="C23" t="str">
            <v>O&amp;M</v>
          </cell>
          <cell r="D23" t="str">
            <v>Group Admin</v>
          </cell>
          <cell r="E23" t="str">
            <v>Meals/Travel</v>
          </cell>
          <cell r="G23" t="str">
            <v>Rent/utilities</v>
          </cell>
          <cell r="H23" t="str">
            <v>Meals/Travel</v>
          </cell>
          <cell r="I23">
            <v>0</v>
          </cell>
          <cell r="K23">
            <v>0</v>
          </cell>
          <cell r="M23">
            <v>0</v>
          </cell>
          <cell r="N23">
            <v>1873</v>
          </cell>
          <cell r="O23">
            <v>-1873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</row>
        <row r="24">
          <cell r="B24">
            <v>1</v>
          </cell>
          <cell r="C24" t="str">
            <v>O&amp;M</v>
          </cell>
          <cell r="D24" t="str">
            <v>Group Admin</v>
          </cell>
          <cell r="E24" t="str">
            <v>Relocation</v>
          </cell>
          <cell r="G24" t="str">
            <v>Relocation</v>
          </cell>
          <cell r="H24" t="str">
            <v>Relocation</v>
          </cell>
          <cell r="I24">
            <v>0</v>
          </cell>
          <cell r="K24">
            <v>0</v>
          </cell>
          <cell r="M24">
            <v>100000</v>
          </cell>
          <cell r="N24">
            <v>10506</v>
          </cell>
          <cell r="O24">
            <v>89494</v>
          </cell>
          <cell r="P24">
            <v>0</v>
          </cell>
          <cell r="Q24">
            <v>300000</v>
          </cell>
          <cell r="R24">
            <v>300000</v>
          </cell>
          <cell r="S24">
            <v>0</v>
          </cell>
        </row>
        <row r="25">
          <cell r="B25">
            <v>1</v>
          </cell>
          <cell r="C25" t="str">
            <v>O&amp;M</v>
          </cell>
          <cell r="D25" t="str">
            <v>Group Admin</v>
          </cell>
          <cell r="E25" t="str">
            <v>Workers Comp</v>
          </cell>
          <cell r="G25" t="str">
            <v>Workers Comp</v>
          </cell>
          <cell r="H25" t="str">
            <v>Workers Comp</v>
          </cell>
          <cell r="I25">
            <v>0</v>
          </cell>
          <cell r="K25">
            <v>12501</v>
          </cell>
          <cell r="M25">
            <v>177500</v>
          </cell>
          <cell r="N25">
            <v>29718</v>
          </cell>
          <cell r="O25">
            <v>147782</v>
          </cell>
          <cell r="P25">
            <v>0</v>
          </cell>
          <cell r="Q25">
            <v>710000</v>
          </cell>
          <cell r="R25">
            <v>710000</v>
          </cell>
          <cell r="S25">
            <v>0</v>
          </cell>
        </row>
        <row r="26">
          <cell r="B26">
            <v>1</v>
          </cell>
          <cell r="C26" t="str">
            <v>O&amp;M</v>
          </cell>
          <cell r="D26" t="str">
            <v>Regions/RM&amp;C</v>
          </cell>
          <cell r="E26" t="str">
            <v>Inspector &amp; Metering</v>
          </cell>
          <cell r="G26" t="str">
            <v>Company Labor</v>
          </cell>
          <cell r="H26" t="str">
            <v>Other</v>
          </cell>
          <cell r="I26">
            <v>0</v>
          </cell>
          <cell r="K26">
            <v>98702</v>
          </cell>
          <cell r="M26">
            <v>607273</v>
          </cell>
          <cell r="N26">
            <v>467403</v>
          </cell>
          <cell r="O26">
            <v>139870</v>
          </cell>
          <cell r="P26">
            <v>1754429</v>
          </cell>
          <cell r="Q26">
            <v>1754429</v>
          </cell>
          <cell r="R26">
            <v>1754429</v>
          </cell>
          <cell r="S26">
            <v>0</v>
          </cell>
        </row>
        <row r="27">
          <cell r="B27">
            <v>1</v>
          </cell>
          <cell r="C27" t="str">
            <v>O&amp;M</v>
          </cell>
          <cell r="D27" t="str">
            <v>Regions/RM&amp;C</v>
          </cell>
          <cell r="E27" t="str">
            <v>Inspector &amp; Metering</v>
          </cell>
          <cell r="G27" t="str">
            <v>Company Labor</v>
          </cell>
          <cell r="H27" t="str">
            <v>Other</v>
          </cell>
          <cell r="I27">
            <v>0</v>
          </cell>
          <cell r="K27">
            <v>63415</v>
          </cell>
          <cell r="M27">
            <v>389079</v>
          </cell>
          <cell r="N27">
            <v>300998</v>
          </cell>
          <cell r="O27">
            <v>88081</v>
          </cell>
          <cell r="P27">
            <v>1124208</v>
          </cell>
          <cell r="Q27">
            <v>1124208</v>
          </cell>
          <cell r="R27">
            <v>1124208</v>
          </cell>
          <cell r="S27">
            <v>0</v>
          </cell>
        </row>
        <row r="28">
          <cell r="B28">
            <v>1</v>
          </cell>
          <cell r="C28" t="str">
            <v>O&amp;M</v>
          </cell>
          <cell r="D28" t="str">
            <v>Regions/RM&amp;C</v>
          </cell>
          <cell r="E28" t="str">
            <v>Inspector &amp; Metering</v>
          </cell>
          <cell r="G28" t="str">
            <v>Company Labor</v>
          </cell>
          <cell r="H28" t="str">
            <v>Other</v>
          </cell>
          <cell r="I28">
            <v>0</v>
          </cell>
          <cell r="K28">
            <v>8400</v>
          </cell>
          <cell r="M28">
            <v>45705</v>
          </cell>
          <cell r="N28">
            <v>43603</v>
          </cell>
          <cell r="O28">
            <v>2102</v>
          </cell>
          <cell r="P28">
            <v>132863</v>
          </cell>
          <cell r="Q28">
            <v>132863</v>
          </cell>
          <cell r="R28">
            <v>132863</v>
          </cell>
          <cell r="S28">
            <v>0</v>
          </cell>
        </row>
        <row r="29">
          <cell r="B29">
            <v>1</v>
          </cell>
          <cell r="C29" t="str">
            <v>O&amp;M</v>
          </cell>
          <cell r="D29" t="str">
            <v>Regions/RM&amp;C</v>
          </cell>
          <cell r="E29" t="str">
            <v>Inspector &amp; Metering</v>
          </cell>
          <cell r="G29" t="str">
            <v>Contract Labor</v>
          </cell>
          <cell r="H29" t="str">
            <v>Other</v>
          </cell>
          <cell r="I29">
            <v>0</v>
          </cell>
          <cell r="K29">
            <v>0</v>
          </cell>
          <cell r="M29">
            <v>0</v>
          </cell>
          <cell r="N29">
            <v>25</v>
          </cell>
          <cell r="O29">
            <v>-25</v>
          </cell>
          <cell r="P29">
            <v>0</v>
          </cell>
          <cell r="Q29">
            <v>0</v>
          </cell>
          <cell r="R29">
            <v>0</v>
          </cell>
          <cell r="S29">
            <v>0</v>
          </cell>
        </row>
        <row r="30">
          <cell r="B30">
            <v>1</v>
          </cell>
          <cell r="C30" t="str">
            <v>O&amp;M</v>
          </cell>
          <cell r="D30" t="str">
            <v>Regions/RM&amp;C</v>
          </cell>
          <cell r="E30" t="str">
            <v>Inspector &amp; Metering</v>
          </cell>
          <cell r="G30" t="str">
            <v>Fleet</v>
          </cell>
          <cell r="H30" t="str">
            <v>Other</v>
          </cell>
          <cell r="I30">
            <v>0</v>
          </cell>
          <cell r="K30">
            <v>10557</v>
          </cell>
          <cell r="M30">
            <v>51687</v>
          </cell>
          <cell r="N30">
            <v>48750</v>
          </cell>
          <cell r="O30">
            <v>2937</v>
          </cell>
          <cell r="P30">
            <v>149325</v>
          </cell>
          <cell r="Q30">
            <v>149325</v>
          </cell>
          <cell r="R30">
            <v>149325</v>
          </cell>
          <cell r="S30">
            <v>0</v>
          </cell>
        </row>
        <row r="31">
          <cell r="B31">
            <v>1</v>
          </cell>
          <cell r="C31" t="str">
            <v>O&amp;M</v>
          </cell>
          <cell r="D31" t="str">
            <v>Regions/RM&amp;C</v>
          </cell>
          <cell r="E31" t="str">
            <v>Inspector &amp; Metering</v>
          </cell>
          <cell r="G31" t="str">
            <v>Meals/Travel</v>
          </cell>
          <cell r="H31" t="str">
            <v>Other</v>
          </cell>
          <cell r="I31">
            <v>0</v>
          </cell>
          <cell r="K31">
            <v>4729</v>
          </cell>
          <cell r="M31">
            <v>11083</v>
          </cell>
          <cell r="N31">
            <v>21455</v>
          </cell>
          <cell r="O31">
            <v>-10372</v>
          </cell>
          <cell r="P31">
            <v>33250</v>
          </cell>
          <cell r="Q31">
            <v>33250</v>
          </cell>
          <cell r="R31">
            <v>33250</v>
          </cell>
          <cell r="S31">
            <v>0</v>
          </cell>
        </row>
        <row r="32">
          <cell r="B32">
            <v>1</v>
          </cell>
          <cell r="C32" t="str">
            <v>O&amp;M</v>
          </cell>
          <cell r="D32" t="str">
            <v>Regions/RM&amp;C</v>
          </cell>
          <cell r="E32" t="str">
            <v>Inspector &amp; Metering</v>
          </cell>
          <cell r="G32" t="str">
            <v>Materials</v>
          </cell>
          <cell r="H32" t="str">
            <v>Other</v>
          </cell>
          <cell r="I32">
            <v>0</v>
          </cell>
          <cell r="K32">
            <v>3239</v>
          </cell>
          <cell r="M32">
            <v>20343</v>
          </cell>
          <cell r="N32">
            <v>9131</v>
          </cell>
          <cell r="O32">
            <v>11212</v>
          </cell>
          <cell r="P32">
            <v>61030</v>
          </cell>
          <cell r="Q32">
            <v>61030</v>
          </cell>
          <cell r="R32">
            <v>61030</v>
          </cell>
          <cell r="S32">
            <v>0</v>
          </cell>
        </row>
        <row r="33">
          <cell r="B33">
            <v>1</v>
          </cell>
          <cell r="C33" t="str">
            <v>O&amp;M</v>
          </cell>
          <cell r="D33" t="str">
            <v>Regions/RM&amp;C</v>
          </cell>
          <cell r="E33" t="str">
            <v>Inspector &amp; Metering</v>
          </cell>
          <cell r="G33" t="str">
            <v>Other</v>
          </cell>
          <cell r="H33" t="str">
            <v>Other</v>
          </cell>
          <cell r="I33">
            <v>0</v>
          </cell>
          <cell r="K33">
            <v>118</v>
          </cell>
          <cell r="M33">
            <v>0</v>
          </cell>
          <cell r="N33">
            <v>3033</v>
          </cell>
          <cell r="O33">
            <v>-3033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</row>
        <row r="34">
          <cell r="B34">
            <v>1</v>
          </cell>
          <cell r="C34" t="str">
            <v>O&amp;M</v>
          </cell>
          <cell r="D34" t="str">
            <v>Regions/RM&amp;C</v>
          </cell>
          <cell r="E34" t="str">
            <v>Inventory Shrinkage</v>
          </cell>
          <cell r="G34" t="str">
            <v>Company Labor</v>
          </cell>
          <cell r="H34" t="str">
            <v>Inventory Shrinkage</v>
          </cell>
          <cell r="I34">
            <v>0</v>
          </cell>
          <cell r="K34">
            <v>907</v>
          </cell>
          <cell r="M34">
            <v>30895</v>
          </cell>
          <cell r="N34">
            <v>21727</v>
          </cell>
          <cell r="O34">
            <v>9168</v>
          </cell>
          <cell r="P34">
            <v>90589</v>
          </cell>
          <cell r="Q34">
            <v>90589</v>
          </cell>
          <cell r="R34">
            <v>90589</v>
          </cell>
          <cell r="S34">
            <v>0</v>
          </cell>
        </row>
        <row r="35">
          <cell r="B35">
            <v>1</v>
          </cell>
          <cell r="C35" t="str">
            <v>O&amp;M</v>
          </cell>
          <cell r="D35" t="str">
            <v>Regions/RM&amp;C</v>
          </cell>
          <cell r="E35" t="str">
            <v>Inventory Shrinkage</v>
          </cell>
          <cell r="G35" t="str">
            <v>Company Labor</v>
          </cell>
          <cell r="H35" t="str">
            <v>Inventory Shrinkage</v>
          </cell>
          <cell r="I35">
            <v>0</v>
          </cell>
          <cell r="K35">
            <v>132</v>
          </cell>
          <cell r="M35">
            <v>0</v>
          </cell>
          <cell r="N35">
            <v>528</v>
          </cell>
          <cell r="O35">
            <v>-528</v>
          </cell>
          <cell r="P35">
            <v>0</v>
          </cell>
          <cell r="Q35">
            <v>0</v>
          </cell>
          <cell r="R35">
            <v>0</v>
          </cell>
          <cell r="S35">
            <v>0</v>
          </cell>
        </row>
        <row r="36">
          <cell r="B36">
            <v>1</v>
          </cell>
          <cell r="C36" t="str">
            <v>O&amp;M</v>
          </cell>
          <cell r="D36" t="str">
            <v>Regions/RM&amp;C</v>
          </cell>
          <cell r="E36" t="str">
            <v>Inventory Shrinkage</v>
          </cell>
          <cell r="G36" t="str">
            <v>Contract Labor</v>
          </cell>
          <cell r="H36" t="str">
            <v>Inventory Shrinkage</v>
          </cell>
          <cell r="I36">
            <v>0</v>
          </cell>
          <cell r="K36">
            <v>834</v>
          </cell>
          <cell r="M36">
            <v>0</v>
          </cell>
          <cell r="N36">
            <v>834</v>
          </cell>
          <cell r="O36">
            <v>-834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</row>
        <row r="37">
          <cell r="B37">
            <v>1</v>
          </cell>
          <cell r="C37" t="str">
            <v>O&amp;M</v>
          </cell>
          <cell r="D37" t="str">
            <v>Regions/RM&amp;C</v>
          </cell>
          <cell r="E37" t="str">
            <v>Inventory Shrinkage</v>
          </cell>
          <cell r="G37" t="str">
            <v>Materials</v>
          </cell>
          <cell r="H37" t="str">
            <v>Inventory Shrinkage</v>
          </cell>
          <cell r="I37">
            <v>0</v>
          </cell>
          <cell r="K37">
            <v>0</v>
          </cell>
          <cell r="M37">
            <v>0</v>
          </cell>
          <cell r="N37">
            <v>-230</v>
          </cell>
          <cell r="O37">
            <v>23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</row>
        <row r="38">
          <cell r="B38">
            <v>1</v>
          </cell>
          <cell r="C38" t="str">
            <v>O&amp;M</v>
          </cell>
          <cell r="D38" t="str">
            <v>Regions/RM&amp;C</v>
          </cell>
          <cell r="E38" t="str">
            <v>Joint Use</v>
          </cell>
          <cell r="G38" t="str">
            <v>Contract Labor</v>
          </cell>
          <cell r="H38" t="str">
            <v>Joint Use</v>
          </cell>
          <cell r="I38">
            <v>0</v>
          </cell>
          <cell r="K38">
            <v>2119</v>
          </cell>
          <cell r="M38">
            <v>0</v>
          </cell>
          <cell r="N38">
            <v>2119</v>
          </cell>
          <cell r="O38">
            <v>-2119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</row>
        <row r="39">
          <cell r="B39">
            <v>1</v>
          </cell>
          <cell r="C39" t="str">
            <v>O&amp;M</v>
          </cell>
          <cell r="D39" t="str">
            <v>Regions/RM&amp;C</v>
          </cell>
          <cell r="E39" t="str">
            <v>Lab &amp; Mat Burdens</v>
          </cell>
          <cell r="G39" t="str">
            <v>Company Labor</v>
          </cell>
          <cell r="H39" t="str">
            <v>Lab &amp; Mat Burdens</v>
          </cell>
          <cell r="I39">
            <v>0</v>
          </cell>
          <cell r="K39">
            <v>333736</v>
          </cell>
          <cell r="M39">
            <v>1645410</v>
          </cell>
          <cell r="N39">
            <v>1486677</v>
          </cell>
          <cell r="O39">
            <v>158733</v>
          </cell>
          <cell r="P39">
            <v>4796592</v>
          </cell>
          <cell r="Q39">
            <v>4796592</v>
          </cell>
          <cell r="R39">
            <v>4796592</v>
          </cell>
          <cell r="S39">
            <v>0</v>
          </cell>
        </row>
        <row r="40">
          <cell r="B40">
            <v>1</v>
          </cell>
          <cell r="C40" t="str">
            <v>O&amp;M</v>
          </cell>
          <cell r="D40" t="str">
            <v>Regions/RM&amp;C</v>
          </cell>
          <cell r="E40" t="str">
            <v>Lab &amp; Mat Burdens</v>
          </cell>
          <cell r="G40" t="str">
            <v>Materials</v>
          </cell>
          <cell r="H40" t="str">
            <v>Lab &amp; Mat Burdens</v>
          </cell>
          <cell r="I40">
            <v>0</v>
          </cell>
          <cell r="K40">
            <v>15954</v>
          </cell>
          <cell r="M40">
            <v>46745</v>
          </cell>
          <cell r="N40">
            <v>65784</v>
          </cell>
          <cell r="O40">
            <v>-19039</v>
          </cell>
          <cell r="P40">
            <v>137289</v>
          </cell>
          <cell r="Q40">
            <v>137289</v>
          </cell>
          <cell r="R40">
            <v>148802</v>
          </cell>
          <cell r="S40">
            <v>-11513</v>
          </cell>
        </row>
        <row r="41">
          <cell r="B41">
            <v>1</v>
          </cell>
          <cell r="C41" t="str">
            <v>O&amp;M</v>
          </cell>
          <cell r="D41" t="str">
            <v>Regions/RM&amp;C</v>
          </cell>
          <cell r="E41" t="str">
            <v>Maintenance - Lighting</v>
          </cell>
          <cell r="G41" t="str">
            <v>Company Labor</v>
          </cell>
          <cell r="H41" t="str">
            <v>Maintenance</v>
          </cell>
          <cell r="I41">
            <v>0</v>
          </cell>
          <cell r="K41">
            <v>133414</v>
          </cell>
          <cell r="M41">
            <v>640909</v>
          </cell>
          <cell r="N41">
            <v>742331</v>
          </cell>
          <cell r="O41">
            <v>-101422</v>
          </cell>
          <cell r="P41">
            <v>1727609</v>
          </cell>
          <cell r="Q41">
            <v>1727609</v>
          </cell>
          <cell r="R41">
            <v>1754609</v>
          </cell>
          <cell r="S41">
            <v>-27000</v>
          </cell>
        </row>
        <row r="42">
          <cell r="B42">
            <v>1</v>
          </cell>
          <cell r="C42" t="str">
            <v>O&amp;M</v>
          </cell>
          <cell r="D42" t="str">
            <v>Regions/RM&amp;C</v>
          </cell>
          <cell r="E42" t="str">
            <v>Maintenance - Lighting</v>
          </cell>
          <cell r="G42" t="str">
            <v>Company Labor</v>
          </cell>
          <cell r="H42" t="str">
            <v>Maintenance</v>
          </cell>
          <cell r="I42">
            <v>0</v>
          </cell>
          <cell r="K42">
            <v>84432</v>
          </cell>
          <cell r="M42">
            <v>408262</v>
          </cell>
          <cell r="N42">
            <v>473227</v>
          </cell>
          <cell r="O42">
            <v>-64966</v>
          </cell>
          <cell r="P42">
            <v>1105626</v>
          </cell>
          <cell r="Q42">
            <v>1105626</v>
          </cell>
          <cell r="R42">
            <v>1125285</v>
          </cell>
          <cell r="S42">
            <v>-19659</v>
          </cell>
        </row>
        <row r="43">
          <cell r="B43">
            <v>1</v>
          </cell>
          <cell r="C43" t="str">
            <v>O&amp;M</v>
          </cell>
          <cell r="D43" t="str">
            <v>Regions/RM&amp;C</v>
          </cell>
          <cell r="E43" t="str">
            <v>Maintenance - Lighting</v>
          </cell>
          <cell r="G43" t="str">
            <v>Company Labor</v>
          </cell>
          <cell r="H43" t="str">
            <v>Maintenance</v>
          </cell>
          <cell r="I43">
            <v>0</v>
          </cell>
          <cell r="K43">
            <v>4276</v>
          </cell>
          <cell r="M43">
            <v>35228</v>
          </cell>
          <cell r="N43">
            <v>42720</v>
          </cell>
          <cell r="O43">
            <v>-7492</v>
          </cell>
          <cell r="P43">
            <v>123151</v>
          </cell>
          <cell r="Q43">
            <v>123151</v>
          </cell>
          <cell r="R43">
            <v>138151</v>
          </cell>
          <cell r="S43">
            <v>-15000</v>
          </cell>
        </row>
        <row r="44">
          <cell r="B44">
            <v>1</v>
          </cell>
          <cell r="C44" t="str">
            <v>O&amp;M</v>
          </cell>
          <cell r="D44" t="str">
            <v>Regions/RM&amp;C</v>
          </cell>
          <cell r="E44" t="str">
            <v>Maintenance - Lighting</v>
          </cell>
          <cell r="G44" t="str">
            <v>Contract Labor</v>
          </cell>
          <cell r="H44" t="str">
            <v>Maintenance</v>
          </cell>
          <cell r="I44">
            <v>0</v>
          </cell>
          <cell r="K44">
            <v>17338</v>
          </cell>
          <cell r="M44">
            <v>54384</v>
          </cell>
          <cell r="N44">
            <v>248984</v>
          </cell>
          <cell r="O44">
            <v>-194599</v>
          </cell>
          <cell r="P44">
            <v>586196</v>
          </cell>
          <cell r="Q44">
            <v>586196</v>
          </cell>
          <cell r="R44">
            <v>678196</v>
          </cell>
          <cell r="S44">
            <v>-92000</v>
          </cell>
        </row>
        <row r="45">
          <cell r="B45">
            <v>1</v>
          </cell>
          <cell r="C45" t="str">
            <v>O&amp;M</v>
          </cell>
          <cell r="D45" t="str">
            <v>Regions/RM&amp;C</v>
          </cell>
          <cell r="E45" t="str">
            <v>Maintenance - Lighting</v>
          </cell>
          <cell r="G45" t="str">
            <v>Fleet</v>
          </cell>
          <cell r="H45" t="str">
            <v>Maintenance</v>
          </cell>
          <cell r="I45">
            <v>0</v>
          </cell>
          <cell r="K45">
            <v>61388</v>
          </cell>
          <cell r="M45">
            <v>266747</v>
          </cell>
          <cell r="N45">
            <v>362702</v>
          </cell>
          <cell r="O45">
            <v>-95954</v>
          </cell>
          <cell r="P45">
            <v>830367</v>
          </cell>
          <cell r="Q45">
            <v>830367</v>
          </cell>
          <cell r="R45">
            <v>859367</v>
          </cell>
          <cell r="S45">
            <v>-29000</v>
          </cell>
        </row>
        <row r="46">
          <cell r="B46">
            <v>1</v>
          </cell>
          <cell r="C46" t="str">
            <v>O&amp;M</v>
          </cell>
          <cell r="D46" t="str">
            <v>Regions/RM&amp;C</v>
          </cell>
          <cell r="E46" t="str">
            <v>Maintenance - Lighting</v>
          </cell>
          <cell r="G46" t="str">
            <v>Meals/Travel</v>
          </cell>
          <cell r="H46" t="str">
            <v>Maintenance</v>
          </cell>
          <cell r="I46">
            <v>0</v>
          </cell>
          <cell r="K46">
            <v>0</v>
          </cell>
          <cell r="M46">
            <v>0</v>
          </cell>
          <cell r="N46">
            <v>0</v>
          </cell>
          <cell r="O46">
            <v>0</v>
          </cell>
          <cell r="P46">
            <v>30</v>
          </cell>
          <cell r="Q46">
            <v>30</v>
          </cell>
          <cell r="R46">
            <v>30</v>
          </cell>
          <cell r="S46">
            <v>0</v>
          </cell>
        </row>
        <row r="47">
          <cell r="B47">
            <v>1</v>
          </cell>
          <cell r="C47" t="str">
            <v>O&amp;M</v>
          </cell>
          <cell r="D47" t="str">
            <v>Regions/RM&amp;C</v>
          </cell>
          <cell r="E47" t="str">
            <v>Maintenance - Lighting</v>
          </cell>
          <cell r="G47" t="str">
            <v>Materials</v>
          </cell>
          <cell r="H47" t="str">
            <v>Maintenance</v>
          </cell>
          <cell r="I47">
            <v>0</v>
          </cell>
          <cell r="K47">
            <v>33909</v>
          </cell>
          <cell r="M47">
            <v>224295</v>
          </cell>
          <cell r="N47">
            <v>149655</v>
          </cell>
          <cell r="O47">
            <v>74641</v>
          </cell>
          <cell r="P47">
            <v>707206</v>
          </cell>
          <cell r="Q47">
            <v>707206</v>
          </cell>
          <cell r="R47">
            <v>665206</v>
          </cell>
          <cell r="S47">
            <v>42000</v>
          </cell>
        </row>
        <row r="48">
          <cell r="B48">
            <v>1</v>
          </cell>
          <cell r="C48" t="str">
            <v>O&amp;M</v>
          </cell>
          <cell r="D48" t="str">
            <v>Regions/RM&amp;C</v>
          </cell>
          <cell r="E48" t="str">
            <v>Maintenance - Lighting</v>
          </cell>
          <cell r="G48" t="str">
            <v>Ciac</v>
          </cell>
          <cell r="H48" t="str">
            <v>Maintenance</v>
          </cell>
          <cell r="I48">
            <v>0</v>
          </cell>
          <cell r="K48">
            <v>-184</v>
          </cell>
          <cell r="M48">
            <v>-91</v>
          </cell>
          <cell r="N48">
            <v>-2341</v>
          </cell>
          <cell r="O48">
            <v>2250</v>
          </cell>
          <cell r="P48">
            <v>-35476</v>
          </cell>
          <cell r="Q48">
            <v>-35476</v>
          </cell>
          <cell r="R48">
            <v>-35476</v>
          </cell>
          <cell r="S48">
            <v>0</v>
          </cell>
        </row>
        <row r="49">
          <cell r="B49">
            <v>1</v>
          </cell>
          <cell r="C49" t="str">
            <v>O&amp;M</v>
          </cell>
          <cell r="D49" t="str">
            <v>Regions/RM&amp;C</v>
          </cell>
          <cell r="E49" t="str">
            <v>Maintenance - Restore</v>
          </cell>
          <cell r="G49" t="str">
            <v>Company Labor</v>
          </cell>
          <cell r="H49" t="str">
            <v>Maintenance</v>
          </cell>
          <cell r="I49">
            <v>0</v>
          </cell>
          <cell r="K49">
            <v>24826</v>
          </cell>
          <cell r="M49">
            <v>41501</v>
          </cell>
          <cell r="N49">
            <v>76019</v>
          </cell>
          <cell r="O49">
            <v>-34518</v>
          </cell>
          <cell r="P49">
            <v>120649</v>
          </cell>
          <cell r="Q49">
            <v>120649</v>
          </cell>
          <cell r="R49">
            <v>120649</v>
          </cell>
          <cell r="S49">
            <v>0</v>
          </cell>
        </row>
        <row r="50">
          <cell r="B50">
            <v>1</v>
          </cell>
          <cell r="C50" t="str">
            <v>O&amp;M</v>
          </cell>
          <cell r="D50" t="str">
            <v>Regions/RM&amp;C</v>
          </cell>
          <cell r="E50" t="str">
            <v>Maintenance - Restore</v>
          </cell>
          <cell r="G50" t="str">
            <v>Company Labor</v>
          </cell>
          <cell r="H50" t="str">
            <v>Maintenance</v>
          </cell>
          <cell r="I50">
            <v>0</v>
          </cell>
          <cell r="K50">
            <v>17568</v>
          </cell>
          <cell r="M50">
            <v>33690</v>
          </cell>
          <cell r="N50">
            <v>54837</v>
          </cell>
          <cell r="O50">
            <v>-21147</v>
          </cell>
          <cell r="P50">
            <v>97940</v>
          </cell>
          <cell r="Q50">
            <v>97940</v>
          </cell>
          <cell r="R50">
            <v>97940</v>
          </cell>
          <cell r="S50">
            <v>0</v>
          </cell>
        </row>
        <row r="51">
          <cell r="B51">
            <v>1</v>
          </cell>
          <cell r="C51" t="str">
            <v>O&amp;M</v>
          </cell>
          <cell r="D51" t="str">
            <v>Regions/RM&amp;C</v>
          </cell>
          <cell r="E51" t="str">
            <v>Maintenance - Restore</v>
          </cell>
          <cell r="G51" t="str">
            <v>Company Labor</v>
          </cell>
          <cell r="H51" t="str">
            <v>Maintenance</v>
          </cell>
          <cell r="I51">
            <v>0</v>
          </cell>
          <cell r="K51">
            <v>10989</v>
          </cell>
          <cell r="M51">
            <v>42133</v>
          </cell>
          <cell r="N51">
            <v>39400</v>
          </cell>
          <cell r="O51">
            <v>2733</v>
          </cell>
          <cell r="P51">
            <v>122481</v>
          </cell>
          <cell r="Q51">
            <v>122481</v>
          </cell>
          <cell r="R51">
            <v>122481</v>
          </cell>
          <cell r="S51">
            <v>0</v>
          </cell>
        </row>
        <row r="52">
          <cell r="B52">
            <v>1</v>
          </cell>
          <cell r="C52" t="str">
            <v>O&amp;M</v>
          </cell>
          <cell r="D52" t="str">
            <v>Regions/RM&amp;C</v>
          </cell>
          <cell r="E52" t="str">
            <v>Maintenance - Restore</v>
          </cell>
          <cell r="G52" t="str">
            <v>Contract Labor</v>
          </cell>
          <cell r="H52" t="str">
            <v>Maintenance</v>
          </cell>
          <cell r="I52">
            <v>0</v>
          </cell>
          <cell r="K52">
            <v>37764</v>
          </cell>
          <cell r="M52">
            <v>203279</v>
          </cell>
          <cell r="N52">
            <v>127025</v>
          </cell>
          <cell r="O52">
            <v>76254</v>
          </cell>
          <cell r="P52">
            <v>590928</v>
          </cell>
          <cell r="Q52">
            <v>590928</v>
          </cell>
          <cell r="R52">
            <v>590928</v>
          </cell>
          <cell r="S52">
            <v>0</v>
          </cell>
        </row>
        <row r="53">
          <cell r="B53">
            <v>1</v>
          </cell>
          <cell r="C53" t="str">
            <v>O&amp;M</v>
          </cell>
          <cell r="D53" t="str">
            <v>Regions/RM&amp;C</v>
          </cell>
          <cell r="E53" t="str">
            <v>Maintenance - Restore</v>
          </cell>
          <cell r="G53" t="str">
            <v>Fleet</v>
          </cell>
          <cell r="H53" t="str">
            <v>Maintenance</v>
          </cell>
          <cell r="I53">
            <v>0</v>
          </cell>
          <cell r="K53">
            <v>7851</v>
          </cell>
          <cell r="M53">
            <v>25593</v>
          </cell>
          <cell r="N53">
            <v>33316</v>
          </cell>
          <cell r="O53">
            <v>-7723</v>
          </cell>
          <cell r="P53">
            <v>74404</v>
          </cell>
          <cell r="Q53">
            <v>74404</v>
          </cell>
          <cell r="R53">
            <v>74404</v>
          </cell>
          <cell r="S53">
            <v>0</v>
          </cell>
        </row>
        <row r="54">
          <cell r="B54">
            <v>1</v>
          </cell>
          <cell r="C54" t="str">
            <v>O&amp;M</v>
          </cell>
          <cell r="D54" t="str">
            <v>Regions/RM&amp;C</v>
          </cell>
          <cell r="E54" t="str">
            <v>Maintenance - Restore</v>
          </cell>
          <cell r="G54" t="str">
            <v>Meals/Travel</v>
          </cell>
          <cell r="H54" t="str">
            <v>Maintenance</v>
          </cell>
          <cell r="I54">
            <v>0</v>
          </cell>
          <cell r="K54">
            <v>143</v>
          </cell>
          <cell r="M54">
            <v>0</v>
          </cell>
          <cell r="N54">
            <v>473</v>
          </cell>
          <cell r="O54">
            <v>-473</v>
          </cell>
          <cell r="P54">
            <v>0</v>
          </cell>
          <cell r="Q54">
            <v>0</v>
          </cell>
          <cell r="R54">
            <v>0</v>
          </cell>
          <cell r="S54">
            <v>0</v>
          </cell>
        </row>
        <row r="55">
          <cell r="B55">
            <v>1</v>
          </cell>
          <cell r="C55" t="str">
            <v>O&amp;M</v>
          </cell>
          <cell r="D55" t="str">
            <v>Regions/RM&amp;C</v>
          </cell>
          <cell r="E55" t="str">
            <v>Maintenance - Restore</v>
          </cell>
          <cell r="G55" t="str">
            <v>Materials</v>
          </cell>
          <cell r="H55" t="str">
            <v>Maintenance</v>
          </cell>
          <cell r="I55">
            <v>0</v>
          </cell>
          <cell r="K55">
            <v>3757</v>
          </cell>
          <cell r="M55">
            <v>6450</v>
          </cell>
          <cell r="N55">
            <v>10506</v>
          </cell>
          <cell r="O55">
            <v>-4056</v>
          </cell>
          <cell r="P55">
            <v>18757</v>
          </cell>
          <cell r="Q55">
            <v>18757</v>
          </cell>
          <cell r="R55">
            <v>18757</v>
          </cell>
          <cell r="S55">
            <v>0</v>
          </cell>
        </row>
        <row r="56">
          <cell r="B56">
            <v>1</v>
          </cell>
          <cell r="C56" t="str">
            <v>O&amp;M</v>
          </cell>
          <cell r="D56" t="str">
            <v>Regions/RM&amp;C</v>
          </cell>
          <cell r="E56" t="str">
            <v>Maintenance - Restore</v>
          </cell>
          <cell r="G56" t="str">
            <v>Ciac</v>
          </cell>
          <cell r="H56" t="str">
            <v>Maintenance</v>
          </cell>
          <cell r="I56">
            <v>0</v>
          </cell>
          <cell r="K56">
            <v>0</v>
          </cell>
          <cell r="M56">
            <v>-121</v>
          </cell>
          <cell r="N56">
            <v>0</v>
          </cell>
          <cell r="O56">
            <v>-121</v>
          </cell>
          <cell r="P56">
            <v>-350</v>
          </cell>
          <cell r="Q56">
            <v>-350</v>
          </cell>
          <cell r="R56">
            <v>-350</v>
          </cell>
          <cell r="S56">
            <v>0</v>
          </cell>
        </row>
        <row r="57">
          <cell r="B57">
            <v>1</v>
          </cell>
          <cell r="C57" t="str">
            <v>O&amp;M</v>
          </cell>
          <cell r="D57" t="str">
            <v>Regions/RM&amp;C</v>
          </cell>
          <cell r="E57" t="str">
            <v>Maintenance - Restore</v>
          </cell>
          <cell r="G57" t="str">
            <v>Other</v>
          </cell>
          <cell r="H57" t="str">
            <v>Maintenance</v>
          </cell>
          <cell r="I57">
            <v>0</v>
          </cell>
          <cell r="K57">
            <v>0</v>
          </cell>
          <cell r="M57">
            <v>0</v>
          </cell>
          <cell r="N57">
            <v>56</v>
          </cell>
          <cell r="O57">
            <v>-56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</row>
        <row r="58">
          <cell r="B58">
            <v>1</v>
          </cell>
          <cell r="C58" t="str">
            <v>O&amp;M</v>
          </cell>
          <cell r="D58" t="str">
            <v>Regions/RM&amp;C</v>
          </cell>
          <cell r="E58" t="str">
            <v>Maintenance - Routine</v>
          </cell>
          <cell r="G58" t="str">
            <v>Company Labor</v>
          </cell>
          <cell r="H58" t="str">
            <v>Maintenance</v>
          </cell>
          <cell r="I58">
            <v>0</v>
          </cell>
          <cell r="K58">
            <v>122981</v>
          </cell>
          <cell r="M58">
            <v>770805</v>
          </cell>
          <cell r="N58">
            <v>566568</v>
          </cell>
          <cell r="O58">
            <v>204237</v>
          </cell>
          <cell r="P58">
            <v>2240703</v>
          </cell>
          <cell r="Q58">
            <v>2240703</v>
          </cell>
          <cell r="R58">
            <v>2178703</v>
          </cell>
          <cell r="S58">
            <v>62000</v>
          </cell>
        </row>
        <row r="59">
          <cell r="B59">
            <v>1</v>
          </cell>
          <cell r="C59" t="str">
            <v>O&amp;M</v>
          </cell>
          <cell r="D59" t="str">
            <v>Regions/RM&amp;C</v>
          </cell>
          <cell r="E59" t="str">
            <v>Maintenance - Routine</v>
          </cell>
          <cell r="G59" t="str">
            <v>Company Labor</v>
          </cell>
          <cell r="H59" t="str">
            <v>Maintenance</v>
          </cell>
          <cell r="I59">
            <v>0</v>
          </cell>
          <cell r="K59">
            <v>87654</v>
          </cell>
          <cell r="M59">
            <v>523966</v>
          </cell>
          <cell r="N59">
            <v>397551</v>
          </cell>
          <cell r="O59">
            <v>126415</v>
          </cell>
          <cell r="P59">
            <v>1523150</v>
          </cell>
          <cell r="Q59">
            <v>1523150</v>
          </cell>
          <cell r="R59">
            <v>1484822</v>
          </cell>
          <cell r="S59">
            <v>38328</v>
          </cell>
        </row>
        <row r="60">
          <cell r="B60">
            <v>1</v>
          </cell>
          <cell r="C60" t="str">
            <v>O&amp;M</v>
          </cell>
          <cell r="D60" t="str">
            <v>Regions/RM&amp;C</v>
          </cell>
          <cell r="E60" t="str">
            <v>Maintenance - Routine</v>
          </cell>
          <cell r="G60" t="str">
            <v>Company Labor</v>
          </cell>
          <cell r="H60" t="str">
            <v>Maintenance</v>
          </cell>
          <cell r="I60">
            <v>0</v>
          </cell>
          <cell r="K60">
            <v>57869</v>
          </cell>
          <cell r="M60">
            <v>223465</v>
          </cell>
          <cell r="N60">
            <v>232382</v>
          </cell>
          <cell r="O60">
            <v>-8917</v>
          </cell>
          <cell r="P60">
            <v>649602</v>
          </cell>
          <cell r="Q60">
            <v>649602</v>
          </cell>
          <cell r="R60">
            <v>652602</v>
          </cell>
          <cell r="S60">
            <v>-3000</v>
          </cell>
        </row>
        <row r="61">
          <cell r="B61">
            <v>1</v>
          </cell>
          <cell r="C61" t="str">
            <v>O&amp;M</v>
          </cell>
          <cell r="D61" t="str">
            <v>Regions/RM&amp;C</v>
          </cell>
          <cell r="E61" t="str">
            <v>Maintenance - Routine</v>
          </cell>
          <cell r="G61" t="str">
            <v>Contract Labor</v>
          </cell>
          <cell r="H61" t="str">
            <v>Maintenance</v>
          </cell>
          <cell r="I61">
            <v>0</v>
          </cell>
          <cell r="K61">
            <v>78387</v>
          </cell>
          <cell r="M61">
            <v>308213</v>
          </cell>
          <cell r="N61">
            <v>300535</v>
          </cell>
          <cell r="O61">
            <v>7678</v>
          </cell>
          <cell r="P61">
            <v>895973</v>
          </cell>
          <cell r="Q61">
            <v>895973</v>
          </cell>
          <cell r="R61">
            <v>929973</v>
          </cell>
          <cell r="S61">
            <v>-34000</v>
          </cell>
        </row>
        <row r="62">
          <cell r="B62">
            <v>1</v>
          </cell>
          <cell r="C62" t="str">
            <v>O&amp;M</v>
          </cell>
          <cell r="D62" t="str">
            <v>Regions/RM&amp;C</v>
          </cell>
          <cell r="E62" t="str">
            <v>Maintenance - Routine</v>
          </cell>
          <cell r="G62" t="str">
            <v>Fleet</v>
          </cell>
          <cell r="H62" t="str">
            <v>Maintenance</v>
          </cell>
          <cell r="I62">
            <v>0</v>
          </cell>
          <cell r="K62">
            <v>73272</v>
          </cell>
          <cell r="M62">
            <v>424057</v>
          </cell>
          <cell r="N62">
            <v>324459</v>
          </cell>
          <cell r="O62">
            <v>99598</v>
          </cell>
          <cell r="P62">
            <v>1232727</v>
          </cell>
          <cell r="Q62">
            <v>1232727</v>
          </cell>
          <cell r="R62">
            <v>1203727</v>
          </cell>
          <cell r="S62">
            <v>29000</v>
          </cell>
        </row>
        <row r="63">
          <cell r="B63">
            <v>1</v>
          </cell>
          <cell r="C63" t="str">
            <v>O&amp;M</v>
          </cell>
          <cell r="D63" t="str">
            <v>Regions/RM&amp;C</v>
          </cell>
          <cell r="E63" t="str">
            <v>Maintenance - Routine</v>
          </cell>
          <cell r="G63" t="str">
            <v>Meals/Travel</v>
          </cell>
          <cell r="H63" t="str">
            <v>Maintenance</v>
          </cell>
          <cell r="I63">
            <v>0</v>
          </cell>
          <cell r="K63">
            <v>53</v>
          </cell>
          <cell r="M63">
            <v>0</v>
          </cell>
          <cell r="N63">
            <v>402</v>
          </cell>
          <cell r="O63">
            <v>-402</v>
          </cell>
          <cell r="P63">
            <v>0</v>
          </cell>
          <cell r="Q63">
            <v>0</v>
          </cell>
          <cell r="R63">
            <v>1000</v>
          </cell>
          <cell r="S63">
            <v>-1000</v>
          </cell>
        </row>
        <row r="64">
          <cell r="B64">
            <v>1</v>
          </cell>
          <cell r="C64" t="str">
            <v>O&amp;M</v>
          </cell>
          <cell r="D64" t="str">
            <v>Regions/RM&amp;C</v>
          </cell>
          <cell r="E64" t="str">
            <v>Maintenance - Routine</v>
          </cell>
          <cell r="G64" t="str">
            <v>Materials</v>
          </cell>
          <cell r="H64" t="str">
            <v>Maintenance</v>
          </cell>
          <cell r="I64">
            <v>0</v>
          </cell>
          <cell r="K64">
            <v>15439</v>
          </cell>
          <cell r="M64">
            <v>128326</v>
          </cell>
          <cell r="N64">
            <v>68965</v>
          </cell>
          <cell r="O64">
            <v>59361</v>
          </cell>
          <cell r="P64">
            <v>373041</v>
          </cell>
          <cell r="Q64">
            <v>373041</v>
          </cell>
          <cell r="R64">
            <v>346041</v>
          </cell>
          <cell r="S64">
            <v>27000</v>
          </cell>
        </row>
        <row r="65">
          <cell r="B65">
            <v>1</v>
          </cell>
          <cell r="C65" t="str">
            <v>O&amp;M</v>
          </cell>
          <cell r="D65" t="str">
            <v>Regions/RM&amp;C</v>
          </cell>
          <cell r="E65" t="str">
            <v>Maintenance - Routine</v>
          </cell>
          <cell r="G65" t="str">
            <v>Ciac</v>
          </cell>
          <cell r="H65" t="str">
            <v>Maintenance</v>
          </cell>
          <cell r="I65">
            <v>0</v>
          </cell>
          <cell r="K65">
            <v>-35056</v>
          </cell>
          <cell r="M65">
            <v>-74889</v>
          </cell>
          <cell r="N65">
            <v>-113419</v>
          </cell>
          <cell r="O65">
            <v>38530</v>
          </cell>
          <cell r="P65">
            <v>-217710</v>
          </cell>
          <cell r="Q65">
            <v>-217710</v>
          </cell>
          <cell r="R65">
            <v>-239710</v>
          </cell>
          <cell r="S65">
            <v>22000</v>
          </cell>
        </row>
        <row r="66">
          <cell r="B66">
            <v>1</v>
          </cell>
          <cell r="C66" t="str">
            <v>O&amp;M</v>
          </cell>
          <cell r="D66" t="str">
            <v>Regions/RM&amp;C</v>
          </cell>
          <cell r="E66" t="str">
            <v>Maintenance - Routine</v>
          </cell>
          <cell r="G66" t="str">
            <v>Other</v>
          </cell>
          <cell r="H66" t="str">
            <v>Maintenance</v>
          </cell>
          <cell r="I66">
            <v>0</v>
          </cell>
          <cell r="K66">
            <v>0</v>
          </cell>
          <cell r="M66">
            <v>594</v>
          </cell>
          <cell r="N66">
            <v>1026</v>
          </cell>
          <cell r="O66">
            <v>-432</v>
          </cell>
          <cell r="P66">
            <v>1726</v>
          </cell>
          <cell r="Q66">
            <v>1726</v>
          </cell>
          <cell r="R66">
            <v>1726</v>
          </cell>
          <cell r="S66">
            <v>0</v>
          </cell>
        </row>
        <row r="67">
          <cell r="B67">
            <v>1</v>
          </cell>
          <cell r="C67" t="str">
            <v>O&amp;M</v>
          </cell>
          <cell r="D67" t="str">
            <v>Regions/RM&amp;C</v>
          </cell>
          <cell r="E67" t="str">
            <v>Mgmt &amp; Support</v>
          </cell>
          <cell r="G67" t="str">
            <v>Company Labor</v>
          </cell>
          <cell r="H67" t="str">
            <v>Mgmt &amp; Support</v>
          </cell>
          <cell r="I67">
            <v>0</v>
          </cell>
          <cell r="K67">
            <v>481988</v>
          </cell>
          <cell r="M67">
            <v>2301204</v>
          </cell>
          <cell r="N67">
            <v>2112639</v>
          </cell>
          <cell r="O67">
            <v>188565</v>
          </cell>
          <cell r="P67">
            <v>6647975</v>
          </cell>
          <cell r="Q67">
            <v>6647975</v>
          </cell>
          <cell r="R67">
            <v>6647975</v>
          </cell>
          <cell r="S67">
            <v>0</v>
          </cell>
        </row>
        <row r="68">
          <cell r="B68">
            <v>1</v>
          </cell>
          <cell r="C68" t="str">
            <v>O&amp;M</v>
          </cell>
          <cell r="D68" t="str">
            <v>Regions/RM&amp;C</v>
          </cell>
          <cell r="E68" t="str">
            <v>Mgmt &amp; Support</v>
          </cell>
          <cell r="G68" t="str">
            <v>Company Labor</v>
          </cell>
          <cell r="H68" t="str">
            <v>Mgmt &amp; Support</v>
          </cell>
          <cell r="I68">
            <v>0</v>
          </cell>
          <cell r="K68">
            <v>130080</v>
          </cell>
          <cell r="M68">
            <v>627205</v>
          </cell>
          <cell r="N68">
            <v>565613</v>
          </cell>
          <cell r="O68">
            <v>61592</v>
          </cell>
          <cell r="P68">
            <v>1812012</v>
          </cell>
          <cell r="Q68">
            <v>1812012</v>
          </cell>
          <cell r="R68">
            <v>1812012</v>
          </cell>
          <cell r="S68">
            <v>0</v>
          </cell>
        </row>
        <row r="69">
          <cell r="B69">
            <v>1</v>
          </cell>
          <cell r="C69" t="str">
            <v>O&amp;M</v>
          </cell>
          <cell r="D69" t="str">
            <v>Regions/RM&amp;C</v>
          </cell>
          <cell r="E69" t="str">
            <v>Mgmt &amp; Support</v>
          </cell>
          <cell r="G69" t="str">
            <v>Company Labor</v>
          </cell>
          <cell r="H69" t="str">
            <v>Mgmt &amp; Support</v>
          </cell>
          <cell r="I69">
            <v>0</v>
          </cell>
          <cell r="K69">
            <v>7731</v>
          </cell>
          <cell r="M69">
            <v>41790</v>
          </cell>
          <cell r="N69">
            <v>36772</v>
          </cell>
          <cell r="O69">
            <v>5019</v>
          </cell>
          <cell r="P69">
            <v>120798</v>
          </cell>
          <cell r="Q69">
            <v>120798</v>
          </cell>
          <cell r="R69">
            <v>120798</v>
          </cell>
          <cell r="S69">
            <v>0</v>
          </cell>
        </row>
        <row r="70">
          <cell r="B70">
            <v>1</v>
          </cell>
          <cell r="C70" t="str">
            <v>O&amp;M</v>
          </cell>
          <cell r="D70" t="str">
            <v>Regions/RM&amp;C</v>
          </cell>
          <cell r="E70" t="str">
            <v>Mgmt &amp; Support</v>
          </cell>
          <cell r="G70" t="str">
            <v>Contract Labor</v>
          </cell>
          <cell r="H70" t="str">
            <v>Mgmt &amp; Support</v>
          </cell>
          <cell r="I70">
            <v>0</v>
          </cell>
          <cell r="K70">
            <v>22716</v>
          </cell>
          <cell r="M70">
            <v>35832</v>
          </cell>
          <cell r="N70">
            <v>184617</v>
          </cell>
          <cell r="O70">
            <v>-148785</v>
          </cell>
          <cell r="P70">
            <v>98496</v>
          </cell>
          <cell r="Q70">
            <v>98496</v>
          </cell>
          <cell r="R70">
            <v>98496</v>
          </cell>
          <cell r="S70">
            <v>0</v>
          </cell>
        </row>
        <row r="71">
          <cell r="B71">
            <v>1</v>
          </cell>
          <cell r="C71" t="str">
            <v>O&amp;M</v>
          </cell>
          <cell r="D71" t="str">
            <v>Regions/RM&amp;C</v>
          </cell>
          <cell r="E71" t="str">
            <v>Mgmt &amp; Support</v>
          </cell>
          <cell r="G71" t="str">
            <v>Fleet</v>
          </cell>
          <cell r="H71" t="str">
            <v>Mgmt &amp; Support</v>
          </cell>
          <cell r="I71">
            <v>0</v>
          </cell>
          <cell r="K71">
            <v>57486</v>
          </cell>
          <cell r="M71">
            <v>243300</v>
          </cell>
          <cell r="N71">
            <v>251545</v>
          </cell>
          <cell r="O71">
            <v>-8245</v>
          </cell>
          <cell r="P71">
            <v>702901</v>
          </cell>
          <cell r="Q71">
            <v>702901</v>
          </cell>
          <cell r="R71">
            <v>702901</v>
          </cell>
          <cell r="S71">
            <v>0</v>
          </cell>
        </row>
        <row r="72">
          <cell r="B72">
            <v>1</v>
          </cell>
          <cell r="C72" t="str">
            <v>O&amp;M</v>
          </cell>
          <cell r="D72" t="str">
            <v>Regions/RM&amp;C</v>
          </cell>
          <cell r="E72" t="str">
            <v>Mgmt &amp; Support</v>
          </cell>
          <cell r="G72" t="str">
            <v>Meals/Travel</v>
          </cell>
          <cell r="H72" t="str">
            <v>Mgmt &amp; Support</v>
          </cell>
          <cell r="I72">
            <v>0</v>
          </cell>
          <cell r="K72">
            <v>42899</v>
          </cell>
          <cell r="M72">
            <v>280733</v>
          </cell>
          <cell r="N72">
            <v>167815</v>
          </cell>
          <cell r="O72">
            <v>112918</v>
          </cell>
          <cell r="P72">
            <v>842200</v>
          </cell>
          <cell r="Q72">
            <v>842200</v>
          </cell>
          <cell r="R72">
            <v>842200</v>
          </cell>
          <cell r="S72">
            <v>0</v>
          </cell>
        </row>
        <row r="73">
          <cell r="B73">
            <v>1</v>
          </cell>
          <cell r="C73" t="str">
            <v>O&amp;M</v>
          </cell>
          <cell r="D73" t="str">
            <v>Regions/RM&amp;C</v>
          </cell>
          <cell r="E73" t="str">
            <v>Mgmt &amp; Support</v>
          </cell>
          <cell r="G73" t="str">
            <v>Materials</v>
          </cell>
          <cell r="H73" t="str">
            <v>Mgmt &amp; Support</v>
          </cell>
          <cell r="I73">
            <v>0</v>
          </cell>
          <cell r="K73">
            <v>105540</v>
          </cell>
          <cell r="M73">
            <v>256819</v>
          </cell>
          <cell r="N73">
            <v>333604</v>
          </cell>
          <cell r="O73">
            <v>-76785</v>
          </cell>
          <cell r="P73">
            <v>782170</v>
          </cell>
          <cell r="Q73">
            <v>782170</v>
          </cell>
          <cell r="R73">
            <v>782170</v>
          </cell>
          <cell r="S73">
            <v>0</v>
          </cell>
        </row>
        <row r="74">
          <cell r="B74">
            <v>1</v>
          </cell>
          <cell r="C74" t="str">
            <v>O&amp;M</v>
          </cell>
          <cell r="D74" t="str">
            <v>Regions/RM&amp;C</v>
          </cell>
          <cell r="E74" t="str">
            <v>Mgmt &amp; Support</v>
          </cell>
          <cell r="G74" t="str">
            <v>Other</v>
          </cell>
          <cell r="H74" t="str">
            <v>Mgmt &amp; Support</v>
          </cell>
          <cell r="I74">
            <v>0</v>
          </cell>
          <cell r="K74">
            <v>29342</v>
          </cell>
          <cell r="M74">
            <v>122176</v>
          </cell>
          <cell r="N74">
            <v>98223</v>
          </cell>
          <cell r="O74">
            <v>23954</v>
          </cell>
          <cell r="P74">
            <v>366528</v>
          </cell>
          <cell r="Q74">
            <v>366528</v>
          </cell>
          <cell r="R74">
            <v>308528</v>
          </cell>
          <cell r="S74">
            <v>58000</v>
          </cell>
        </row>
        <row r="75">
          <cell r="B75">
            <v>1</v>
          </cell>
          <cell r="C75" t="str">
            <v>O&amp;M</v>
          </cell>
          <cell r="D75" t="str">
            <v>Regions/RM&amp;C</v>
          </cell>
          <cell r="E75" t="str">
            <v>Pre-charge Material</v>
          </cell>
          <cell r="G75" t="str">
            <v>Materials</v>
          </cell>
          <cell r="H75" t="str">
            <v>Lab &amp; Mat Burdens</v>
          </cell>
          <cell r="I75">
            <v>0</v>
          </cell>
          <cell r="K75">
            <v>194290</v>
          </cell>
          <cell r="M75">
            <v>582074</v>
          </cell>
          <cell r="N75">
            <v>857782</v>
          </cell>
          <cell r="O75">
            <v>-275708</v>
          </cell>
          <cell r="P75">
            <v>1692073</v>
          </cell>
          <cell r="Q75">
            <v>1692073</v>
          </cell>
          <cell r="R75">
            <v>1900560</v>
          </cell>
          <cell r="S75">
            <v>-208488</v>
          </cell>
        </row>
        <row r="76">
          <cell r="B76">
            <v>1</v>
          </cell>
          <cell r="C76" t="str">
            <v>O&amp;M</v>
          </cell>
          <cell r="D76" t="str">
            <v>Regions/RM&amp;C</v>
          </cell>
          <cell r="E76" t="str">
            <v>Productive Unavailable</v>
          </cell>
          <cell r="G76" t="str">
            <v>Company Labor</v>
          </cell>
          <cell r="H76" t="str">
            <v>Safety/Training/Prod Unavail</v>
          </cell>
          <cell r="I76">
            <v>0</v>
          </cell>
          <cell r="K76">
            <v>130444</v>
          </cell>
          <cell r="M76">
            <v>764865</v>
          </cell>
          <cell r="N76">
            <v>654141</v>
          </cell>
          <cell r="O76">
            <v>110724</v>
          </cell>
          <cell r="P76">
            <v>2210339</v>
          </cell>
          <cell r="Q76">
            <v>2210339</v>
          </cell>
          <cell r="R76">
            <v>2210339</v>
          </cell>
          <cell r="S76">
            <v>0</v>
          </cell>
        </row>
        <row r="77">
          <cell r="B77">
            <v>1</v>
          </cell>
          <cell r="C77" t="str">
            <v>O&amp;M</v>
          </cell>
          <cell r="D77" t="str">
            <v>Regions/RM&amp;C</v>
          </cell>
          <cell r="E77" t="str">
            <v>Productive Unavailable</v>
          </cell>
          <cell r="G77" t="str">
            <v>Company Labor</v>
          </cell>
          <cell r="H77" t="str">
            <v>Safety/Training/Prod Unavail</v>
          </cell>
          <cell r="I77">
            <v>0</v>
          </cell>
          <cell r="K77">
            <v>4711</v>
          </cell>
          <cell r="M77">
            <v>39799</v>
          </cell>
          <cell r="N77">
            <v>17036</v>
          </cell>
          <cell r="O77">
            <v>22764</v>
          </cell>
          <cell r="P77">
            <v>115029</v>
          </cell>
          <cell r="Q77">
            <v>115029</v>
          </cell>
          <cell r="R77">
            <v>115029</v>
          </cell>
          <cell r="S77">
            <v>0</v>
          </cell>
        </row>
        <row r="78">
          <cell r="B78">
            <v>1</v>
          </cell>
          <cell r="C78" t="str">
            <v>O&amp;M</v>
          </cell>
          <cell r="D78" t="str">
            <v>Regions/RM&amp;C</v>
          </cell>
          <cell r="E78" t="str">
            <v>Productive Unavailable</v>
          </cell>
          <cell r="G78" t="str">
            <v>Contract Labor</v>
          </cell>
          <cell r="H78" t="str">
            <v>Safety/Training/Prod Unavail</v>
          </cell>
          <cell r="I78">
            <v>0</v>
          </cell>
          <cell r="K78">
            <v>1000</v>
          </cell>
          <cell r="M78">
            <v>0</v>
          </cell>
          <cell r="N78">
            <v>4524</v>
          </cell>
          <cell r="O78">
            <v>-4524</v>
          </cell>
          <cell r="P78">
            <v>0</v>
          </cell>
          <cell r="Q78">
            <v>0</v>
          </cell>
          <cell r="R78">
            <v>9000</v>
          </cell>
          <cell r="S78">
            <v>-9000</v>
          </cell>
        </row>
        <row r="79">
          <cell r="B79">
            <v>1</v>
          </cell>
          <cell r="C79" t="str">
            <v>O&amp;M</v>
          </cell>
          <cell r="D79" t="str">
            <v>Regions/RM&amp;C</v>
          </cell>
          <cell r="E79" t="str">
            <v>Productive Unavailable</v>
          </cell>
          <cell r="G79" t="str">
            <v>Fleet</v>
          </cell>
          <cell r="H79" t="str">
            <v>Safety/Training/Prod Unavail</v>
          </cell>
          <cell r="I79">
            <v>0</v>
          </cell>
          <cell r="K79">
            <v>0</v>
          </cell>
          <cell r="M79">
            <v>0</v>
          </cell>
          <cell r="N79">
            <v>9467</v>
          </cell>
          <cell r="O79">
            <v>-9467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</row>
        <row r="80">
          <cell r="B80">
            <v>1</v>
          </cell>
          <cell r="C80" t="str">
            <v>O&amp;M</v>
          </cell>
          <cell r="D80" t="str">
            <v>Regions/RM&amp;C</v>
          </cell>
          <cell r="E80" t="str">
            <v>Productive Unavailable</v>
          </cell>
          <cell r="G80" t="str">
            <v>Meals/Travel</v>
          </cell>
          <cell r="H80" t="str">
            <v>Safety/Training/Prod Unavail</v>
          </cell>
          <cell r="I80">
            <v>0</v>
          </cell>
          <cell r="K80">
            <v>14386</v>
          </cell>
          <cell r="M80">
            <v>0</v>
          </cell>
          <cell r="N80">
            <v>45988</v>
          </cell>
          <cell r="O80">
            <v>-45988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</row>
        <row r="81">
          <cell r="B81">
            <v>1</v>
          </cell>
          <cell r="C81" t="str">
            <v>O&amp;M</v>
          </cell>
          <cell r="D81" t="str">
            <v>Regions/RM&amp;C</v>
          </cell>
          <cell r="E81" t="str">
            <v>Productive Unavailable</v>
          </cell>
          <cell r="G81" t="str">
            <v>Materials</v>
          </cell>
          <cell r="H81" t="str">
            <v>Safety/Training/Prod Unavail</v>
          </cell>
          <cell r="I81">
            <v>0</v>
          </cell>
          <cell r="K81">
            <v>598</v>
          </cell>
          <cell r="M81">
            <v>0</v>
          </cell>
          <cell r="N81">
            <v>2295</v>
          </cell>
          <cell r="O81">
            <v>-2295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</row>
        <row r="82">
          <cell r="B82">
            <v>1</v>
          </cell>
          <cell r="C82" t="str">
            <v>O&amp;M</v>
          </cell>
          <cell r="D82" t="str">
            <v>Regions/RM&amp;C</v>
          </cell>
          <cell r="E82" t="str">
            <v>Productive Unavailable</v>
          </cell>
          <cell r="G82" t="str">
            <v>Other</v>
          </cell>
          <cell r="H82" t="str">
            <v>Safety/Training/Prod Unavail</v>
          </cell>
          <cell r="I82">
            <v>0</v>
          </cell>
          <cell r="K82">
            <v>105</v>
          </cell>
          <cell r="M82">
            <v>0</v>
          </cell>
          <cell r="N82">
            <v>895</v>
          </cell>
          <cell r="O82">
            <v>-895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</row>
        <row r="83">
          <cell r="B83">
            <v>1</v>
          </cell>
          <cell r="C83" t="str">
            <v>O&amp;M</v>
          </cell>
          <cell r="D83" t="str">
            <v>Regions/RM&amp;C</v>
          </cell>
          <cell r="E83" t="str">
            <v>Region Other</v>
          </cell>
          <cell r="G83" t="str">
            <v>Company Labor</v>
          </cell>
          <cell r="H83" t="str">
            <v>Other</v>
          </cell>
          <cell r="I83">
            <v>0</v>
          </cell>
          <cell r="K83">
            <v>9192</v>
          </cell>
          <cell r="M83">
            <v>3250</v>
          </cell>
          <cell r="N83">
            <v>33190</v>
          </cell>
          <cell r="O83">
            <v>-29941</v>
          </cell>
          <cell r="P83">
            <v>8624</v>
          </cell>
          <cell r="Q83">
            <v>9389</v>
          </cell>
          <cell r="R83">
            <v>6211</v>
          </cell>
          <cell r="S83">
            <v>3178</v>
          </cell>
        </row>
        <row r="84">
          <cell r="B84">
            <v>1</v>
          </cell>
          <cell r="C84" t="str">
            <v>O&amp;M</v>
          </cell>
          <cell r="D84" t="str">
            <v>Regions/RM&amp;C</v>
          </cell>
          <cell r="E84" t="str">
            <v>Region Other</v>
          </cell>
          <cell r="G84" t="str">
            <v>Company Labor</v>
          </cell>
          <cell r="H84" t="str">
            <v>Other</v>
          </cell>
          <cell r="I84">
            <v>0</v>
          </cell>
          <cell r="K84">
            <v>147</v>
          </cell>
          <cell r="M84">
            <v>905</v>
          </cell>
          <cell r="N84">
            <v>2950</v>
          </cell>
          <cell r="O84">
            <v>-2045</v>
          </cell>
          <cell r="P84">
            <v>2614</v>
          </cell>
          <cell r="Q84">
            <v>2614</v>
          </cell>
          <cell r="R84">
            <v>1715</v>
          </cell>
          <cell r="S84">
            <v>900</v>
          </cell>
        </row>
        <row r="85">
          <cell r="B85">
            <v>1</v>
          </cell>
          <cell r="C85" t="str">
            <v>O&amp;M</v>
          </cell>
          <cell r="D85" t="str">
            <v>Regions/RM&amp;C</v>
          </cell>
          <cell r="E85" t="str">
            <v>Region Other</v>
          </cell>
          <cell r="G85" t="str">
            <v>Company Labor</v>
          </cell>
          <cell r="H85" t="str">
            <v>Other</v>
          </cell>
          <cell r="I85">
            <v>0</v>
          </cell>
          <cell r="K85">
            <v>352</v>
          </cell>
          <cell r="M85">
            <v>0</v>
          </cell>
          <cell r="N85">
            <v>4905</v>
          </cell>
          <cell r="O85">
            <v>-4905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</row>
        <row r="86">
          <cell r="B86">
            <v>1</v>
          </cell>
          <cell r="C86" t="str">
            <v>O&amp;M</v>
          </cell>
          <cell r="D86" t="str">
            <v>Regions/RM&amp;C</v>
          </cell>
          <cell r="E86" t="str">
            <v>Region Other</v>
          </cell>
          <cell r="G86" t="str">
            <v>Contract Labor</v>
          </cell>
          <cell r="H86" t="str">
            <v>Other</v>
          </cell>
          <cell r="I86">
            <v>0</v>
          </cell>
          <cell r="K86">
            <v>6293</v>
          </cell>
          <cell r="M86">
            <v>83595</v>
          </cell>
          <cell r="N86">
            <v>63038</v>
          </cell>
          <cell r="O86">
            <v>20557</v>
          </cell>
          <cell r="P86">
            <v>250785</v>
          </cell>
          <cell r="Q86">
            <v>250785</v>
          </cell>
          <cell r="R86">
            <v>250785</v>
          </cell>
          <cell r="S86">
            <v>0</v>
          </cell>
        </row>
        <row r="87">
          <cell r="B87">
            <v>1</v>
          </cell>
          <cell r="C87" t="str">
            <v>O&amp;M</v>
          </cell>
          <cell r="D87" t="str">
            <v>Regions/RM&amp;C</v>
          </cell>
          <cell r="E87" t="str">
            <v>Region Other</v>
          </cell>
          <cell r="G87" t="str">
            <v>Fleet</v>
          </cell>
          <cell r="H87" t="str">
            <v>Other</v>
          </cell>
          <cell r="I87">
            <v>0</v>
          </cell>
          <cell r="K87">
            <v>2352</v>
          </cell>
          <cell r="M87">
            <v>0</v>
          </cell>
          <cell r="N87">
            <v>9506</v>
          </cell>
          <cell r="O87">
            <v>-9506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</row>
        <row r="88">
          <cell r="B88">
            <v>1</v>
          </cell>
          <cell r="C88" t="str">
            <v>O&amp;M</v>
          </cell>
          <cell r="D88" t="str">
            <v>Regions/RM&amp;C</v>
          </cell>
          <cell r="E88" t="str">
            <v>Region Other</v>
          </cell>
          <cell r="G88" t="str">
            <v>Meals/Travel</v>
          </cell>
          <cell r="H88" t="str">
            <v>Other</v>
          </cell>
          <cell r="I88">
            <v>0</v>
          </cell>
          <cell r="K88">
            <v>1044</v>
          </cell>
          <cell r="M88">
            <v>0</v>
          </cell>
          <cell r="N88">
            <v>2861</v>
          </cell>
          <cell r="O88">
            <v>-2861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</row>
        <row r="89">
          <cell r="B89">
            <v>1</v>
          </cell>
          <cell r="C89" t="str">
            <v>O&amp;M</v>
          </cell>
          <cell r="D89" t="str">
            <v>Regions/RM&amp;C</v>
          </cell>
          <cell r="E89" t="str">
            <v>Region Other</v>
          </cell>
          <cell r="G89" t="str">
            <v>Materials</v>
          </cell>
          <cell r="H89" t="str">
            <v>Other</v>
          </cell>
          <cell r="I89">
            <v>0</v>
          </cell>
          <cell r="K89">
            <v>4741</v>
          </cell>
          <cell r="M89">
            <v>32353</v>
          </cell>
          <cell r="N89">
            <v>24972</v>
          </cell>
          <cell r="O89">
            <v>7381</v>
          </cell>
          <cell r="P89">
            <v>97058</v>
          </cell>
          <cell r="Q89">
            <v>97058</v>
          </cell>
          <cell r="R89">
            <v>97058</v>
          </cell>
          <cell r="S89">
            <v>0</v>
          </cell>
        </row>
        <row r="90">
          <cell r="B90">
            <v>1</v>
          </cell>
          <cell r="C90" t="str">
            <v>O&amp;M</v>
          </cell>
          <cell r="D90" t="str">
            <v>Regions/RM&amp;C</v>
          </cell>
          <cell r="E90" t="str">
            <v>Region Other</v>
          </cell>
          <cell r="G90" t="str">
            <v>Ciac</v>
          </cell>
          <cell r="H90" t="str">
            <v>Other</v>
          </cell>
          <cell r="I90">
            <v>0</v>
          </cell>
          <cell r="K90">
            <v>-4437</v>
          </cell>
          <cell r="M90">
            <v>0</v>
          </cell>
          <cell r="N90">
            <v>1413</v>
          </cell>
          <cell r="O90">
            <v>-1413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</row>
        <row r="91">
          <cell r="B91">
            <v>1</v>
          </cell>
          <cell r="C91" t="str">
            <v>O&amp;M</v>
          </cell>
          <cell r="D91" t="str">
            <v>Regions/RM&amp;C</v>
          </cell>
          <cell r="E91" t="str">
            <v>Region Other</v>
          </cell>
          <cell r="G91" t="str">
            <v>Other</v>
          </cell>
          <cell r="H91" t="str">
            <v>Other</v>
          </cell>
          <cell r="I91">
            <v>0</v>
          </cell>
          <cell r="K91">
            <v>1380</v>
          </cell>
          <cell r="M91">
            <v>4268</v>
          </cell>
          <cell r="N91">
            <v>15516</v>
          </cell>
          <cell r="O91">
            <v>-11247</v>
          </cell>
          <cell r="P91">
            <v>13963</v>
          </cell>
          <cell r="Q91">
            <v>13198</v>
          </cell>
          <cell r="R91">
            <v>13198</v>
          </cell>
          <cell r="S91">
            <v>0</v>
          </cell>
        </row>
        <row r="92">
          <cell r="B92">
            <v>1</v>
          </cell>
          <cell r="C92" t="str">
            <v>O&amp;M</v>
          </cell>
          <cell r="D92" t="str">
            <v>Regions/RM&amp;C</v>
          </cell>
          <cell r="E92" t="str">
            <v>Restore</v>
          </cell>
          <cell r="G92" t="str">
            <v>Company Labor</v>
          </cell>
          <cell r="H92" t="str">
            <v>Restore</v>
          </cell>
          <cell r="I92">
            <v>0</v>
          </cell>
          <cell r="K92">
            <v>86193</v>
          </cell>
          <cell r="M92">
            <v>458674</v>
          </cell>
          <cell r="N92">
            <v>366401</v>
          </cell>
          <cell r="O92">
            <v>92273</v>
          </cell>
          <cell r="P92">
            <v>1357041</v>
          </cell>
          <cell r="Q92">
            <v>1357041</v>
          </cell>
          <cell r="R92">
            <v>1296993</v>
          </cell>
          <cell r="S92">
            <v>60048</v>
          </cell>
        </row>
        <row r="93">
          <cell r="B93">
            <v>1</v>
          </cell>
          <cell r="C93" t="str">
            <v>O&amp;M</v>
          </cell>
          <cell r="D93" t="str">
            <v>Regions/RM&amp;C</v>
          </cell>
          <cell r="E93" t="str">
            <v>Restore</v>
          </cell>
          <cell r="G93" t="str">
            <v>Company Labor</v>
          </cell>
          <cell r="H93" t="str">
            <v>Restore</v>
          </cell>
          <cell r="I93">
            <v>0</v>
          </cell>
          <cell r="K93">
            <v>104788</v>
          </cell>
          <cell r="M93">
            <v>550425</v>
          </cell>
          <cell r="N93">
            <v>426203</v>
          </cell>
          <cell r="O93">
            <v>124222</v>
          </cell>
          <cell r="P93">
            <v>1629514</v>
          </cell>
          <cell r="Q93">
            <v>1629514</v>
          </cell>
          <cell r="R93">
            <v>1542322</v>
          </cell>
          <cell r="S93">
            <v>87191</v>
          </cell>
        </row>
        <row r="94">
          <cell r="B94">
            <v>1</v>
          </cell>
          <cell r="C94" t="str">
            <v>O&amp;M</v>
          </cell>
          <cell r="D94" t="str">
            <v>Regions/RM&amp;C</v>
          </cell>
          <cell r="E94" t="str">
            <v>Restore</v>
          </cell>
          <cell r="G94" t="str">
            <v>Company Labor</v>
          </cell>
          <cell r="H94" t="str">
            <v>Restore</v>
          </cell>
          <cell r="I94">
            <v>0</v>
          </cell>
          <cell r="K94">
            <v>278818</v>
          </cell>
          <cell r="M94">
            <v>1444151</v>
          </cell>
          <cell r="N94">
            <v>1079418</v>
          </cell>
          <cell r="O94">
            <v>364733</v>
          </cell>
          <cell r="P94">
            <v>4278276</v>
          </cell>
          <cell r="Q94">
            <v>4278276</v>
          </cell>
          <cell r="R94">
            <v>4006072</v>
          </cell>
          <cell r="S94">
            <v>272204</v>
          </cell>
        </row>
        <row r="95">
          <cell r="B95">
            <v>1</v>
          </cell>
          <cell r="C95" t="str">
            <v>O&amp;M</v>
          </cell>
          <cell r="D95" t="str">
            <v>Regions/RM&amp;C</v>
          </cell>
          <cell r="E95" t="str">
            <v>Restore</v>
          </cell>
          <cell r="G95" t="str">
            <v>Contract Labor</v>
          </cell>
          <cell r="H95" t="str">
            <v>Restore</v>
          </cell>
          <cell r="I95">
            <v>0</v>
          </cell>
          <cell r="K95">
            <v>60025</v>
          </cell>
          <cell r="M95">
            <v>388704</v>
          </cell>
          <cell r="N95">
            <v>245587</v>
          </cell>
          <cell r="O95">
            <v>143117</v>
          </cell>
          <cell r="P95">
            <v>1165819</v>
          </cell>
          <cell r="Q95">
            <v>1165819</v>
          </cell>
          <cell r="R95">
            <v>1127536</v>
          </cell>
          <cell r="S95">
            <v>38283</v>
          </cell>
        </row>
        <row r="96">
          <cell r="B96">
            <v>1</v>
          </cell>
          <cell r="C96" t="str">
            <v>O&amp;M</v>
          </cell>
          <cell r="D96" t="str">
            <v>Regions/RM&amp;C</v>
          </cell>
          <cell r="E96" t="str">
            <v>Restore</v>
          </cell>
          <cell r="G96" t="str">
            <v>Fleet</v>
          </cell>
          <cell r="H96" t="str">
            <v>Restore</v>
          </cell>
          <cell r="I96">
            <v>0</v>
          </cell>
          <cell r="K96">
            <v>112062</v>
          </cell>
          <cell r="M96">
            <v>544298</v>
          </cell>
          <cell r="N96">
            <v>474241</v>
          </cell>
          <cell r="O96">
            <v>70057</v>
          </cell>
          <cell r="P96">
            <v>1613521</v>
          </cell>
          <cell r="Q96">
            <v>1613521</v>
          </cell>
          <cell r="R96">
            <v>1565476</v>
          </cell>
          <cell r="S96">
            <v>48045</v>
          </cell>
        </row>
        <row r="97">
          <cell r="B97">
            <v>1</v>
          </cell>
          <cell r="C97" t="str">
            <v>O&amp;M</v>
          </cell>
          <cell r="D97" t="str">
            <v>Regions/RM&amp;C</v>
          </cell>
          <cell r="E97" t="str">
            <v>Restore</v>
          </cell>
          <cell r="G97" t="str">
            <v>Meals/Travel</v>
          </cell>
          <cell r="H97" t="str">
            <v>Restore</v>
          </cell>
          <cell r="I97">
            <v>0</v>
          </cell>
          <cell r="K97">
            <v>344</v>
          </cell>
          <cell r="M97">
            <v>8810</v>
          </cell>
          <cell r="N97">
            <v>2137</v>
          </cell>
          <cell r="O97">
            <v>6673</v>
          </cell>
          <cell r="P97">
            <v>26271</v>
          </cell>
          <cell r="Q97">
            <v>26271</v>
          </cell>
          <cell r="R97">
            <v>22596</v>
          </cell>
          <cell r="S97">
            <v>3675</v>
          </cell>
        </row>
        <row r="98">
          <cell r="B98">
            <v>1</v>
          </cell>
          <cell r="C98" t="str">
            <v>O&amp;M</v>
          </cell>
          <cell r="D98" t="str">
            <v>Regions/RM&amp;C</v>
          </cell>
          <cell r="E98" t="str">
            <v>Restore</v>
          </cell>
          <cell r="G98" t="str">
            <v>Materials</v>
          </cell>
          <cell r="H98" t="str">
            <v>Restore</v>
          </cell>
          <cell r="I98">
            <v>0</v>
          </cell>
          <cell r="K98">
            <v>2470</v>
          </cell>
          <cell r="M98">
            <v>22403</v>
          </cell>
          <cell r="N98">
            <v>12512</v>
          </cell>
          <cell r="O98">
            <v>9891</v>
          </cell>
          <cell r="P98">
            <v>65325</v>
          </cell>
          <cell r="Q98">
            <v>65325</v>
          </cell>
          <cell r="R98">
            <v>62472</v>
          </cell>
          <cell r="S98">
            <v>2853</v>
          </cell>
        </row>
        <row r="99">
          <cell r="B99">
            <v>1</v>
          </cell>
          <cell r="C99" t="str">
            <v>O&amp;M</v>
          </cell>
          <cell r="D99" t="str">
            <v>Regions/RM&amp;C</v>
          </cell>
          <cell r="E99" t="str">
            <v>Restore</v>
          </cell>
          <cell r="G99" t="str">
            <v>Ciac</v>
          </cell>
          <cell r="H99" t="str">
            <v>Restore</v>
          </cell>
          <cell r="I99">
            <v>0</v>
          </cell>
          <cell r="K99">
            <v>-9001</v>
          </cell>
          <cell r="M99">
            <v>-57393</v>
          </cell>
          <cell r="N99">
            <v>-61949</v>
          </cell>
          <cell r="O99">
            <v>4556</v>
          </cell>
          <cell r="P99">
            <v>-166559</v>
          </cell>
          <cell r="Q99">
            <v>-166559</v>
          </cell>
          <cell r="R99">
            <v>-174886</v>
          </cell>
          <cell r="S99">
            <v>8327</v>
          </cell>
        </row>
        <row r="100">
          <cell r="B100">
            <v>1</v>
          </cell>
          <cell r="C100" t="str">
            <v>O&amp;M</v>
          </cell>
          <cell r="D100" t="str">
            <v>Regions/RM&amp;C</v>
          </cell>
          <cell r="E100" t="str">
            <v>Restore</v>
          </cell>
          <cell r="G100" t="str">
            <v>Other</v>
          </cell>
          <cell r="H100" t="str">
            <v>Restore</v>
          </cell>
          <cell r="I100">
            <v>0</v>
          </cell>
          <cell r="K100">
            <v>0</v>
          </cell>
          <cell r="M100">
            <v>710</v>
          </cell>
          <cell r="N100">
            <v>0</v>
          </cell>
          <cell r="O100">
            <v>710</v>
          </cell>
          <cell r="P100">
            <v>2095</v>
          </cell>
          <cell r="Q100">
            <v>2095</v>
          </cell>
          <cell r="R100">
            <v>1789</v>
          </cell>
          <cell r="S100">
            <v>306</v>
          </cell>
        </row>
        <row r="101">
          <cell r="B101">
            <v>1</v>
          </cell>
          <cell r="C101" t="str">
            <v>O&amp;M</v>
          </cell>
          <cell r="D101" t="str">
            <v>Regions/RM&amp;C</v>
          </cell>
          <cell r="E101" t="str">
            <v>Revenue-Install/Remove Transformers</v>
          </cell>
          <cell r="G101" t="str">
            <v>Company Labor</v>
          </cell>
          <cell r="H101" t="str">
            <v>Revenue-Install/Remove Transformers</v>
          </cell>
          <cell r="I101">
            <v>0</v>
          </cell>
          <cell r="K101">
            <v>14197</v>
          </cell>
          <cell r="M101">
            <v>148305</v>
          </cell>
          <cell r="N101">
            <v>54264</v>
          </cell>
          <cell r="O101">
            <v>94041</v>
          </cell>
          <cell r="P101">
            <v>492803</v>
          </cell>
          <cell r="Q101">
            <v>492803</v>
          </cell>
          <cell r="R101">
            <v>492803</v>
          </cell>
          <cell r="S101">
            <v>0</v>
          </cell>
        </row>
        <row r="102">
          <cell r="B102">
            <v>1</v>
          </cell>
          <cell r="C102" t="str">
            <v>O&amp;M</v>
          </cell>
          <cell r="D102" t="str">
            <v>Regions/RM&amp;C</v>
          </cell>
          <cell r="E102" t="str">
            <v>Revenue-Install/Remove Transformers</v>
          </cell>
          <cell r="G102" t="str">
            <v>Company Labor</v>
          </cell>
          <cell r="H102" t="str">
            <v>Revenue-Install/Remove Transformers</v>
          </cell>
          <cell r="I102">
            <v>0</v>
          </cell>
          <cell r="K102">
            <v>243</v>
          </cell>
          <cell r="M102">
            <v>5381</v>
          </cell>
          <cell r="N102">
            <v>935</v>
          </cell>
          <cell r="O102">
            <v>4446</v>
          </cell>
          <cell r="P102">
            <v>22032</v>
          </cell>
          <cell r="Q102">
            <v>22032</v>
          </cell>
          <cell r="R102">
            <v>22032</v>
          </cell>
          <cell r="S102">
            <v>0</v>
          </cell>
        </row>
        <row r="103">
          <cell r="B103">
            <v>1</v>
          </cell>
          <cell r="C103" t="str">
            <v>O&amp;M</v>
          </cell>
          <cell r="D103" t="str">
            <v>Regions/RM&amp;C</v>
          </cell>
          <cell r="E103" t="str">
            <v>Revenue-Install/Remove Transformers</v>
          </cell>
          <cell r="G103" t="str">
            <v>Contract Labor</v>
          </cell>
          <cell r="H103" t="str">
            <v>Revenue-Install/Remove Transformers</v>
          </cell>
          <cell r="I103">
            <v>0</v>
          </cell>
          <cell r="K103">
            <v>22788</v>
          </cell>
          <cell r="M103">
            <v>194631</v>
          </cell>
          <cell r="N103">
            <v>108676</v>
          </cell>
          <cell r="O103">
            <v>85956</v>
          </cell>
          <cell r="P103">
            <v>646701</v>
          </cell>
          <cell r="Q103">
            <v>646701</v>
          </cell>
          <cell r="R103">
            <v>646701</v>
          </cell>
          <cell r="S103">
            <v>0</v>
          </cell>
        </row>
        <row r="104">
          <cell r="B104">
            <v>1</v>
          </cell>
          <cell r="C104" t="str">
            <v>O&amp;M</v>
          </cell>
          <cell r="D104" t="str">
            <v>Regions/RM&amp;C</v>
          </cell>
          <cell r="E104" t="str">
            <v>Revenue-Install/Remove Transformers</v>
          </cell>
          <cell r="G104" t="str">
            <v>Fleet</v>
          </cell>
          <cell r="H104" t="str">
            <v>Revenue-Install/Remove Transformers</v>
          </cell>
          <cell r="I104">
            <v>0</v>
          </cell>
          <cell r="K104">
            <v>5779</v>
          </cell>
          <cell r="M104">
            <v>59842</v>
          </cell>
          <cell r="N104">
            <v>24222</v>
          </cell>
          <cell r="O104">
            <v>35620</v>
          </cell>
          <cell r="P104">
            <v>187641</v>
          </cell>
          <cell r="Q104">
            <v>187641</v>
          </cell>
          <cell r="R104">
            <v>187641</v>
          </cell>
          <cell r="S104">
            <v>0</v>
          </cell>
        </row>
        <row r="105">
          <cell r="B105">
            <v>1</v>
          </cell>
          <cell r="C105" t="str">
            <v>O&amp;M</v>
          </cell>
          <cell r="D105" t="str">
            <v>Regions/RM&amp;C</v>
          </cell>
          <cell r="E105" t="str">
            <v>Revenue-Install/Remove Transformers</v>
          </cell>
          <cell r="G105" t="str">
            <v>Materials</v>
          </cell>
          <cell r="H105" t="str">
            <v>Revenue-Install/Remove Transformers</v>
          </cell>
          <cell r="I105">
            <v>0</v>
          </cell>
          <cell r="K105">
            <v>3</v>
          </cell>
          <cell r="M105">
            <v>3664</v>
          </cell>
          <cell r="N105">
            <v>5</v>
          </cell>
          <cell r="O105">
            <v>3658</v>
          </cell>
          <cell r="P105">
            <v>11589</v>
          </cell>
          <cell r="Q105">
            <v>11589</v>
          </cell>
          <cell r="R105">
            <v>11589</v>
          </cell>
          <cell r="S105">
            <v>0</v>
          </cell>
        </row>
        <row r="106">
          <cell r="B106">
            <v>1</v>
          </cell>
          <cell r="C106" t="str">
            <v>O&amp;M</v>
          </cell>
          <cell r="D106" t="str">
            <v>Regions/RM&amp;C</v>
          </cell>
          <cell r="E106" t="str">
            <v>Revenue-Install/Remove Transformers</v>
          </cell>
          <cell r="G106" t="str">
            <v>Ciac</v>
          </cell>
          <cell r="H106" t="str">
            <v>Revenue-Install/Remove Transformers</v>
          </cell>
          <cell r="I106">
            <v>0</v>
          </cell>
          <cell r="K106">
            <v>-1580</v>
          </cell>
          <cell r="M106">
            <v>0</v>
          </cell>
          <cell r="N106">
            <v>-10829</v>
          </cell>
          <cell r="O106">
            <v>10829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</row>
        <row r="107">
          <cell r="B107">
            <v>1</v>
          </cell>
          <cell r="C107" t="str">
            <v>O&amp;M</v>
          </cell>
          <cell r="D107" t="str">
            <v>Regions/RM&amp;C</v>
          </cell>
          <cell r="E107" t="str">
            <v>Safety &amp; Training</v>
          </cell>
          <cell r="G107" t="str">
            <v>Company Labor</v>
          </cell>
          <cell r="H107" t="str">
            <v>Safety/Training/Prod Unavail</v>
          </cell>
          <cell r="I107">
            <v>0</v>
          </cell>
          <cell r="K107">
            <v>98335</v>
          </cell>
          <cell r="M107">
            <v>354070</v>
          </cell>
          <cell r="N107">
            <v>379214</v>
          </cell>
          <cell r="O107">
            <v>-25144</v>
          </cell>
          <cell r="P107">
            <v>1023480</v>
          </cell>
          <cell r="Q107">
            <v>1023480</v>
          </cell>
          <cell r="R107">
            <v>1023480</v>
          </cell>
          <cell r="S107">
            <v>0</v>
          </cell>
        </row>
        <row r="108">
          <cell r="B108">
            <v>1</v>
          </cell>
          <cell r="C108" t="str">
            <v>O&amp;M</v>
          </cell>
          <cell r="D108" t="str">
            <v>Regions/RM&amp;C</v>
          </cell>
          <cell r="E108" t="str">
            <v>Safety &amp; Training</v>
          </cell>
          <cell r="G108" t="str">
            <v>Company Labor</v>
          </cell>
          <cell r="H108" t="str">
            <v>Safety/Training/Prod Unavail</v>
          </cell>
          <cell r="I108">
            <v>0</v>
          </cell>
          <cell r="K108">
            <v>3746</v>
          </cell>
          <cell r="M108">
            <v>0</v>
          </cell>
          <cell r="N108">
            <v>18089</v>
          </cell>
          <cell r="O108">
            <v>-18089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</row>
        <row r="109">
          <cell r="B109">
            <v>1</v>
          </cell>
          <cell r="C109" t="str">
            <v>O&amp;M</v>
          </cell>
          <cell r="D109" t="str">
            <v>Regions/RM&amp;C</v>
          </cell>
          <cell r="E109" t="str">
            <v>Safety &amp; Training</v>
          </cell>
          <cell r="G109" t="str">
            <v>Contract Labor</v>
          </cell>
          <cell r="H109" t="str">
            <v>Safety/Training/Prod Unavail</v>
          </cell>
          <cell r="I109">
            <v>0</v>
          </cell>
          <cell r="K109">
            <v>432</v>
          </cell>
          <cell r="M109">
            <v>0</v>
          </cell>
          <cell r="N109">
            <v>1251</v>
          </cell>
          <cell r="O109">
            <v>-1251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</row>
        <row r="110">
          <cell r="B110">
            <v>1</v>
          </cell>
          <cell r="C110" t="str">
            <v>O&amp;M</v>
          </cell>
          <cell r="D110" t="str">
            <v>Regions/RM&amp;C</v>
          </cell>
          <cell r="E110" t="str">
            <v>Safety &amp; Training</v>
          </cell>
          <cell r="G110" t="str">
            <v>Meals/Travel</v>
          </cell>
          <cell r="H110" t="str">
            <v>Safety/Training/Prod Unavail</v>
          </cell>
          <cell r="I110">
            <v>0</v>
          </cell>
          <cell r="K110">
            <v>16218</v>
          </cell>
          <cell r="M110">
            <v>20270</v>
          </cell>
          <cell r="N110">
            <v>52804</v>
          </cell>
          <cell r="O110">
            <v>-32534</v>
          </cell>
          <cell r="P110">
            <v>60810</v>
          </cell>
          <cell r="Q110">
            <v>60810</v>
          </cell>
          <cell r="R110">
            <v>60810</v>
          </cell>
          <cell r="S110">
            <v>0</v>
          </cell>
        </row>
        <row r="111">
          <cell r="B111">
            <v>1</v>
          </cell>
          <cell r="C111" t="str">
            <v>O&amp;M</v>
          </cell>
          <cell r="D111" t="str">
            <v>Regions/RM&amp;C</v>
          </cell>
          <cell r="E111" t="str">
            <v>Safety &amp; Training</v>
          </cell>
          <cell r="G111" t="str">
            <v>Materials</v>
          </cell>
          <cell r="H111" t="str">
            <v>Safety/Training/Prod Unavail</v>
          </cell>
          <cell r="I111">
            <v>0</v>
          </cell>
          <cell r="K111">
            <v>307</v>
          </cell>
          <cell r="M111">
            <v>420</v>
          </cell>
          <cell r="N111">
            <v>828</v>
          </cell>
          <cell r="O111">
            <v>-408</v>
          </cell>
          <cell r="P111">
            <v>1436</v>
          </cell>
          <cell r="Q111">
            <v>1436</v>
          </cell>
          <cell r="R111">
            <v>1436</v>
          </cell>
          <cell r="S111">
            <v>0</v>
          </cell>
        </row>
        <row r="112">
          <cell r="B112">
            <v>1</v>
          </cell>
          <cell r="C112" t="str">
            <v>O&amp;M</v>
          </cell>
          <cell r="D112" t="str">
            <v>Regions/RM&amp;C</v>
          </cell>
          <cell r="E112" t="str">
            <v>Safety &amp; Training</v>
          </cell>
          <cell r="G112" t="str">
            <v>Other</v>
          </cell>
          <cell r="H112" t="str">
            <v>Safety/Training/Prod Unavail</v>
          </cell>
          <cell r="I112">
            <v>0</v>
          </cell>
          <cell r="K112">
            <v>29254</v>
          </cell>
          <cell r="M112">
            <v>81108</v>
          </cell>
          <cell r="N112">
            <v>60265</v>
          </cell>
          <cell r="O112">
            <v>20843</v>
          </cell>
          <cell r="P112">
            <v>243325</v>
          </cell>
          <cell r="Q112">
            <v>243325</v>
          </cell>
          <cell r="R112">
            <v>243325</v>
          </cell>
          <cell r="S112">
            <v>0</v>
          </cell>
        </row>
        <row r="113">
          <cell r="B113">
            <v>1</v>
          </cell>
          <cell r="C113" t="str">
            <v>O&amp;M</v>
          </cell>
          <cell r="D113" t="str">
            <v>Regions/RM&amp;C</v>
          </cell>
          <cell r="E113" t="str">
            <v>Service Delivery</v>
          </cell>
          <cell r="G113" t="str">
            <v>Company Labor</v>
          </cell>
          <cell r="H113" t="str">
            <v>Service Delivery</v>
          </cell>
          <cell r="I113">
            <v>0</v>
          </cell>
          <cell r="K113">
            <v>140678</v>
          </cell>
          <cell r="M113">
            <v>503200</v>
          </cell>
          <cell r="N113">
            <v>595909</v>
          </cell>
          <cell r="O113">
            <v>-92710</v>
          </cell>
          <cell r="P113">
            <v>1525757</v>
          </cell>
          <cell r="Q113">
            <v>1525757</v>
          </cell>
          <cell r="R113">
            <v>1525757</v>
          </cell>
          <cell r="S113">
            <v>0</v>
          </cell>
        </row>
        <row r="114">
          <cell r="B114">
            <v>1</v>
          </cell>
          <cell r="C114" t="str">
            <v>O&amp;M</v>
          </cell>
          <cell r="D114" t="str">
            <v>Regions/RM&amp;C</v>
          </cell>
          <cell r="E114" t="str">
            <v>Service Delivery</v>
          </cell>
          <cell r="G114" t="str">
            <v>Company Labor</v>
          </cell>
          <cell r="H114" t="str">
            <v>Service Delivery</v>
          </cell>
          <cell r="I114">
            <v>0</v>
          </cell>
          <cell r="K114">
            <v>93941</v>
          </cell>
          <cell r="M114">
            <v>345282</v>
          </cell>
          <cell r="N114">
            <v>399396</v>
          </cell>
          <cell r="O114">
            <v>-54114</v>
          </cell>
          <cell r="P114">
            <v>1047613</v>
          </cell>
          <cell r="Q114">
            <v>1047613</v>
          </cell>
          <cell r="R114">
            <v>1047613</v>
          </cell>
          <cell r="S114">
            <v>0</v>
          </cell>
        </row>
        <row r="115">
          <cell r="B115">
            <v>1</v>
          </cell>
          <cell r="C115" t="str">
            <v>O&amp;M</v>
          </cell>
          <cell r="D115" t="str">
            <v>Regions/RM&amp;C</v>
          </cell>
          <cell r="E115" t="str">
            <v>Service Delivery</v>
          </cell>
          <cell r="G115" t="str">
            <v>Company Labor</v>
          </cell>
          <cell r="H115" t="str">
            <v>Service Delivery</v>
          </cell>
          <cell r="I115">
            <v>0</v>
          </cell>
          <cell r="K115">
            <v>31491</v>
          </cell>
          <cell r="M115">
            <v>163600</v>
          </cell>
          <cell r="N115">
            <v>141459</v>
          </cell>
          <cell r="O115">
            <v>22142</v>
          </cell>
          <cell r="P115">
            <v>499789</v>
          </cell>
          <cell r="Q115">
            <v>499789</v>
          </cell>
          <cell r="R115">
            <v>499789</v>
          </cell>
          <cell r="S115">
            <v>0</v>
          </cell>
        </row>
        <row r="116">
          <cell r="B116">
            <v>1</v>
          </cell>
          <cell r="C116" t="str">
            <v>O&amp;M</v>
          </cell>
          <cell r="D116" t="str">
            <v>Regions/RM&amp;C</v>
          </cell>
          <cell r="E116" t="str">
            <v>Service Delivery</v>
          </cell>
          <cell r="G116" t="str">
            <v>Contract Labor</v>
          </cell>
          <cell r="H116" t="str">
            <v>Service Delivery</v>
          </cell>
          <cell r="I116">
            <v>0</v>
          </cell>
          <cell r="K116">
            <v>361281</v>
          </cell>
          <cell r="M116">
            <v>1582462</v>
          </cell>
          <cell r="N116">
            <v>1481939</v>
          </cell>
          <cell r="O116">
            <v>100523</v>
          </cell>
          <cell r="P116">
            <v>4834090</v>
          </cell>
          <cell r="Q116">
            <v>4834090</v>
          </cell>
          <cell r="R116">
            <v>4834090</v>
          </cell>
          <cell r="S116">
            <v>0</v>
          </cell>
        </row>
        <row r="117">
          <cell r="B117">
            <v>1</v>
          </cell>
          <cell r="C117" t="str">
            <v>O&amp;M</v>
          </cell>
          <cell r="D117" t="str">
            <v>Regions/RM&amp;C</v>
          </cell>
          <cell r="E117" t="str">
            <v>Service Delivery</v>
          </cell>
          <cell r="G117" t="str">
            <v>Fleet</v>
          </cell>
          <cell r="H117" t="str">
            <v>Service Delivery</v>
          </cell>
          <cell r="I117">
            <v>0</v>
          </cell>
          <cell r="K117">
            <v>73729</v>
          </cell>
          <cell r="M117">
            <v>286032</v>
          </cell>
          <cell r="N117">
            <v>321955</v>
          </cell>
          <cell r="O117">
            <v>-35923</v>
          </cell>
          <cell r="P117">
            <v>878312</v>
          </cell>
          <cell r="Q117">
            <v>878312</v>
          </cell>
          <cell r="R117">
            <v>878312</v>
          </cell>
          <cell r="S117">
            <v>0</v>
          </cell>
        </row>
        <row r="118">
          <cell r="B118">
            <v>1</v>
          </cell>
          <cell r="C118" t="str">
            <v>O&amp;M</v>
          </cell>
          <cell r="D118" t="str">
            <v>Regions/RM&amp;C</v>
          </cell>
          <cell r="E118" t="str">
            <v>Service Delivery</v>
          </cell>
          <cell r="G118" t="str">
            <v>Meals/Travel</v>
          </cell>
          <cell r="H118" t="str">
            <v>Service Delivery</v>
          </cell>
          <cell r="I118">
            <v>0</v>
          </cell>
          <cell r="K118">
            <v>0</v>
          </cell>
          <cell r="M118">
            <v>0</v>
          </cell>
          <cell r="N118">
            <v>20</v>
          </cell>
          <cell r="O118">
            <v>-2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</row>
        <row r="119">
          <cell r="B119">
            <v>1</v>
          </cell>
          <cell r="C119" t="str">
            <v>O&amp;M</v>
          </cell>
          <cell r="D119" t="str">
            <v>Regions/RM&amp;C</v>
          </cell>
          <cell r="E119" t="str">
            <v>TM&amp;R Credits</v>
          </cell>
          <cell r="G119" t="str">
            <v>Transformer &amp; meter credits</v>
          </cell>
          <cell r="H119" t="str">
            <v>TM&amp;R Credits</v>
          </cell>
          <cell r="I119">
            <v>0</v>
          </cell>
          <cell r="K119">
            <v>-306744</v>
          </cell>
          <cell r="M119">
            <v>-1026374</v>
          </cell>
          <cell r="N119">
            <v>-1269938</v>
          </cell>
          <cell r="O119">
            <v>243564</v>
          </cell>
          <cell r="P119">
            <v>-2650020</v>
          </cell>
          <cell r="Q119">
            <v>-2650020</v>
          </cell>
          <cell r="R119">
            <v>-2650020</v>
          </cell>
          <cell r="S119">
            <v>0</v>
          </cell>
        </row>
        <row r="120">
          <cell r="B120">
            <v>1</v>
          </cell>
          <cell r="C120" t="str">
            <v>O&amp;M</v>
          </cell>
          <cell r="D120" t="str">
            <v>Distribution</v>
          </cell>
          <cell r="E120" t="str">
            <v>Components and Process Engineering</v>
          </cell>
          <cell r="G120" t="str">
            <v>Company Labor</v>
          </cell>
          <cell r="H120" t="str">
            <v>Components and Process Engineering</v>
          </cell>
          <cell r="I120">
            <v>0</v>
          </cell>
          <cell r="K120">
            <v>73562</v>
          </cell>
          <cell r="M120">
            <v>212570</v>
          </cell>
          <cell r="N120">
            <v>268640</v>
          </cell>
          <cell r="O120">
            <v>-56070</v>
          </cell>
          <cell r="P120">
            <v>596545</v>
          </cell>
          <cell r="Q120">
            <v>596545</v>
          </cell>
          <cell r="R120">
            <v>596545</v>
          </cell>
          <cell r="S120">
            <v>0</v>
          </cell>
        </row>
        <row r="121">
          <cell r="B121">
            <v>1</v>
          </cell>
          <cell r="C121" t="str">
            <v>O&amp;M</v>
          </cell>
          <cell r="D121" t="str">
            <v>Distribution</v>
          </cell>
          <cell r="E121" t="str">
            <v>Components and Process Engineering</v>
          </cell>
          <cell r="G121" t="str">
            <v>Company Labor</v>
          </cell>
          <cell r="H121" t="str">
            <v>Components and Process Engineering</v>
          </cell>
          <cell r="I121">
            <v>0</v>
          </cell>
          <cell r="K121">
            <v>47046</v>
          </cell>
          <cell r="M121">
            <v>133282</v>
          </cell>
          <cell r="N121">
            <v>171778</v>
          </cell>
          <cell r="O121">
            <v>-38496</v>
          </cell>
          <cell r="P121">
            <v>374034</v>
          </cell>
          <cell r="Q121">
            <v>374034</v>
          </cell>
          <cell r="R121">
            <v>374034</v>
          </cell>
          <cell r="S121">
            <v>0</v>
          </cell>
        </row>
        <row r="122">
          <cell r="B122">
            <v>1</v>
          </cell>
          <cell r="C122" t="str">
            <v>O&amp;M</v>
          </cell>
          <cell r="D122" t="str">
            <v>Distribution</v>
          </cell>
          <cell r="E122" t="str">
            <v>Components and Process Engineering</v>
          </cell>
          <cell r="G122" t="str">
            <v>Company Labor</v>
          </cell>
          <cell r="H122" t="str">
            <v>Components and Process Engineering</v>
          </cell>
          <cell r="I122">
            <v>0</v>
          </cell>
          <cell r="K122">
            <v>5065</v>
          </cell>
          <cell r="M122">
            <v>0</v>
          </cell>
          <cell r="N122">
            <v>17493</v>
          </cell>
          <cell r="O122">
            <v>-17493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</row>
        <row r="123">
          <cell r="B123">
            <v>1</v>
          </cell>
          <cell r="C123" t="str">
            <v>O&amp;M</v>
          </cell>
          <cell r="D123" t="str">
            <v>Distribution</v>
          </cell>
          <cell r="E123" t="str">
            <v>Components and Process Engineering</v>
          </cell>
          <cell r="G123" t="str">
            <v>Contract Labor</v>
          </cell>
          <cell r="H123" t="str">
            <v>Components and Process Engineering</v>
          </cell>
          <cell r="I123">
            <v>0</v>
          </cell>
          <cell r="K123">
            <v>26615</v>
          </cell>
          <cell r="M123">
            <v>980260</v>
          </cell>
          <cell r="N123">
            <v>1255712</v>
          </cell>
          <cell r="O123">
            <v>-275453</v>
          </cell>
          <cell r="P123">
            <v>3044331</v>
          </cell>
          <cell r="Q123">
            <v>3044331</v>
          </cell>
          <cell r="R123">
            <v>3044331</v>
          </cell>
          <cell r="S123">
            <v>0</v>
          </cell>
        </row>
        <row r="124">
          <cell r="B124">
            <v>1</v>
          </cell>
          <cell r="C124" t="str">
            <v>O&amp;M</v>
          </cell>
          <cell r="D124" t="str">
            <v>Distribution</v>
          </cell>
          <cell r="E124" t="str">
            <v>Components and Process Engineering</v>
          </cell>
          <cell r="G124" t="str">
            <v>Fleet</v>
          </cell>
          <cell r="H124" t="str">
            <v>Components and Process Engineering</v>
          </cell>
          <cell r="I124">
            <v>0</v>
          </cell>
          <cell r="K124">
            <v>19869</v>
          </cell>
          <cell r="M124">
            <v>62192</v>
          </cell>
          <cell r="N124">
            <v>82914</v>
          </cell>
          <cell r="O124">
            <v>-20722</v>
          </cell>
          <cell r="P124">
            <v>170242</v>
          </cell>
          <cell r="Q124">
            <v>170242</v>
          </cell>
          <cell r="R124">
            <v>170242</v>
          </cell>
          <cell r="S124">
            <v>0</v>
          </cell>
        </row>
        <row r="125">
          <cell r="B125">
            <v>1</v>
          </cell>
          <cell r="C125" t="str">
            <v>O&amp;M</v>
          </cell>
          <cell r="D125" t="str">
            <v>Distribution</v>
          </cell>
          <cell r="E125" t="str">
            <v>Components and Process Engineering</v>
          </cell>
          <cell r="G125" t="str">
            <v>Meals/Travel</v>
          </cell>
          <cell r="H125" t="str">
            <v>Components and Process Engineering</v>
          </cell>
          <cell r="I125">
            <v>0</v>
          </cell>
          <cell r="K125">
            <v>3369</v>
          </cell>
          <cell r="M125">
            <v>11182</v>
          </cell>
          <cell r="N125">
            <v>5977</v>
          </cell>
          <cell r="O125">
            <v>5205</v>
          </cell>
          <cell r="P125">
            <v>30000</v>
          </cell>
          <cell r="Q125">
            <v>30000</v>
          </cell>
          <cell r="R125">
            <v>30000</v>
          </cell>
          <cell r="S125">
            <v>0</v>
          </cell>
        </row>
        <row r="126">
          <cell r="B126">
            <v>1</v>
          </cell>
          <cell r="C126" t="str">
            <v>O&amp;M</v>
          </cell>
          <cell r="D126" t="str">
            <v>Distribution</v>
          </cell>
          <cell r="E126" t="str">
            <v>Components and Process Engineering</v>
          </cell>
          <cell r="G126" t="str">
            <v>Materials</v>
          </cell>
          <cell r="H126" t="str">
            <v>Components and Process Engineering</v>
          </cell>
          <cell r="I126">
            <v>0</v>
          </cell>
          <cell r="K126">
            <v>9652</v>
          </cell>
          <cell r="M126">
            <v>48625</v>
          </cell>
          <cell r="N126">
            <v>34257</v>
          </cell>
          <cell r="O126">
            <v>14368</v>
          </cell>
          <cell r="P126">
            <v>145631</v>
          </cell>
          <cell r="Q126">
            <v>145631</v>
          </cell>
          <cell r="R126">
            <v>145631</v>
          </cell>
          <cell r="S126">
            <v>0</v>
          </cell>
        </row>
        <row r="127">
          <cell r="B127">
            <v>1</v>
          </cell>
          <cell r="C127" t="str">
            <v>O&amp;M</v>
          </cell>
          <cell r="D127" t="str">
            <v>Distribution</v>
          </cell>
          <cell r="E127" t="str">
            <v>Components and Process Engineering</v>
          </cell>
          <cell r="G127" t="str">
            <v>Ciac</v>
          </cell>
          <cell r="H127" t="str">
            <v>Components and Process Engineering</v>
          </cell>
          <cell r="I127">
            <v>0</v>
          </cell>
          <cell r="K127">
            <v>5100</v>
          </cell>
          <cell r="M127">
            <v>-30000</v>
          </cell>
          <cell r="N127">
            <v>-20453</v>
          </cell>
          <cell r="O127">
            <v>-9547</v>
          </cell>
          <cell r="P127">
            <v>-90000</v>
          </cell>
          <cell r="Q127">
            <v>-90000</v>
          </cell>
          <cell r="R127">
            <v>-90000</v>
          </cell>
          <cell r="S127">
            <v>0</v>
          </cell>
        </row>
        <row r="128">
          <cell r="B128">
            <v>1</v>
          </cell>
          <cell r="C128" t="str">
            <v>O&amp;M</v>
          </cell>
          <cell r="D128" t="str">
            <v>Distribution</v>
          </cell>
          <cell r="E128" t="str">
            <v>Components and Process Engineering</v>
          </cell>
          <cell r="G128" t="str">
            <v>Hardware/Software</v>
          </cell>
          <cell r="H128" t="str">
            <v>Components and Process Engineering</v>
          </cell>
          <cell r="I128">
            <v>0</v>
          </cell>
          <cell r="K128">
            <v>0</v>
          </cell>
          <cell r="M128">
            <v>0</v>
          </cell>
          <cell r="N128">
            <v>1</v>
          </cell>
          <cell r="O128">
            <v>-1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</row>
        <row r="129">
          <cell r="B129">
            <v>1</v>
          </cell>
          <cell r="C129" t="str">
            <v>O&amp;M</v>
          </cell>
          <cell r="D129" t="str">
            <v>Distribution</v>
          </cell>
          <cell r="E129" t="str">
            <v>Components and Process Engineering</v>
          </cell>
          <cell r="G129" t="str">
            <v>Rent/utilities</v>
          </cell>
          <cell r="H129" t="str">
            <v>Components and Process Engineering</v>
          </cell>
          <cell r="I129">
            <v>0</v>
          </cell>
          <cell r="K129">
            <v>0</v>
          </cell>
          <cell r="M129">
            <v>0</v>
          </cell>
          <cell r="N129">
            <v>782</v>
          </cell>
          <cell r="O129">
            <v>-78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</row>
        <row r="130">
          <cell r="B130">
            <v>1</v>
          </cell>
          <cell r="C130" t="str">
            <v>O&amp;M</v>
          </cell>
          <cell r="D130" t="str">
            <v>Distribution</v>
          </cell>
          <cell r="E130" t="str">
            <v>Components and Process Engineering</v>
          </cell>
          <cell r="G130" t="str">
            <v>Other</v>
          </cell>
          <cell r="H130" t="str">
            <v>Components and Process Engineering</v>
          </cell>
          <cell r="I130">
            <v>0</v>
          </cell>
          <cell r="K130">
            <v>257</v>
          </cell>
          <cell r="M130">
            <v>4917</v>
          </cell>
          <cell r="N130">
            <v>-256</v>
          </cell>
          <cell r="O130">
            <v>5173</v>
          </cell>
          <cell r="P130">
            <v>14750</v>
          </cell>
          <cell r="Q130">
            <v>14750</v>
          </cell>
          <cell r="R130">
            <v>14750</v>
          </cell>
          <cell r="S130">
            <v>0</v>
          </cell>
        </row>
        <row r="131">
          <cell r="B131">
            <v>1</v>
          </cell>
          <cell r="C131" t="str">
            <v>O&amp;M</v>
          </cell>
          <cell r="D131" t="str">
            <v>Distribution</v>
          </cell>
          <cell r="E131" t="str">
            <v>Continuous Business Excellence</v>
          </cell>
          <cell r="G131" t="str">
            <v>Company Labor</v>
          </cell>
          <cell r="H131" t="str">
            <v>Distribution Application Support</v>
          </cell>
          <cell r="I131">
            <v>0</v>
          </cell>
          <cell r="K131">
            <v>56137</v>
          </cell>
          <cell r="M131">
            <v>273063</v>
          </cell>
          <cell r="N131">
            <v>242035</v>
          </cell>
          <cell r="O131">
            <v>31028</v>
          </cell>
          <cell r="P131">
            <v>788885</v>
          </cell>
          <cell r="Q131">
            <v>788885</v>
          </cell>
          <cell r="R131">
            <v>788885</v>
          </cell>
          <cell r="S131">
            <v>0</v>
          </cell>
        </row>
        <row r="132">
          <cell r="B132">
            <v>1</v>
          </cell>
          <cell r="C132" t="str">
            <v>O&amp;M</v>
          </cell>
          <cell r="D132" t="str">
            <v>Distribution</v>
          </cell>
          <cell r="E132" t="str">
            <v>Continuous Business Excellence</v>
          </cell>
          <cell r="G132" t="str">
            <v>Company Labor</v>
          </cell>
          <cell r="H132" t="str">
            <v>Distribution Application Support</v>
          </cell>
          <cell r="I132">
            <v>0</v>
          </cell>
          <cell r="K132">
            <v>35198</v>
          </cell>
          <cell r="M132">
            <v>171521</v>
          </cell>
          <cell r="N132">
            <v>151756</v>
          </cell>
          <cell r="O132">
            <v>19765</v>
          </cell>
          <cell r="P132">
            <v>495541</v>
          </cell>
          <cell r="Q132">
            <v>495541</v>
          </cell>
          <cell r="R132">
            <v>495541</v>
          </cell>
          <cell r="S132">
            <v>0</v>
          </cell>
        </row>
        <row r="133">
          <cell r="B133">
            <v>1</v>
          </cell>
          <cell r="C133" t="str">
            <v>O&amp;M</v>
          </cell>
          <cell r="D133" t="str">
            <v>Distribution</v>
          </cell>
          <cell r="E133" t="str">
            <v>Continuous Business Excellence</v>
          </cell>
          <cell r="G133" t="str">
            <v>Company Labor</v>
          </cell>
          <cell r="H133" t="str">
            <v>Distribution Application Support</v>
          </cell>
          <cell r="I133">
            <v>0</v>
          </cell>
          <cell r="K133">
            <v>0</v>
          </cell>
          <cell r="M133">
            <v>1705</v>
          </cell>
          <cell r="N133">
            <v>0</v>
          </cell>
          <cell r="O133">
            <v>1705</v>
          </cell>
          <cell r="P133">
            <v>5000</v>
          </cell>
          <cell r="Q133">
            <v>5000</v>
          </cell>
          <cell r="R133">
            <v>5000</v>
          </cell>
          <cell r="S133">
            <v>0</v>
          </cell>
        </row>
        <row r="134">
          <cell r="B134">
            <v>1</v>
          </cell>
          <cell r="C134" t="str">
            <v>O&amp;M</v>
          </cell>
          <cell r="D134" t="str">
            <v>Distribution</v>
          </cell>
          <cell r="E134" t="str">
            <v>Continuous Business Excellence</v>
          </cell>
          <cell r="G134" t="str">
            <v>Meals/Travel</v>
          </cell>
          <cell r="H134" t="str">
            <v>Distribution Application Support</v>
          </cell>
          <cell r="I134">
            <v>0</v>
          </cell>
          <cell r="K134">
            <v>326</v>
          </cell>
          <cell r="M134">
            <v>2609</v>
          </cell>
          <cell r="N134">
            <v>691</v>
          </cell>
          <cell r="O134">
            <v>1918</v>
          </cell>
          <cell r="P134">
            <v>7000</v>
          </cell>
          <cell r="Q134">
            <v>7000</v>
          </cell>
          <cell r="R134">
            <v>7000</v>
          </cell>
          <cell r="S134">
            <v>0</v>
          </cell>
        </row>
        <row r="135">
          <cell r="B135">
            <v>1</v>
          </cell>
          <cell r="C135" t="str">
            <v>O&amp;M</v>
          </cell>
          <cell r="D135" t="str">
            <v>Distribution</v>
          </cell>
          <cell r="E135" t="str">
            <v>Continuous Business Excellence</v>
          </cell>
          <cell r="G135" t="str">
            <v>Materials</v>
          </cell>
          <cell r="H135" t="str">
            <v>Distribution Application Support</v>
          </cell>
          <cell r="I135">
            <v>0</v>
          </cell>
          <cell r="K135">
            <v>87</v>
          </cell>
          <cell r="M135">
            <v>431</v>
          </cell>
          <cell r="N135">
            <v>1586</v>
          </cell>
          <cell r="O135">
            <v>-1155</v>
          </cell>
          <cell r="P135">
            <v>1293</v>
          </cell>
          <cell r="Q135">
            <v>1293</v>
          </cell>
          <cell r="R135">
            <v>1293</v>
          </cell>
          <cell r="S135">
            <v>0</v>
          </cell>
        </row>
        <row r="136">
          <cell r="B136">
            <v>1</v>
          </cell>
          <cell r="C136" t="str">
            <v>O&amp;M</v>
          </cell>
          <cell r="D136" t="str">
            <v>Distribution</v>
          </cell>
          <cell r="E136" t="str">
            <v>Continuous Business Excellence</v>
          </cell>
          <cell r="G136" t="str">
            <v>Other</v>
          </cell>
          <cell r="H136" t="str">
            <v>Distribution Application Support</v>
          </cell>
          <cell r="I136">
            <v>0</v>
          </cell>
          <cell r="K136">
            <v>1179</v>
          </cell>
          <cell r="M136">
            <v>1667</v>
          </cell>
          <cell r="N136">
            <v>1579</v>
          </cell>
          <cell r="O136">
            <v>88</v>
          </cell>
          <cell r="P136">
            <v>5000</v>
          </cell>
          <cell r="Q136">
            <v>5000</v>
          </cell>
          <cell r="R136">
            <v>5000</v>
          </cell>
          <cell r="S136">
            <v>0</v>
          </cell>
        </row>
        <row r="137">
          <cell r="B137">
            <v>1</v>
          </cell>
          <cell r="C137" t="str">
            <v>O&amp;M</v>
          </cell>
          <cell r="D137" t="str">
            <v>Distribution</v>
          </cell>
          <cell r="E137" t="str">
            <v>Distribution Application Support</v>
          </cell>
          <cell r="G137" t="str">
            <v>Company Labor</v>
          </cell>
          <cell r="H137" t="str">
            <v>Distribution Application Support</v>
          </cell>
          <cell r="I137">
            <v>0</v>
          </cell>
          <cell r="K137">
            <v>62328</v>
          </cell>
          <cell r="M137">
            <v>305177</v>
          </cell>
          <cell r="N137">
            <v>257838</v>
          </cell>
          <cell r="O137">
            <v>47339</v>
          </cell>
          <cell r="P137">
            <v>888172</v>
          </cell>
          <cell r="Q137">
            <v>888172</v>
          </cell>
          <cell r="R137">
            <v>888172</v>
          </cell>
          <cell r="S137">
            <v>0</v>
          </cell>
        </row>
        <row r="138">
          <cell r="B138">
            <v>1</v>
          </cell>
          <cell r="C138" t="str">
            <v>O&amp;M</v>
          </cell>
          <cell r="D138" t="str">
            <v>Distribution</v>
          </cell>
          <cell r="E138" t="str">
            <v>Distribution Application Support</v>
          </cell>
          <cell r="G138" t="str">
            <v>Company Labor</v>
          </cell>
          <cell r="H138" t="str">
            <v>Distribution Application Support</v>
          </cell>
          <cell r="I138">
            <v>0</v>
          </cell>
          <cell r="K138">
            <v>39079</v>
          </cell>
          <cell r="M138">
            <v>191346</v>
          </cell>
          <cell r="N138">
            <v>161664</v>
          </cell>
          <cell r="O138">
            <v>29682</v>
          </cell>
          <cell r="P138">
            <v>556884</v>
          </cell>
          <cell r="Q138">
            <v>556884</v>
          </cell>
          <cell r="R138">
            <v>556884</v>
          </cell>
          <cell r="S138">
            <v>0</v>
          </cell>
        </row>
        <row r="139">
          <cell r="B139">
            <v>1</v>
          </cell>
          <cell r="C139" t="str">
            <v>O&amp;M</v>
          </cell>
          <cell r="D139" t="str">
            <v>Distribution</v>
          </cell>
          <cell r="E139" t="str">
            <v>Distribution Application Support</v>
          </cell>
          <cell r="G139" t="str">
            <v>Contract Labor</v>
          </cell>
          <cell r="H139" t="str">
            <v>Distribution Application Support</v>
          </cell>
          <cell r="I139">
            <v>0</v>
          </cell>
          <cell r="K139">
            <v>3690</v>
          </cell>
          <cell r="M139">
            <v>3333</v>
          </cell>
          <cell r="N139">
            <v>21143</v>
          </cell>
          <cell r="O139">
            <v>-17809</v>
          </cell>
          <cell r="P139">
            <v>10000</v>
          </cell>
          <cell r="Q139">
            <v>10000</v>
          </cell>
          <cell r="R139">
            <v>10000</v>
          </cell>
          <cell r="S139">
            <v>0</v>
          </cell>
        </row>
        <row r="140">
          <cell r="B140">
            <v>1</v>
          </cell>
          <cell r="C140" t="str">
            <v>O&amp;M</v>
          </cell>
          <cell r="D140" t="str">
            <v>Distribution</v>
          </cell>
          <cell r="E140" t="str">
            <v>Distribution Application Support</v>
          </cell>
          <cell r="G140" t="str">
            <v>Fleet</v>
          </cell>
          <cell r="H140" t="str">
            <v>Distribution Application Support</v>
          </cell>
          <cell r="I140">
            <v>0</v>
          </cell>
          <cell r="K140">
            <v>244</v>
          </cell>
          <cell r="M140">
            <v>1325</v>
          </cell>
          <cell r="N140">
            <v>722</v>
          </cell>
          <cell r="O140">
            <v>603</v>
          </cell>
          <cell r="P140">
            <v>3886</v>
          </cell>
          <cell r="Q140">
            <v>3886</v>
          </cell>
          <cell r="R140">
            <v>3886</v>
          </cell>
          <cell r="S140">
            <v>0</v>
          </cell>
        </row>
        <row r="141">
          <cell r="B141">
            <v>1</v>
          </cell>
          <cell r="C141" t="str">
            <v>O&amp;M</v>
          </cell>
          <cell r="D141" t="str">
            <v>Distribution</v>
          </cell>
          <cell r="E141" t="str">
            <v>Distribution Application Support</v>
          </cell>
          <cell r="G141" t="str">
            <v>Meals/Travel</v>
          </cell>
          <cell r="H141" t="str">
            <v>Distribution Application Support</v>
          </cell>
          <cell r="I141">
            <v>0</v>
          </cell>
          <cell r="K141">
            <v>1535</v>
          </cell>
          <cell r="M141">
            <v>3727</v>
          </cell>
          <cell r="N141">
            <v>4345</v>
          </cell>
          <cell r="O141">
            <v>-618</v>
          </cell>
          <cell r="P141">
            <v>10000</v>
          </cell>
          <cell r="Q141">
            <v>10000</v>
          </cell>
          <cell r="R141">
            <v>10000</v>
          </cell>
          <cell r="S141">
            <v>0</v>
          </cell>
        </row>
        <row r="142">
          <cell r="B142">
            <v>1</v>
          </cell>
          <cell r="C142" t="str">
            <v>O&amp;M</v>
          </cell>
          <cell r="D142" t="str">
            <v>Distribution</v>
          </cell>
          <cell r="E142" t="str">
            <v>Distribution Application Support</v>
          </cell>
          <cell r="G142" t="str">
            <v>Materials</v>
          </cell>
          <cell r="H142" t="str">
            <v>Distribution Application Support</v>
          </cell>
          <cell r="I142">
            <v>0</v>
          </cell>
          <cell r="K142">
            <v>52</v>
          </cell>
          <cell r="M142">
            <v>718</v>
          </cell>
          <cell r="N142">
            <v>174</v>
          </cell>
          <cell r="O142">
            <v>545</v>
          </cell>
          <cell r="P142">
            <v>2155</v>
          </cell>
          <cell r="Q142">
            <v>2155</v>
          </cell>
          <cell r="R142">
            <v>2155</v>
          </cell>
          <cell r="S142">
            <v>0</v>
          </cell>
        </row>
        <row r="143">
          <cell r="B143">
            <v>1</v>
          </cell>
          <cell r="C143" t="str">
            <v>O&amp;M</v>
          </cell>
          <cell r="D143" t="str">
            <v>Distribution</v>
          </cell>
          <cell r="E143" t="str">
            <v>Distribution Application Support</v>
          </cell>
          <cell r="G143" t="str">
            <v>Hardware/Software</v>
          </cell>
          <cell r="H143" t="str">
            <v>Distribution Application Support</v>
          </cell>
          <cell r="I143">
            <v>0</v>
          </cell>
          <cell r="K143">
            <v>48501</v>
          </cell>
          <cell r="M143">
            <v>639540</v>
          </cell>
          <cell r="N143">
            <v>344697</v>
          </cell>
          <cell r="O143">
            <v>294843</v>
          </cell>
          <cell r="P143">
            <v>969000</v>
          </cell>
          <cell r="Q143">
            <v>969000</v>
          </cell>
          <cell r="R143">
            <v>1169000</v>
          </cell>
          <cell r="S143">
            <v>-200000</v>
          </cell>
        </row>
        <row r="144">
          <cell r="B144">
            <v>1</v>
          </cell>
          <cell r="C144" t="str">
            <v>O&amp;M</v>
          </cell>
          <cell r="D144" t="str">
            <v>Distribution</v>
          </cell>
          <cell r="E144" t="str">
            <v>Distribution Application Support</v>
          </cell>
          <cell r="G144" t="str">
            <v>Other</v>
          </cell>
          <cell r="H144" t="str">
            <v>Distribution Application Support</v>
          </cell>
          <cell r="I144">
            <v>0</v>
          </cell>
          <cell r="K144">
            <v>212</v>
          </cell>
          <cell r="M144">
            <v>3333</v>
          </cell>
          <cell r="N144">
            <v>287</v>
          </cell>
          <cell r="O144">
            <v>3046</v>
          </cell>
          <cell r="P144">
            <v>10000</v>
          </cell>
          <cell r="Q144">
            <v>10000</v>
          </cell>
          <cell r="R144">
            <v>10000</v>
          </cell>
          <cell r="S144">
            <v>0</v>
          </cell>
        </row>
        <row r="145">
          <cell r="B145">
            <v>1</v>
          </cell>
          <cell r="C145" t="str">
            <v>O&amp;M</v>
          </cell>
          <cell r="D145" t="str">
            <v>Distribution</v>
          </cell>
          <cell r="E145" t="str">
            <v>Distribution Control Center</v>
          </cell>
          <cell r="G145" t="str">
            <v>Company Labor</v>
          </cell>
          <cell r="H145" t="str">
            <v>Distribution Control Center</v>
          </cell>
          <cell r="I145">
            <v>0</v>
          </cell>
          <cell r="K145">
            <v>207947</v>
          </cell>
          <cell r="M145">
            <v>910125</v>
          </cell>
          <cell r="N145">
            <v>885426</v>
          </cell>
          <cell r="O145">
            <v>24699</v>
          </cell>
          <cell r="P145">
            <v>2629963</v>
          </cell>
          <cell r="Q145">
            <v>2629963</v>
          </cell>
          <cell r="R145">
            <v>2629963</v>
          </cell>
          <cell r="S145">
            <v>0</v>
          </cell>
        </row>
        <row r="146">
          <cell r="B146">
            <v>1</v>
          </cell>
          <cell r="C146" t="str">
            <v>O&amp;M</v>
          </cell>
          <cell r="D146" t="str">
            <v>Distribution</v>
          </cell>
          <cell r="E146" t="str">
            <v>Distribution Control Center</v>
          </cell>
          <cell r="G146" t="str">
            <v>Company Labor</v>
          </cell>
          <cell r="H146" t="str">
            <v>Distribution Control Center</v>
          </cell>
          <cell r="I146">
            <v>0</v>
          </cell>
          <cell r="K146">
            <v>134047</v>
          </cell>
          <cell r="M146">
            <v>589142</v>
          </cell>
          <cell r="N146">
            <v>569536</v>
          </cell>
          <cell r="O146">
            <v>19606</v>
          </cell>
          <cell r="P146">
            <v>1703223</v>
          </cell>
          <cell r="Q146">
            <v>1703223</v>
          </cell>
          <cell r="R146">
            <v>1703223</v>
          </cell>
          <cell r="S146">
            <v>0</v>
          </cell>
        </row>
        <row r="147">
          <cell r="B147">
            <v>1</v>
          </cell>
          <cell r="C147" t="str">
            <v>O&amp;M</v>
          </cell>
          <cell r="D147" t="str">
            <v>Distribution</v>
          </cell>
          <cell r="E147" t="str">
            <v>Distribution Control Center</v>
          </cell>
          <cell r="G147" t="str">
            <v>Company Labor</v>
          </cell>
          <cell r="H147" t="str">
            <v>Distribution Control Center</v>
          </cell>
          <cell r="I147">
            <v>0</v>
          </cell>
          <cell r="K147">
            <v>20134</v>
          </cell>
          <cell r="M147">
            <v>101614</v>
          </cell>
          <cell r="N147">
            <v>78976</v>
          </cell>
          <cell r="O147">
            <v>22638</v>
          </cell>
          <cell r="P147">
            <v>298000</v>
          </cell>
          <cell r="Q147">
            <v>298000</v>
          </cell>
          <cell r="R147">
            <v>298000</v>
          </cell>
          <cell r="S147">
            <v>0</v>
          </cell>
        </row>
        <row r="148">
          <cell r="B148">
            <v>1</v>
          </cell>
          <cell r="C148" t="str">
            <v>O&amp;M</v>
          </cell>
          <cell r="D148" t="str">
            <v>Distribution</v>
          </cell>
          <cell r="E148" t="str">
            <v>Distribution Control Center</v>
          </cell>
          <cell r="G148" t="str">
            <v>Meals/Travel</v>
          </cell>
          <cell r="H148" t="str">
            <v>Distribution Control Center</v>
          </cell>
          <cell r="I148">
            <v>0</v>
          </cell>
          <cell r="K148">
            <v>4669</v>
          </cell>
          <cell r="M148">
            <v>9318</v>
          </cell>
          <cell r="N148">
            <v>11437</v>
          </cell>
          <cell r="O148">
            <v>-2118</v>
          </cell>
          <cell r="P148">
            <v>25000</v>
          </cell>
          <cell r="Q148">
            <v>25000</v>
          </cell>
          <cell r="R148">
            <v>25000</v>
          </cell>
          <cell r="S148">
            <v>0</v>
          </cell>
        </row>
        <row r="149">
          <cell r="B149">
            <v>1</v>
          </cell>
          <cell r="C149" t="str">
            <v>O&amp;M</v>
          </cell>
          <cell r="D149" t="str">
            <v>Distribution</v>
          </cell>
          <cell r="E149" t="str">
            <v>Distribution Control Center</v>
          </cell>
          <cell r="G149" t="str">
            <v>Materials</v>
          </cell>
          <cell r="H149" t="str">
            <v>Distribution Control Center</v>
          </cell>
          <cell r="I149">
            <v>0</v>
          </cell>
          <cell r="K149">
            <v>98</v>
          </cell>
          <cell r="M149">
            <v>1078</v>
          </cell>
          <cell r="N149">
            <v>1448</v>
          </cell>
          <cell r="O149">
            <v>-371</v>
          </cell>
          <cell r="P149">
            <v>3233</v>
          </cell>
          <cell r="Q149">
            <v>3233</v>
          </cell>
          <cell r="R149">
            <v>3233</v>
          </cell>
          <cell r="S149">
            <v>0</v>
          </cell>
        </row>
        <row r="150">
          <cell r="B150">
            <v>1</v>
          </cell>
          <cell r="C150" t="str">
            <v>O&amp;M</v>
          </cell>
          <cell r="D150" t="str">
            <v>Distribution</v>
          </cell>
          <cell r="E150" t="str">
            <v>Distribution Control Center</v>
          </cell>
          <cell r="G150" t="str">
            <v>Ciac</v>
          </cell>
          <cell r="H150" t="str">
            <v>Distribution Control Center</v>
          </cell>
          <cell r="I150">
            <v>0</v>
          </cell>
          <cell r="K150">
            <v>0</v>
          </cell>
          <cell r="M150">
            <v>0</v>
          </cell>
          <cell r="N150">
            <v>-127</v>
          </cell>
          <cell r="O150">
            <v>127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</row>
        <row r="151">
          <cell r="B151">
            <v>1</v>
          </cell>
          <cell r="C151" t="str">
            <v>O&amp;M</v>
          </cell>
          <cell r="D151" t="str">
            <v>Distribution</v>
          </cell>
          <cell r="E151" t="str">
            <v>Distribution Control Center</v>
          </cell>
          <cell r="G151" t="str">
            <v>Rent/utilities</v>
          </cell>
          <cell r="H151" t="str">
            <v>Distribution Control Center</v>
          </cell>
          <cell r="I151">
            <v>0</v>
          </cell>
          <cell r="K151">
            <v>104</v>
          </cell>
          <cell r="M151">
            <v>0</v>
          </cell>
          <cell r="N151">
            <v>311</v>
          </cell>
          <cell r="O151">
            <v>-311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</row>
        <row r="152">
          <cell r="B152">
            <v>1</v>
          </cell>
          <cell r="C152" t="str">
            <v>O&amp;M</v>
          </cell>
          <cell r="D152" t="str">
            <v>Distribution</v>
          </cell>
          <cell r="E152" t="str">
            <v>Distribution Control Center</v>
          </cell>
          <cell r="G152" t="str">
            <v>Other</v>
          </cell>
          <cell r="H152" t="str">
            <v>Distribution Control Center</v>
          </cell>
          <cell r="I152">
            <v>0</v>
          </cell>
          <cell r="K152">
            <v>928</v>
          </cell>
          <cell r="M152">
            <v>3333</v>
          </cell>
          <cell r="N152">
            <v>-1537</v>
          </cell>
          <cell r="O152">
            <v>4870</v>
          </cell>
          <cell r="P152">
            <v>10000</v>
          </cell>
          <cell r="Q152">
            <v>10000</v>
          </cell>
          <cell r="R152">
            <v>10000</v>
          </cell>
          <cell r="S152">
            <v>0</v>
          </cell>
        </row>
        <row r="153">
          <cell r="B153">
            <v>1</v>
          </cell>
          <cell r="C153" t="str">
            <v>O&amp;M</v>
          </cell>
          <cell r="D153" t="str">
            <v>Distribution</v>
          </cell>
          <cell r="E153" t="str">
            <v>Distribution Projects</v>
          </cell>
          <cell r="G153" t="str">
            <v>Company Labor</v>
          </cell>
          <cell r="H153" t="str">
            <v>Distribution Application Support</v>
          </cell>
          <cell r="I153">
            <v>0</v>
          </cell>
          <cell r="K153">
            <v>18268</v>
          </cell>
          <cell r="M153">
            <v>95193</v>
          </cell>
          <cell r="N153">
            <v>75106</v>
          </cell>
          <cell r="O153">
            <v>20087</v>
          </cell>
          <cell r="P153">
            <v>268849</v>
          </cell>
          <cell r="Q153">
            <v>268849</v>
          </cell>
          <cell r="R153">
            <v>268849</v>
          </cell>
          <cell r="S153">
            <v>0</v>
          </cell>
        </row>
        <row r="154">
          <cell r="B154">
            <v>1</v>
          </cell>
          <cell r="C154" t="str">
            <v>O&amp;M</v>
          </cell>
          <cell r="D154" t="str">
            <v>Distribution</v>
          </cell>
          <cell r="E154" t="str">
            <v>Distribution Projects</v>
          </cell>
          <cell r="G154" t="str">
            <v>Company Labor</v>
          </cell>
          <cell r="H154" t="str">
            <v>Distribution Application Support</v>
          </cell>
          <cell r="I154">
            <v>0</v>
          </cell>
          <cell r="K154">
            <v>11458</v>
          </cell>
          <cell r="M154">
            <v>59686</v>
          </cell>
          <cell r="N154">
            <v>47192</v>
          </cell>
          <cell r="O154">
            <v>12494</v>
          </cell>
          <cell r="P154">
            <v>168569</v>
          </cell>
          <cell r="Q154">
            <v>168569</v>
          </cell>
          <cell r="R154">
            <v>168569</v>
          </cell>
          <cell r="S154">
            <v>0</v>
          </cell>
        </row>
        <row r="155">
          <cell r="B155">
            <v>1</v>
          </cell>
          <cell r="C155" t="str">
            <v>O&amp;M</v>
          </cell>
          <cell r="D155" t="str">
            <v>Distribution</v>
          </cell>
          <cell r="E155" t="str">
            <v>Distribution Projects</v>
          </cell>
          <cell r="G155" t="str">
            <v>Company Labor</v>
          </cell>
          <cell r="H155" t="str">
            <v>Distribution Application Support</v>
          </cell>
          <cell r="I155">
            <v>0</v>
          </cell>
          <cell r="K155">
            <v>21</v>
          </cell>
          <cell r="M155">
            <v>0</v>
          </cell>
          <cell r="N155">
            <v>482</v>
          </cell>
          <cell r="O155">
            <v>-48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</row>
        <row r="156">
          <cell r="B156">
            <v>1</v>
          </cell>
          <cell r="C156" t="str">
            <v>O&amp;M</v>
          </cell>
          <cell r="D156" t="str">
            <v>Distribution</v>
          </cell>
          <cell r="E156" t="str">
            <v>Distribution Projects</v>
          </cell>
          <cell r="G156" t="str">
            <v>Contract Labor</v>
          </cell>
          <cell r="H156" t="str">
            <v>Distribution Application Support</v>
          </cell>
          <cell r="I156">
            <v>0</v>
          </cell>
          <cell r="K156">
            <v>3337</v>
          </cell>
          <cell r="M156">
            <v>36333</v>
          </cell>
          <cell r="N156">
            <v>5281</v>
          </cell>
          <cell r="O156">
            <v>31053</v>
          </cell>
          <cell r="P156">
            <v>109000</v>
          </cell>
          <cell r="Q156">
            <v>109000</v>
          </cell>
          <cell r="R156">
            <v>109000</v>
          </cell>
          <cell r="S156">
            <v>0</v>
          </cell>
        </row>
        <row r="157">
          <cell r="B157">
            <v>1</v>
          </cell>
          <cell r="C157" t="str">
            <v>O&amp;M</v>
          </cell>
          <cell r="D157" t="str">
            <v>Distribution</v>
          </cell>
          <cell r="E157" t="str">
            <v>Distribution Projects</v>
          </cell>
          <cell r="G157" t="str">
            <v>Fleet</v>
          </cell>
          <cell r="H157" t="str">
            <v>Distribution Application Support</v>
          </cell>
          <cell r="I157">
            <v>0</v>
          </cell>
          <cell r="K157">
            <v>111</v>
          </cell>
          <cell r="M157">
            <v>0</v>
          </cell>
          <cell r="N157">
            <v>3627</v>
          </cell>
          <cell r="O157">
            <v>-3627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</row>
        <row r="158">
          <cell r="B158">
            <v>1</v>
          </cell>
          <cell r="C158" t="str">
            <v>O&amp;M</v>
          </cell>
          <cell r="D158" t="str">
            <v>Distribution</v>
          </cell>
          <cell r="E158" t="str">
            <v>Distribution Projects</v>
          </cell>
          <cell r="G158" t="str">
            <v>Meals/Travel</v>
          </cell>
          <cell r="H158" t="str">
            <v>Distribution Application Support</v>
          </cell>
          <cell r="I158">
            <v>0</v>
          </cell>
          <cell r="K158">
            <v>1132</v>
          </cell>
          <cell r="M158">
            <v>4846</v>
          </cell>
          <cell r="N158">
            <v>2801</v>
          </cell>
          <cell r="O158">
            <v>2045</v>
          </cell>
          <cell r="P158">
            <v>13000</v>
          </cell>
          <cell r="Q158">
            <v>13000</v>
          </cell>
          <cell r="R158">
            <v>13000</v>
          </cell>
          <cell r="S158">
            <v>0</v>
          </cell>
        </row>
        <row r="159">
          <cell r="B159">
            <v>1</v>
          </cell>
          <cell r="C159" t="str">
            <v>O&amp;M</v>
          </cell>
          <cell r="D159" t="str">
            <v>Distribution</v>
          </cell>
          <cell r="E159" t="str">
            <v>Distribution Projects</v>
          </cell>
          <cell r="G159" t="str">
            <v>Materials</v>
          </cell>
          <cell r="H159" t="str">
            <v>Distribution Application Support</v>
          </cell>
          <cell r="I159">
            <v>0</v>
          </cell>
          <cell r="K159">
            <v>620</v>
          </cell>
          <cell r="M159">
            <v>8840</v>
          </cell>
          <cell r="N159">
            <v>4862</v>
          </cell>
          <cell r="O159">
            <v>3977</v>
          </cell>
          <cell r="P159">
            <v>26519</v>
          </cell>
          <cell r="Q159">
            <v>26519</v>
          </cell>
          <cell r="R159">
            <v>24519</v>
          </cell>
          <cell r="S159">
            <v>2000</v>
          </cell>
        </row>
        <row r="160">
          <cell r="B160">
            <v>1</v>
          </cell>
          <cell r="C160" t="str">
            <v>O&amp;M</v>
          </cell>
          <cell r="D160" t="str">
            <v>Distribution</v>
          </cell>
          <cell r="E160" t="str">
            <v>Distribution Projects</v>
          </cell>
          <cell r="G160" t="str">
            <v>Ciac</v>
          </cell>
          <cell r="H160" t="str">
            <v>Distribution Application Support</v>
          </cell>
          <cell r="I160">
            <v>0</v>
          </cell>
          <cell r="K160">
            <v>13681</v>
          </cell>
          <cell r="M160">
            <v>-34667</v>
          </cell>
          <cell r="N160">
            <v>2940</v>
          </cell>
          <cell r="O160">
            <v>-37606</v>
          </cell>
          <cell r="P160">
            <v>-104000</v>
          </cell>
          <cell r="Q160">
            <v>-104000</v>
          </cell>
          <cell r="R160">
            <v>-104000</v>
          </cell>
          <cell r="S160">
            <v>0</v>
          </cell>
        </row>
        <row r="161">
          <cell r="B161">
            <v>1</v>
          </cell>
          <cell r="C161" t="str">
            <v>O&amp;M</v>
          </cell>
          <cell r="D161" t="str">
            <v>Distribution</v>
          </cell>
          <cell r="E161" t="str">
            <v>Distribution Projects</v>
          </cell>
          <cell r="G161" t="str">
            <v>Other</v>
          </cell>
          <cell r="H161" t="str">
            <v>Distribution Application Support</v>
          </cell>
          <cell r="I161">
            <v>0</v>
          </cell>
          <cell r="K161">
            <v>152</v>
          </cell>
          <cell r="M161">
            <v>1667</v>
          </cell>
          <cell r="N161">
            <v>297</v>
          </cell>
          <cell r="O161">
            <v>1369</v>
          </cell>
          <cell r="P161">
            <v>5000</v>
          </cell>
          <cell r="Q161">
            <v>5000</v>
          </cell>
          <cell r="R161">
            <v>5000</v>
          </cell>
          <cell r="S161">
            <v>0</v>
          </cell>
        </row>
        <row r="162">
          <cell r="B162">
            <v>1</v>
          </cell>
          <cell r="C162" t="str">
            <v>O&amp;M</v>
          </cell>
          <cell r="D162" t="str">
            <v>Distribution</v>
          </cell>
          <cell r="E162" t="str">
            <v>Distribution Standards</v>
          </cell>
          <cell r="G162" t="str">
            <v>Company Labor</v>
          </cell>
          <cell r="H162" t="str">
            <v>Engineering Support</v>
          </cell>
          <cell r="I162">
            <v>0</v>
          </cell>
          <cell r="K162">
            <v>33229</v>
          </cell>
          <cell r="M162">
            <v>162283</v>
          </cell>
          <cell r="N162">
            <v>130833</v>
          </cell>
          <cell r="O162">
            <v>31450</v>
          </cell>
          <cell r="P162">
            <v>469007</v>
          </cell>
          <cell r="Q162">
            <v>469007</v>
          </cell>
          <cell r="R162">
            <v>469007</v>
          </cell>
          <cell r="S162">
            <v>0</v>
          </cell>
        </row>
        <row r="163">
          <cell r="B163">
            <v>1</v>
          </cell>
          <cell r="C163" t="str">
            <v>O&amp;M</v>
          </cell>
          <cell r="D163" t="str">
            <v>Distribution</v>
          </cell>
          <cell r="E163" t="str">
            <v>Distribution Standards</v>
          </cell>
          <cell r="G163" t="str">
            <v>Company Labor</v>
          </cell>
          <cell r="H163" t="str">
            <v>Engineering Support</v>
          </cell>
          <cell r="I163">
            <v>0</v>
          </cell>
          <cell r="K163">
            <v>21034</v>
          </cell>
          <cell r="M163">
            <v>102343</v>
          </cell>
          <cell r="N163">
            <v>82944</v>
          </cell>
          <cell r="O163">
            <v>19399</v>
          </cell>
          <cell r="P163">
            <v>295781</v>
          </cell>
          <cell r="Q163">
            <v>295781</v>
          </cell>
          <cell r="R163">
            <v>295781</v>
          </cell>
          <cell r="S163">
            <v>0</v>
          </cell>
        </row>
        <row r="164">
          <cell r="B164">
            <v>1</v>
          </cell>
          <cell r="C164" t="str">
            <v>O&amp;M</v>
          </cell>
          <cell r="D164" t="str">
            <v>Distribution</v>
          </cell>
          <cell r="E164" t="str">
            <v>Distribution Standards</v>
          </cell>
          <cell r="G164" t="str">
            <v>Company Labor</v>
          </cell>
          <cell r="H164" t="str">
            <v>Engineering Support</v>
          </cell>
          <cell r="I164">
            <v>0</v>
          </cell>
          <cell r="K164">
            <v>997</v>
          </cell>
          <cell r="M164">
            <v>3005</v>
          </cell>
          <cell r="N164">
            <v>4647</v>
          </cell>
          <cell r="O164">
            <v>-1642</v>
          </cell>
          <cell r="P164">
            <v>8681</v>
          </cell>
          <cell r="Q164">
            <v>8681</v>
          </cell>
          <cell r="R164">
            <v>8681</v>
          </cell>
          <cell r="S164">
            <v>0</v>
          </cell>
        </row>
        <row r="165">
          <cell r="B165">
            <v>1</v>
          </cell>
          <cell r="C165" t="str">
            <v>O&amp;M</v>
          </cell>
          <cell r="D165" t="str">
            <v>Distribution</v>
          </cell>
          <cell r="E165" t="str">
            <v>Distribution Standards</v>
          </cell>
          <cell r="G165" t="str">
            <v>Contract Labor</v>
          </cell>
          <cell r="H165" t="str">
            <v>Engineering Support</v>
          </cell>
          <cell r="I165">
            <v>0</v>
          </cell>
          <cell r="K165">
            <v>204</v>
          </cell>
          <cell r="M165">
            <v>1400</v>
          </cell>
          <cell r="N165">
            <v>979</v>
          </cell>
          <cell r="O165">
            <v>421</v>
          </cell>
          <cell r="P165">
            <v>4200</v>
          </cell>
          <cell r="Q165">
            <v>4200</v>
          </cell>
          <cell r="R165">
            <v>4200</v>
          </cell>
          <cell r="S165">
            <v>0</v>
          </cell>
        </row>
        <row r="166">
          <cell r="B166">
            <v>1</v>
          </cell>
          <cell r="C166" t="str">
            <v>O&amp;M</v>
          </cell>
          <cell r="D166" t="str">
            <v>Distribution</v>
          </cell>
          <cell r="E166" t="str">
            <v>Distribution Standards</v>
          </cell>
          <cell r="G166" t="str">
            <v>Fleet</v>
          </cell>
          <cell r="H166" t="str">
            <v>Engineering Support</v>
          </cell>
          <cell r="I166">
            <v>0</v>
          </cell>
          <cell r="K166">
            <v>1107</v>
          </cell>
          <cell r="M166">
            <v>3821</v>
          </cell>
          <cell r="N166">
            <v>4027</v>
          </cell>
          <cell r="O166">
            <v>-206</v>
          </cell>
          <cell r="P166">
            <v>11205</v>
          </cell>
          <cell r="Q166">
            <v>11205</v>
          </cell>
          <cell r="R166">
            <v>11205</v>
          </cell>
          <cell r="S166">
            <v>0</v>
          </cell>
        </row>
        <row r="167">
          <cell r="B167">
            <v>1</v>
          </cell>
          <cell r="C167" t="str">
            <v>O&amp;M</v>
          </cell>
          <cell r="D167" t="str">
            <v>Distribution</v>
          </cell>
          <cell r="E167" t="str">
            <v>Distribution Standards</v>
          </cell>
          <cell r="G167" t="str">
            <v>Meals/Travel</v>
          </cell>
          <cell r="H167" t="str">
            <v>Engineering Support</v>
          </cell>
          <cell r="I167">
            <v>0</v>
          </cell>
          <cell r="K167">
            <v>575</v>
          </cell>
          <cell r="M167">
            <v>10847</v>
          </cell>
          <cell r="N167">
            <v>2573</v>
          </cell>
          <cell r="O167">
            <v>8274</v>
          </cell>
          <cell r="P167">
            <v>29100</v>
          </cell>
          <cell r="Q167">
            <v>29100</v>
          </cell>
          <cell r="R167">
            <v>29100</v>
          </cell>
          <cell r="S167">
            <v>0</v>
          </cell>
        </row>
        <row r="168">
          <cell r="B168">
            <v>1</v>
          </cell>
          <cell r="C168" t="str">
            <v>O&amp;M</v>
          </cell>
          <cell r="D168" t="str">
            <v>Distribution</v>
          </cell>
          <cell r="E168" t="str">
            <v>Distribution Standards</v>
          </cell>
          <cell r="G168" t="str">
            <v>Materials</v>
          </cell>
          <cell r="H168" t="str">
            <v>Engineering Support</v>
          </cell>
          <cell r="I168">
            <v>0</v>
          </cell>
          <cell r="K168">
            <v>11970</v>
          </cell>
          <cell r="M168">
            <v>45848</v>
          </cell>
          <cell r="N168">
            <v>45708</v>
          </cell>
          <cell r="O168">
            <v>140</v>
          </cell>
          <cell r="P168">
            <v>187747</v>
          </cell>
          <cell r="Q168">
            <v>187747</v>
          </cell>
          <cell r="R168">
            <v>187747</v>
          </cell>
          <cell r="S168">
            <v>0</v>
          </cell>
        </row>
        <row r="169">
          <cell r="B169">
            <v>1</v>
          </cell>
          <cell r="C169" t="str">
            <v>O&amp;M</v>
          </cell>
          <cell r="D169" t="str">
            <v>Distribution</v>
          </cell>
          <cell r="E169" t="str">
            <v>Distribution Standards</v>
          </cell>
          <cell r="G169" t="str">
            <v>Hardware/Software</v>
          </cell>
          <cell r="H169" t="str">
            <v>Engineering Support</v>
          </cell>
          <cell r="I169">
            <v>0</v>
          </cell>
          <cell r="K169">
            <v>418</v>
          </cell>
          <cell r="M169">
            <v>8393</v>
          </cell>
          <cell r="N169">
            <v>6525</v>
          </cell>
          <cell r="O169">
            <v>1867</v>
          </cell>
          <cell r="P169">
            <v>33200</v>
          </cell>
          <cell r="Q169">
            <v>33200</v>
          </cell>
          <cell r="R169">
            <v>33200</v>
          </cell>
          <cell r="S169">
            <v>0</v>
          </cell>
        </row>
        <row r="170">
          <cell r="B170">
            <v>1</v>
          </cell>
          <cell r="C170" t="str">
            <v>O&amp;M</v>
          </cell>
          <cell r="D170" t="str">
            <v>Distribution</v>
          </cell>
          <cell r="E170" t="str">
            <v>Distribution Standards</v>
          </cell>
          <cell r="G170" t="str">
            <v>Other</v>
          </cell>
          <cell r="H170" t="str">
            <v>Engineering Support</v>
          </cell>
          <cell r="I170">
            <v>0</v>
          </cell>
          <cell r="K170">
            <v>139</v>
          </cell>
          <cell r="M170">
            <v>3933</v>
          </cell>
          <cell r="N170">
            <v>1682</v>
          </cell>
          <cell r="O170">
            <v>2251</v>
          </cell>
          <cell r="P170">
            <v>11800</v>
          </cell>
          <cell r="Q170">
            <v>11800</v>
          </cell>
          <cell r="R170">
            <v>11800</v>
          </cell>
          <cell r="S170">
            <v>0</v>
          </cell>
        </row>
        <row r="171">
          <cell r="B171">
            <v>1</v>
          </cell>
          <cell r="C171" t="str">
            <v>O&amp;M</v>
          </cell>
          <cell r="D171" t="str">
            <v>Distribution</v>
          </cell>
          <cell r="E171" t="str">
            <v>Energy Information</v>
          </cell>
          <cell r="G171" t="str">
            <v>Company Labor</v>
          </cell>
          <cell r="H171" t="str">
            <v>Energy Information</v>
          </cell>
          <cell r="I171">
            <v>0</v>
          </cell>
          <cell r="K171">
            <v>188162</v>
          </cell>
          <cell r="M171">
            <v>1092838</v>
          </cell>
          <cell r="N171">
            <v>903685</v>
          </cell>
          <cell r="O171">
            <v>189153</v>
          </cell>
          <cell r="P171">
            <v>3154769</v>
          </cell>
          <cell r="Q171">
            <v>3154769</v>
          </cell>
          <cell r="R171">
            <v>3154769</v>
          </cell>
          <cell r="S171">
            <v>0</v>
          </cell>
        </row>
        <row r="172">
          <cell r="B172">
            <v>1</v>
          </cell>
          <cell r="C172" t="str">
            <v>O&amp;M</v>
          </cell>
          <cell r="D172" t="str">
            <v>Distribution</v>
          </cell>
          <cell r="E172" t="str">
            <v>Energy Information</v>
          </cell>
          <cell r="G172" t="str">
            <v>Company Labor</v>
          </cell>
          <cell r="H172" t="str">
            <v>Energy Information</v>
          </cell>
          <cell r="I172">
            <v>0</v>
          </cell>
          <cell r="K172">
            <v>118769</v>
          </cell>
          <cell r="M172">
            <v>689644</v>
          </cell>
          <cell r="N172">
            <v>572194</v>
          </cell>
          <cell r="O172">
            <v>117450</v>
          </cell>
          <cell r="P172">
            <v>1991044</v>
          </cell>
          <cell r="Q172">
            <v>1991044</v>
          </cell>
          <cell r="R172">
            <v>1991044</v>
          </cell>
          <cell r="S172">
            <v>0</v>
          </cell>
        </row>
        <row r="173">
          <cell r="B173">
            <v>1</v>
          </cell>
          <cell r="C173" t="str">
            <v>O&amp;M</v>
          </cell>
          <cell r="D173" t="str">
            <v>Distribution</v>
          </cell>
          <cell r="E173" t="str">
            <v>Energy Information</v>
          </cell>
          <cell r="G173" t="str">
            <v>Company Labor</v>
          </cell>
          <cell r="H173" t="str">
            <v>Energy Information</v>
          </cell>
          <cell r="I173">
            <v>0</v>
          </cell>
          <cell r="K173">
            <v>4348</v>
          </cell>
          <cell r="M173">
            <v>24363</v>
          </cell>
          <cell r="N173">
            <v>30677</v>
          </cell>
          <cell r="O173">
            <v>-6313</v>
          </cell>
          <cell r="P173">
            <v>71450</v>
          </cell>
          <cell r="Q173">
            <v>71450</v>
          </cell>
          <cell r="R173">
            <v>71450</v>
          </cell>
          <cell r="S173">
            <v>0</v>
          </cell>
        </row>
        <row r="174">
          <cell r="B174">
            <v>1</v>
          </cell>
          <cell r="C174" t="str">
            <v>O&amp;M</v>
          </cell>
          <cell r="D174" t="str">
            <v>Distribution</v>
          </cell>
          <cell r="E174" t="str">
            <v>Energy Information</v>
          </cell>
          <cell r="G174" t="str">
            <v>Contract Labor</v>
          </cell>
          <cell r="H174" t="str">
            <v>Energy Information</v>
          </cell>
          <cell r="I174">
            <v>0</v>
          </cell>
          <cell r="K174">
            <v>3540</v>
          </cell>
          <cell r="M174">
            <v>11651</v>
          </cell>
          <cell r="N174">
            <v>19495</v>
          </cell>
          <cell r="O174">
            <v>-7844</v>
          </cell>
          <cell r="P174">
            <v>34952</v>
          </cell>
          <cell r="Q174">
            <v>34952</v>
          </cell>
          <cell r="R174">
            <v>34952</v>
          </cell>
          <cell r="S174">
            <v>0</v>
          </cell>
        </row>
        <row r="175">
          <cell r="B175">
            <v>1</v>
          </cell>
          <cell r="C175" t="str">
            <v>O&amp;M</v>
          </cell>
          <cell r="D175" t="str">
            <v>Distribution</v>
          </cell>
          <cell r="E175" t="str">
            <v>Energy Information</v>
          </cell>
          <cell r="G175" t="str">
            <v>Fleet</v>
          </cell>
          <cell r="H175" t="str">
            <v>Energy Information</v>
          </cell>
          <cell r="I175">
            <v>0</v>
          </cell>
          <cell r="K175">
            <v>31740</v>
          </cell>
          <cell r="M175">
            <v>164357</v>
          </cell>
          <cell r="N175">
            <v>164507</v>
          </cell>
          <cell r="O175">
            <v>-150</v>
          </cell>
          <cell r="P175">
            <v>482006</v>
          </cell>
          <cell r="Q175">
            <v>482006</v>
          </cell>
          <cell r="R175">
            <v>482006</v>
          </cell>
          <cell r="S175">
            <v>0</v>
          </cell>
        </row>
        <row r="176">
          <cell r="B176">
            <v>1</v>
          </cell>
          <cell r="C176" t="str">
            <v>O&amp;M</v>
          </cell>
          <cell r="D176" t="str">
            <v>Distribution</v>
          </cell>
          <cell r="E176" t="str">
            <v>Energy Information</v>
          </cell>
          <cell r="G176" t="str">
            <v>Meals/Travel</v>
          </cell>
          <cell r="H176" t="str">
            <v>Energy Information</v>
          </cell>
          <cell r="I176">
            <v>0</v>
          </cell>
          <cell r="K176">
            <v>2992</v>
          </cell>
          <cell r="M176">
            <v>21693</v>
          </cell>
          <cell r="N176">
            <v>22683</v>
          </cell>
          <cell r="O176">
            <v>-989</v>
          </cell>
          <cell r="P176">
            <v>58200</v>
          </cell>
          <cell r="Q176">
            <v>58200</v>
          </cell>
          <cell r="R176">
            <v>58200</v>
          </cell>
          <cell r="S176">
            <v>0</v>
          </cell>
        </row>
        <row r="177">
          <cell r="B177">
            <v>1</v>
          </cell>
          <cell r="C177" t="str">
            <v>O&amp;M</v>
          </cell>
          <cell r="D177" t="str">
            <v>Distribution</v>
          </cell>
          <cell r="E177" t="str">
            <v>Energy Information</v>
          </cell>
          <cell r="G177" t="str">
            <v>Materials</v>
          </cell>
          <cell r="H177" t="str">
            <v>Energy Information</v>
          </cell>
          <cell r="I177">
            <v>0</v>
          </cell>
          <cell r="K177">
            <v>13278</v>
          </cell>
          <cell r="M177">
            <v>28333</v>
          </cell>
          <cell r="N177">
            <v>44142</v>
          </cell>
          <cell r="O177">
            <v>-15808</v>
          </cell>
          <cell r="P177">
            <v>85000</v>
          </cell>
          <cell r="Q177">
            <v>85000</v>
          </cell>
          <cell r="R177">
            <v>85000</v>
          </cell>
          <cell r="S177">
            <v>0</v>
          </cell>
        </row>
        <row r="178">
          <cell r="B178">
            <v>1</v>
          </cell>
          <cell r="C178" t="str">
            <v>O&amp;M</v>
          </cell>
          <cell r="D178" t="str">
            <v>Distribution</v>
          </cell>
          <cell r="E178" t="str">
            <v>Energy Information</v>
          </cell>
          <cell r="G178" t="str">
            <v>Hardware/Software</v>
          </cell>
          <cell r="H178" t="str">
            <v>Energy Information</v>
          </cell>
          <cell r="I178">
            <v>0</v>
          </cell>
          <cell r="K178">
            <v>0</v>
          </cell>
          <cell r="M178">
            <v>0</v>
          </cell>
          <cell r="N178">
            <v>22</v>
          </cell>
          <cell r="O178">
            <v>-22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</row>
        <row r="179">
          <cell r="B179">
            <v>1</v>
          </cell>
          <cell r="C179" t="str">
            <v>O&amp;M</v>
          </cell>
          <cell r="D179" t="str">
            <v>Distribution</v>
          </cell>
          <cell r="E179" t="str">
            <v>Energy Information</v>
          </cell>
          <cell r="G179" t="str">
            <v>Other</v>
          </cell>
          <cell r="H179" t="str">
            <v>Energy Information</v>
          </cell>
          <cell r="I179">
            <v>0</v>
          </cell>
          <cell r="K179">
            <v>317</v>
          </cell>
          <cell r="M179">
            <v>3333</v>
          </cell>
          <cell r="N179">
            <v>2294</v>
          </cell>
          <cell r="O179">
            <v>1040</v>
          </cell>
          <cell r="P179">
            <v>10000</v>
          </cell>
          <cell r="Q179">
            <v>10000</v>
          </cell>
          <cell r="R179">
            <v>10000</v>
          </cell>
          <cell r="S179">
            <v>0</v>
          </cell>
        </row>
        <row r="180">
          <cell r="B180">
            <v>1</v>
          </cell>
          <cell r="C180" t="str">
            <v>O&amp;M</v>
          </cell>
          <cell r="D180" t="str">
            <v>Distribution</v>
          </cell>
          <cell r="E180" t="str">
            <v>Energy Information</v>
          </cell>
          <cell r="G180" t="str">
            <v>Transformer &amp; meter credits</v>
          </cell>
          <cell r="H180" t="str">
            <v>Energy Information</v>
          </cell>
          <cell r="I180">
            <v>0</v>
          </cell>
          <cell r="K180">
            <v>-195906</v>
          </cell>
          <cell r="M180">
            <v>-698630</v>
          </cell>
          <cell r="N180">
            <v>-485052</v>
          </cell>
          <cell r="O180">
            <v>-213578</v>
          </cell>
          <cell r="P180">
            <v>-1848384</v>
          </cell>
          <cell r="Q180">
            <v>-1848384</v>
          </cell>
          <cell r="R180">
            <v>-1848384</v>
          </cell>
          <cell r="S180">
            <v>0</v>
          </cell>
        </row>
        <row r="181">
          <cell r="B181">
            <v>1</v>
          </cell>
          <cell r="C181" t="str">
            <v>O&amp;M</v>
          </cell>
          <cell r="D181" t="str">
            <v>Distribution</v>
          </cell>
          <cell r="E181" t="str">
            <v>Joint Use</v>
          </cell>
          <cell r="G181" t="str">
            <v>Company Labor</v>
          </cell>
          <cell r="H181" t="str">
            <v>Joint Use/Locates</v>
          </cell>
          <cell r="I181">
            <v>0</v>
          </cell>
          <cell r="K181">
            <v>713</v>
          </cell>
          <cell r="M181">
            <v>0</v>
          </cell>
          <cell r="N181">
            <v>3384</v>
          </cell>
          <cell r="O181">
            <v>-3384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</row>
        <row r="182">
          <cell r="B182">
            <v>1</v>
          </cell>
          <cell r="C182" t="str">
            <v>O&amp;M</v>
          </cell>
          <cell r="D182" t="str">
            <v>Distribution</v>
          </cell>
          <cell r="E182" t="str">
            <v>Joint Use</v>
          </cell>
          <cell r="G182" t="str">
            <v>Company Labor</v>
          </cell>
          <cell r="H182" t="str">
            <v>Joint Use/Locates</v>
          </cell>
          <cell r="I182">
            <v>0</v>
          </cell>
          <cell r="K182">
            <v>455</v>
          </cell>
          <cell r="M182">
            <v>0</v>
          </cell>
          <cell r="N182">
            <v>2136</v>
          </cell>
          <cell r="O182">
            <v>-2136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</row>
        <row r="183">
          <cell r="B183">
            <v>1</v>
          </cell>
          <cell r="C183" t="str">
            <v>O&amp;M</v>
          </cell>
          <cell r="D183" t="str">
            <v>Distribution</v>
          </cell>
          <cell r="E183" t="str">
            <v>Joint Use</v>
          </cell>
          <cell r="G183" t="str">
            <v>Company Labor</v>
          </cell>
          <cell r="H183" t="str">
            <v>Joint Use/Locates</v>
          </cell>
          <cell r="I183">
            <v>0</v>
          </cell>
          <cell r="K183">
            <v>44</v>
          </cell>
          <cell r="M183">
            <v>0</v>
          </cell>
          <cell r="N183">
            <v>44</v>
          </cell>
          <cell r="O183">
            <v>-44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</row>
        <row r="184">
          <cell r="B184">
            <v>1</v>
          </cell>
          <cell r="C184" t="str">
            <v>O&amp;M</v>
          </cell>
          <cell r="D184" t="str">
            <v>Distribution</v>
          </cell>
          <cell r="E184" t="str">
            <v>Joint Use</v>
          </cell>
          <cell r="G184" t="str">
            <v>Contract Labor</v>
          </cell>
          <cell r="H184" t="str">
            <v>Joint Use/Locates</v>
          </cell>
          <cell r="I184">
            <v>0</v>
          </cell>
          <cell r="K184">
            <v>33757</v>
          </cell>
          <cell r="M184">
            <v>150667</v>
          </cell>
          <cell r="N184">
            <v>164213</v>
          </cell>
          <cell r="O184">
            <v>-13546</v>
          </cell>
          <cell r="P184">
            <v>452000</v>
          </cell>
          <cell r="Q184">
            <v>452000</v>
          </cell>
          <cell r="R184">
            <v>452000</v>
          </cell>
          <cell r="S184">
            <v>0</v>
          </cell>
        </row>
        <row r="185">
          <cell r="B185">
            <v>1</v>
          </cell>
          <cell r="C185" t="str">
            <v>O&amp;M</v>
          </cell>
          <cell r="D185" t="str">
            <v>Distribution</v>
          </cell>
          <cell r="E185" t="str">
            <v>Joint Use</v>
          </cell>
          <cell r="G185" t="str">
            <v>Fleet</v>
          </cell>
          <cell r="H185" t="str">
            <v>Joint Use/Locates</v>
          </cell>
          <cell r="I185">
            <v>0</v>
          </cell>
          <cell r="K185">
            <v>120</v>
          </cell>
          <cell r="M185">
            <v>0</v>
          </cell>
          <cell r="N185">
            <v>454</v>
          </cell>
          <cell r="O185">
            <v>-454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</row>
        <row r="186">
          <cell r="B186">
            <v>1</v>
          </cell>
          <cell r="C186" t="str">
            <v>O&amp;M</v>
          </cell>
          <cell r="D186" t="str">
            <v>Distribution</v>
          </cell>
          <cell r="E186" t="str">
            <v>Joint Use</v>
          </cell>
          <cell r="G186" t="str">
            <v>Materials</v>
          </cell>
          <cell r="H186" t="str">
            <v>Joint Use/Locates</v>
          </cell>
          <cell r="I186">
            <v>0</v>
          </cell>
          <cell r="K186">
            <v>0</v>
          </cell>
          <cell r="M186">
            <v>0</v>
          </cell>
          <cell r="N186">
            <v>-40</v>
          </cell>
          <cell r="O186">
            <v>4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</row>
        <row r="187">
          <cell r="B187">
            <v>1</v>
          </cell>
          <cell r="C187" t="str">
            <v>O&amp;M</v>
          </cell>
          <cell r="D187" t="str">
            <v>Distribution</v>
          </cell>
          <cell r="E187" t="str">
            <v>Joint Use</v>
          </cell>
          <cell r="G187" t="str">
            <v>Ciac</v>
          </cell>
          <cell r="H187" t="str">
            <v>Joint Use/Locates</v>
          </cell>
          <cell r="I187">
            <v>0</v>
          </cell>
          <cell r="K187">
            <v>-21954</v>
          </cell>
          <cell r="M187">
            <v>-173267</v>
          </cell>
          <cell r="N187">
            <v>-225878</v>
          </cell>
          <cell r="O187">
            <v>52611</v>
          </cell>
          <cell r="P187">
            <v>-519800</v>
          </cell>
          <cell r="Q187">
            <v>-519800</v>
          </cell>
          <cell r="R187">
            <v>-519800</v>
          </cell>
          <cell r="S187">
            <v>0</v>
          </cell>
        </row>
        <row r="188">
          <cell r="B188">
            <v>1</v>
          </cell>
          <cell r="C188" t="str">
            <v>O&amp;M</v>
          </cell>
          <cell r="D188" t="str">
            <v>Distribution</v>
          </cell>
          <cell r="E188" t="str">
            <v>Joint Use</v>
          </cell>
          <cell r="G188" t="str">
            <v>Rent/utilities</v>
          </cell>
          <cell r="H188" t="str">
            <v>Joint Use/Locates</v>
          </cell>
          <cell r="I188">
            <v>0</v>
          </cell>
          <cell r="K188">
            <v>284410</v>
          </cell>
          <cell r="M188">
            <v>1149000</v>
          </cell>
          <cell r="N188">
            <v>1137639</v>
          </cell>
          <cell r="O188">
            <v>11361</v>
          </cell>
          <cell r="P188">
            <v>0</v>
          </cell>
          <cell r="Q188">
            <v>3445000</v>
          </cell>
          <cell r="R188">
            <v>3445000</v>
          </cell>
          <cell r="S188">
            <v>0</v>
          </cell>
        </row>
        <row r="189">
          <cell r="B189">
            <v>1</v>
          </cell>
          <cell r="C189" t="str">
            <v>O&amp;M</v>
          </cell>
          <cell r="D189" t="str">
            <v>Distribution</v>
          </cell>
          <cell r="E189" t="str">
            <v>Load Growth, LRC, and System Integrity</v>
          </cell>
          <cell r="G189" t="str">
            <v>Company Labor</v>
          </cell>
          <cell r="H189" t="str">
            <v>Engineering Support</v>
          </cell>
          <cell r="I189">
            <v>0</v>
          </cell>
          <cell r="K189">
            <v>4315</v>
          </cell>
          <cell r="M189">
            <v>9896</v>
          </cell>
          <cell r="N189">
            <v>15923</v>
          </cell>
          <cell r="O189">
            <v>-6027</v>
          </cell>
          <cell r="P189">
            <v>76981</v>
          </cell>
          <cell r="Q189">
            <v>76981</v>
          </cell>
          <cell r="R189">
            <v>20928</v>
          </cell>
          <cell r="S189">
            <v>56053</v>
          </cell>
        </row>
        <row r="190">
          <cell r="B190">
            <v>1</v>
          </cell>
          <cell r="C190" t="str">
            <v>O&amp;M</v>
          </cell>
          <cell r="D190" t="str">
            <v>Distribution</v>
          </cell>
          <cell r="E190" t="str">
            <v>Load Growth, LRC, and System Integrity</v>
          </cell>
          <cell r="G190" t="str">
            <v>Company Labor</v>
          </cell>
          <cell r="H190" t="str">
            <v>Engineering Support</v>
          </cell>
          <cell r="I190">
            <v>0</v>
          </cell>
          <cell r="K190">
            <v>2743</v>
          </cell>
          <cell r="M190">
            <v>6205</v>
          </cell>
          <cell r="N190">
            <v>10079</v>
          </cell>
          <cell r="O190">
            <v>-3874</v>
          </cell>
          <cell r="P190">
            <v>48267</v>
          </cell>
          <cell r="Q190">
            <v>48267</v>
          </cell>
          <cell r="R190">
            <v>13122</v>
          </cell>
          <cell r="S190">
            <v>35145</v>
          </cell>
        </row>
        <row r="191">
          <cell r="B191">
            <v>1</v>
          </cell>
          <cell r="C191" t="str">
            <v>O&amp;M</v>
          </cell>
          <cell r="D191" t="str">
            <v>Distribution</v>
          </cell>
          <cell r="E191" t="str">
            <v>Load Growth, LRC, and System Integrity</v>
          </cell>
          <cell r="G191" t="str">
            <v>Company Labor</v>
          </cell>
          <cell r="H191" t="str">
            <v>Engineering Support</v>
          </cell>
          <cell r="I191">
            <v>0</v>
          </cell>
          <cell r="K191">
            <v>210</v>
          </cell>
          <cell r="M191">
            <v>0</v>
          </cell>
          <cell r="N191">
            <v>523</v>
          </cell>
          <cell r="O191">
            <v>-523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</row>
        <row r="192">
          <cell r="B192">
            <v>1</v>
          </cell>
          <cell r="C192" t="str">
            <v>O&amp;M</v>
          </cell>
          <cell r="D192" t="str">
            <v>Distribution</v>
          </cell>
          <cell r="E192" t="str">
            <v>Load Growth, LRC, and System Integrity</v>
          </cell>
          <cell r="G192" t="str">
            <v>Contract Labor</v>
          </cell>
          <cell r="H192" t="str">
            <v>Engineering Support</v>
          </cell>
          <cell r="I192">
            <v>0</v>
          </cell>
          <cell r="K192">
            <v>24329</v>
          </cell>
          <cell r="M192">
            <v>48911</v>
          </cell>
          <cell r="N192">
            <v>95358</v>
          </cell>
          <cell r="O192">
            <v>-46447</v>
          </cell>
          <cell r="P192">
            <v>297751</v>
          </cell>
          <cell r="Q192">
            <v>297751</v>
          </cell>
          <cell r="R192">
            <v>117528</v>
          </cell>
          <cell r="S192">
            <v>180223</v>
          </cell>
        </row>
        <row r="193">
          <cell r="B193">
            <v>1</v>
          </cell>
          <cell r="C193" t="str">
            <v>O&amp;M</v>
          </cell>
          <cell r="D193" t="str">
            <v>Distribution</v>
          </cell>
          <cell r="E193" t="str">
            <v>Load Growth, LRC, and System Integrity</v>
          </cell>
          <cell r="G193" t="str">
            <v>Fleet</v>
          </cell>
          <cell r="H193" t="str">
            <v>Engineering Support</v>
          </cell>
          <cell r="I193">
            <v>0</v>
          </cell>
          <cell r="K193">
            <v>1607</v>
          </cell>
          <cell r="M193">
            <v>3297</v>
          </cell>
          <cell r="N193">
            <v>5474</v>
          </cell>
          <cell r="O193">
            <v>-2177</v>
          </cell>
          <cell r="P193">
            <v>22202</v>
          </cell>
          <cell r="Q193">
            <v>22202</v>
          </cell>
          <cell r="R193">
            <v>7761</v>
          </cell>
          <cell r="S193">
            <v>14441</v>
          </cell>
        </row>
        <row r="194">
          <cell r="B194">
            <v>1</v>
          </cell>
          <cell r="C194" t="str">
            <v>O&amp;M</v>
          </cell>
          <cell r="D194" t="str">
            <v>Distribution</v>
          </cell>
          <cell r="E194" t="str">
            <v>Load Growth, LRC, and System Integrity</v>
          </cell>
          <cell r="G194" t="str">
            <v>Meals/Travel</v>
          </cell>
          <cell r="H194" t="str">
            <v>Engineering Support</v>
          </cell>
          <cell r="I194">
            <v>0</v>
          </cell>
          <cell r="K194">
            <v>2230</v>
          </cell>
          <cell r="M194">
            <v>0</v>
          </cell>
          <cell r="N194">
            <v>3524</v>
          </cell>
          <cell r="O194">
            <v>-3524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</row>
        <row r="195">
          <cell r="B195">
            <v>1</v>
          </cell>
          <cell r="C195" t="str">
            <v>O&amp;M</v>
          </cell>
          <cell r="D195" t="str">
            <v>Distribution</v>
          </cell>
          <cell r="E195" t="str">
            <v>Load Growth, LRC, and System Integrity</v>
          </cell>
          <cell r="G195" t="str">
            <v>Materials</v>
          </cell>
          <cell r="H195" t="str">
            <v>Engineering Support</v>
          </cell>
          <cell r="I195">
            <v>0</v>
          </cell>
          <cell r="K195">
            <v>928</v>
          </cell>
          <cell r="M195">
            <v>1408</v>
          </cell>
          <cell r="N195">
            <v>1158</v>
          </cell>
          <cell r="O195">
            <v>250</v>
          </cell>
          <cell r="P195">
            <v>16572</v>
          </cell>
          <cell r="Q195">
            <v>16572</v>
          </cell>
          <cell r="R195">
            <v>2034</v>
          </cell>
          <cell r="S195">
            <v>14538</v>
          </cell>
        </row>
        <row r="196">
          <cell r="B196">
            <v>1</v>
          </cell>
          <cell r="C196" t="str">
            <v>O&amp;M</v>
          </cell>
          <cell r="D196" t="str">
            <v>Distribution</v>
          </cell>
          <cell r="E196" t="str">
            <v>Management &amp; Support</v>
          </cell>
          <cell r="G196" t="str">
            <v>Company Labor</v>
          </cell>
          <cell r="H196" t="str">
            <v>Management &amp; Support</v>
          </cell>
          <cell r="I196">
            <v>0</v>
          </cell>
          <cell r="K196">
            <v>50672</v>
          </cell>
          <cell r="M196">
            <v>211106</v>
          </cell>
          <cell r="N196">
            <v>180437</v>
          </cell>
          <cell r="O196">
            <v>30669</v>
          </cell>
          <cell r="P196">
            <v>609892</v>
          </cell>
          <cell r="Q196">
            <v>609892</v>
          </cell>
          <cell r="R196">
            <v>609892</v>
          </cell>
          <cell r="S196">
            <v>0</v>
          </cell>
        </row>
        <row r="197">
          <cell r="B197">
            <v>1</v>
          </cell>
          <cell r="C197" t="str">
            <v>O&amp;M</v>
          </cell>
          <cell r="D197" t="str">
            <v>Distribution</v>
          </cell>
          <cell r="E197" t="str">
            <v>Management &amp; Support</v>
          </cell>
          <cell r="G197" t="str">
            <v>Company Labor</v>
          </cell>
          <cell r="H197" t="str">
            <v>Management &amp; Support</v>
          </cell>
          <cell r="I197">
            <v>0</v>
          </cell>
          <cell r="K197">
            <v>31928</v>
          </cell>
          <cell r="M197">
            <v>132830</v>
          </cell>
          <cell r="N197">
            <v>113701</v>
          </cell>
          <cell r="O197">
            <v>19130</v>
          </cell>
          <cell r="P197">
            <v>383753</v>
          </cell>
          <cell r="Q197">
            <v>383753</v>
          </cell>
          <cell r="R197">
            <v>383753</v>
          </cell>
          <cell r="S197">
            <v>0</v>
          </cell>
        </row>
        <row r="198">
          <cell r="B198">
            <v>1</v>
          </cell>
          <cell r="C198" t="str">
            <v>O&amp;M</v>
          </cell>
          <cell r="D198" t="str">
            <v>Distribution</v>
          </cell>
          <cell r="E198" t="str">
            <v>Management &amp; Support</v>
          </cell>
          <cell r="G198" t="str">
            <v>Company Labor</v>
          </cell>
          <cell r="H198" t="str">
            <v>Management &amp; Support</v>
          </cell>
          <cell r="I198">
            <v>0</v>
          </cell>
          <cell r="K198">
            <v>862</v>
          </cell>
          <cell r="M198">
            <v>2563</v>
          </cell>
          <cell r="N198">
            <v>3114</v>
          </cell>
          <cell r="O198">
            <v>-551</v>
          </cell>
          <cell r="P198">
            <v>7421</v>
          </cell>
          <cell r="Q198">
            <v>7421</v>
          </cell>
          <cell r="R198">
            <v>7421</v>
          </cell>
          <cell r="S198">
            <v>0</v>
          </cell>
        </row>
        <row r="199">
          <cell r="B199">
            <v>1</v>
          </cell>
          <cell r="C199" t="str">
            <v>O&amp;M</v>
          </cell>
          <cell r="D199" t="str">
            <v>Distribution</v>
          </cell>
          <cell r="E199" t="str">
            <v>Management &amp; Support</v>
          </cell>
          <cell r="G199" t="str">
            <v>Contract Labor</v>
          </cell>
          <cell r="H199" t="str">
            <v>Management &amp; Support</v>
          </cell>
          <cell r="I199">
            <v>0</v>
          </cell>
          <cell r="K199">
            <v>2920</v>
          </cell>
          <cell r="M199">
            <v>20333</v>
          </cell>
          <cell r="N199">
            <v>6305</v>
          </cell>
          <cell r="O199">
            <v>14029</v>
          </cell>
          <cell r="P199">
            <v>61000</v>
          </cell>
          <cell r="Q199">
            <v>61000</v>
          </cell>
          <cell r="R199">
            <v>61000</v>
          </cell>
          <cell r="S199">
            <v>0</v>
          </cell>
        </row>
        <row r="200">
          <cell r="B200">
            <v>1</v>
          </cell>
          <cell r="C200" t="str">
            <v>O&amp;M</v>
          </cell>
          <cell r="D200" t="str">
            <v>Distribution</v>
          </cell>
          <cell r="E200" t="str">
            <v>Management &amp; Support</v>
          </cell>
          <cell r="G200" t="str">
            <v>Fleet</v>
          </cell>
          <cell r="H200" t="str">
            <v>Management &amp; Support</v>
          </cell>
          <cell r="I200">
            <v>0</v>
          </cell>
          <cell r="K200">
            <v>690</v>
          </cell>
          <cell r="M200">
            <v>946</v>
          </cell>
          <cell r="N200">
            <v>2168</v>
          </cell>
          <cell r="O200">
            <v>-1222</v>
          </cell>
          <cell r="P200">
            <v>2774</v>
          </cell>
          <cell r="Q200">
            <v>2774</v>
          </cell>
          <cell r="R200">
            <v>2774</v>
          </cell>
          <cell r="S200">
            <v>0</v>
          </cell>
        </row>
        <row r="201">
          <cell r="B201">
            <v>1</v>
          </cell>
          <cell r="C201" t="str">
            <v>O&amp;M</v>
          </cell>
          <cell r="D201" t="str">
            <v>Distribution</v>
          </cell>
          <cell r="E201" t="str">
            <v>Management &amp; Support</v>
          </cell>
          <cell r="G201" t="str">
            <v>Meals/Travel</v>
          </cell>
          <cell r="H201" t="str">
            <v>Management &amp; Support</v>
          </cell>
          <cell r="I201">
            <v>0</v>
          </cell>
          <cell r="K201">
            <v>3036</v>
          </cell>
          <cell r="M201">
            <v>14910</v>
          </cell>
          <cell r="N201">
            <v>14156</v>
          </cell>
          <cell r="O201">
            <v>754</v>
          </cell>
          <cell r="P201">
            <v>40000</v>
          </cell>
          <cell r="Q201">
            <v>40000</v>
          </cell>
          <cell r="R201">
            <v>40000</v>
          </cell>
          <cell r="S201">
            <v>0</v>
          </cell>
        </row>
        <row r="202">
          <cell r="B202">
            <v>1</v>
          </cell>
          <cell r="C202" t="str">
            <v>O&amp;M</v>
          </cell>
          <cell r="D202" t="str">
            <v>Distribution</v>
          </cell>
          <cell r="E202" t="str">
            <v>Management &amp; Support</v>
          </cell>
          <cell r="G202" t="str">
            <v>Materials</v>
          </cell>
          <cell r="H202" t="str">
            <v>Management &amp; Support</v>
          </cell>
          <cell r="I202">
            <v>0</v>
          </cell>
          <cell r="K202">
            <v>966</v>
          </cell>
          <cell r="M202">
            <v>9702</v>
          </cell>
          <cell r="N202">
            <v>3266</v>
          </cell>
          <cell r="O202">
            <v>6436</v>
          </cell>
          <cell r="P202">
            <v>29107</v>
          </cell>
          <cell r="Q202">
            <v>29107</v>
          </cell>
          <cell r="R202">
            <v>29107</v>
          </cell>
          <cell r="S202">
            <v>0</v>
          </cell>
        </row>
        <row r="203">
          <cell r="B203">
            <v>1</v>
          </cell>
          <cell r="C203" t="str">
            <v>O&amp;M</v>
          </cell>
          <cell r="D203" t="str">
            <v>Distribution</v>
          </cell>
          <cell r="E203" t="str">
            <v>Management &amp; Support</v>
          </cell>
          <cell r="G203" t="str">
            <v>Hardware/Software</v>
          </cell>
          <cell r="H203" t="str">
            <v>Management &amp; Support</v>
          </cell>
          <cell r="I203">
            <v>0</v>
          </cell>
          <cell r="K203">
            <v>10</v>
          </cell>
          <cell r="M203">
            <v>0</v>
          </cell>
          <cell r="N203">
            <v>10</v>
          </cell>
          <cell r="O203">
            <v>-1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</row>
        <row r="204">
          <cell r="B204">
            <v>1</v>
          </cell>
          <cell r="C204" t="str">
            <v>O&amp;M</v>
          </cell>
          <cell r="D204" t="str">
            <v>Distribution</v>
          </cell>
          <cell r="E204" t="str">
            <v>Management &amp; Support</v>
          </cell>
          <cell r="G204" t="str">
            <v>Other</v>
          </cell>
          <cell r="H204" t="str">
            <v>Management &amp; Support</v>
          </cell>
          <cell r="I204">
            <v>0</v>
          </cell>
          <cell r="K204">
            <v>7628</v>
          </cell>
          <cell r="M204">
            <v>29333</v>
          </cell>
          <cell r="N204">
            <v>18487</v>
          </cell>
          <cell r="O204">
            <v>10846</v>
          </cell>
          <cell r="P204">
            <v>88000</v>
          </cell>
          <cell r="Q204">
            <v>88000</v>
          </cell>
          <cell r="R204">
            <v>63000</v>
          </cell>
          <cell r="S204">
            <v>25000</v>
          </cell>
        </row>
        <row r="205">
          <cell r="B205">
            <v>1</v>
          </cell>
          <cell r="C205" t="str">
            <v>O&amp;M</v>
          </cell>
          <cell r="D205" t="str">
            <v>Distribution</v>
          </cell>
          <cell r="E205" t="str">
            <v>Oil Spill Clean-Up</v>
          </cell>
          <cell r="G205" t="str">
            <v>Contract Labor</v>
          </cell>
          <cell r="H205" t="str">
            <v>Engineering Support</v>
          </cell>
          <cell r="I205">
            <v>0</v>
          </cell>
          <cell r="K205">
            <v>41489</v>
          </cell>
          <cell r="M205">
            <v>197793</v>
          </cell>
          <cell r="N205">
            <v>168700</v>
          </cell>
          <cell r="O205">
            <v>29093</v>
          </cell>
          <cell r="P205">
            <v>732000</v>
          </cell>
          <cell r="Q205">
            <v>732000</v>
          </cell>
          <cell r="R205">
            <v>732000</v>
          </cell>
          <cell r="S205">
            <v>0</v>
          </cell>
        </row>
        <row r="206">
          <cell r="B206">
            <v>1</v>
          </cell>
          <cell r="C206" t="str">
            <v>O&amp;M</v>
          </cell>
          <cell r="D206" t="str">
            <v>Distribution</v>
          </cell>
          <cell r="E206" t="str">
            <v>Oil Spill Clean-Up</v>
          </cell>
          <cell r="G206" t="str">
            <v>Materials</v>
          </cell>
          <cell r="H206" t="str">
            <v>Engineering Support</v>
          </cell>
          <cell r="I206">
            <v>0</v>
          </cell>
          <cell r="K206">
            <v>0</v>
          </cell>
          <cell r="M206">
            <v>0</v>
          </cell>
          <cell r="N206">
            <v>52</v>
          </cell>
          <cell r="O206">
            <v>-52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</row>
        <row r="207">
          <cell r="B207">
            <v>1</v>
          </cell>
          <cell r="C207" t="str">
            <v>O&amp;M</v>
          </cell>
          <cell r="D207" t="str">
            <v>Distribution</v>
          </cell>
          <cell r="E207" t="str">
            <v>Oil Spill Clean-Up</v>
          </cell>
          <cell r="G207" t="str">
            <v>Ciac</v>
          </cell>
          <cell r="H207" t="str">
            <v>Engineering Support</v>
          </cell>
          <cell r="I207">
            <v>0</v>
          </cell>
          <cell r="K207">
            <v>-2236</v>
          </cell>
          <cell r="M207">
            <v>-18915</v>
          </cell>
          <cell r="N207">
            <v>-25514</v>
          </cell>
          <cell r="O207">
            <v>6599</v>
          </cell>
          <cell r="P207">
            <v>-70000</v>
          </cell>
          <cell r="Q207">
            <v>-70000</v>
          </cell>
          <cell r="R207">
            <v>-70000</v>
          </cell>
          <cell r="S207">
            <v>0</v>
          </cell>
        </row>
        <row r="208">
          <cell r="B208">
            <v>1</v>
          </cell>
          <cell r="C208" t="str">
            <v>O&amp;M</v>
          </cell>
          <cell r="D208" t="str">
            <v>Distribution</v>
          </cell>
          <cell r="E208" t="str">
            <v>System Engineering and ROW</v>
          </cell>
          <cell r="G208" t="str">
            <v>Company Labor</v>
          </cell>
          <cell r="H208" t="str">
            <v>Engineering Support</v>
          </cell>
          <cell r="I208">
            <v>0</v>
          </cell>
          <cell r="K208">
            <v>117216</v>
          </cell>
          <cell r="M208">
            <v>623949</v>
          </cell>
          <cell r="N208">
            <v>489023</v>
          </cell>
          <cell r="O208">
            <v>134926</v>
          </cell>
          <cell r="P208">
            <v>1787710</v>
          </cell>
          <cell r="Q208">
            <v>1787710</v>
          </cell>
          <cell r="R208">
            <v>1787710</v>
          </cell>
          <cell r="S208">
            <v>0</v>
          </cell>
        </row>
        <row r="209">
          <cell r="B209">
            <v>1</v>
          </cell>
          <cell r="C209" t="str">
            <v>O&amp;M</v>
          </cell>
          <cell r="D209" t="str">
            <v>Distribution</v>
          </cell>
          <cell r="E209" t="str">
            <v>System Engineering and ROW</v>
          </cell>
          <cell r="G209" t="str">
            <v>Company Labor</v>
          </cell>
          <cell r="H209" t="str">
            <v>Engineering Support</v>
          </cell>
          <cell r="I209">
            <v>0</v>
          </cell>
          <cell r="K209">
            <v>73494</v>
          </cell>
          <cell r="M209">
            <v>377533</v>
          </cell>
          <cell r="N209">
            <v>306657</v>
          </cell>
          <cell r="O209">
            <v>70876</v>
          </cell>
          <cell r="P209">
            <v>1076574</v>
          </cell>
          <cell r="Q209">
            <v>1076574</v>
          </cell>
          <cell r="R209">
            <v>1076574</v>
          </cell>
          <cell r="S209">
            <v>0</v>
          </cell>
        </row>
        <row r="210">
          <cell r="B210">
            <v>1</v>
          </cell>
          <cell r="C210" t="str">
            <v>O&amp;M</v>
          </cell>
          <cell r="D210" t="str">
            <v>Distribution</v>
          </cell>
          <cell r="E210" t="str">
            <v>System Engineering and ROW</v>
          </cell>
          <cell r="G210" t="str">
            <v>Company Labor</v>
          </cell>
          <cell r="H210" t="str">
            <v>Engineering Support</v>
          </cell>
          <cell r="I210">
            <v>0</v>
          </cell>
          <cell r="K210">
            <v>1</v>
          </cell>
          <cell r="M210">
            <v>0</v>
          </cell>
          <cell r="N210">
            <v>220</v>
          </cell>
          <cell r="O210">
            <v>-220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</row>
        <row r="211">
          <cell r="B211">
            <v>1</v>
          </cell>
          <cell r="C211" t="str">
            <v>O&amp;M</v>
          </cell>
          <cell r="D211" t="str">
            <v>Distribution</v>
          </cell>
          <cell r="E211" t="str">
            <v>System Engineering and ROW</v>
          </cell>
          <cell r="G211" t="str">
            <v>Contract Labor</v>
          </cell>
          <cell r="H211" t="str">
            <v>Engineering Support</v>
          </cell>
          <cell r="I211">
            <v>0</v>
          </cell>
          <cell r="K211">
            <v>400</v>
          </cell>
          <cell r="M211">
            <v>50000</v>
          </cell>
          <cell r="N211">
            <v>13636</v>
          </cell>
          <cell r="O211">
            <v>36364</v>
          </cell>
          <cell r="P211">
            <v>150000</v>
          </cell>
          <cell r="Q211">
            <v>150000</v>
          </cell>
          <cell r="R211">
            <v>150000</v>
          </cell>
          <cell r="S211">
            <v>0</v>
          </cell>
        </row>
        <row r="212">
          <cell r="B212">
            <v>1</v>
          </cell>
          <cell r="C212" t="str">
            <v>O&amp;M</v>
          </cell>
          <cell r="D212" t="str">
            <v>Distribution</v>
          </cell>
          <cell r="E212" t="str">
            <v>System Engineering and ROW</v>
          </cell>
          <cell r="G212" t="str">
            <v>Fleet</v>
          </cell>
          <cell r="H212" t="str">
            <v>Engineering Support</v>
          </cell>
          <cell r="I212">
            <v>0</v>
          </cell>
          <cell r="K212">
            <v>1556</v>
          </cell>
          <cell r="M212">
            <v>9619</v>
          </cell>
          <cell r="N212">
            <v>4660</v>
          </cell>
          <cell r="O212">
            <v>4959</v>
          </cell>
          <cell r="P212">
            <v>28209</v>
          </cell>
          <cell r="Q212">
            <v>28209</v>
          </cell>
          <cell r="R212">
            <v>28209</v>
          </cell>
          <cell r="S212">
            <v>0</v>
          </cell>
        </row>
        <row r="213">
          <cell r="B213">
            <v>1</v>
          </cell>
          <cell r="C213" t="str">
            <v>O&amp;M</v>
          </cell>
          <cell r="D213" t="str">
            <v>Distribution</v>
          </cell>
          <cell r="E213" t="str">
            <v>System Engineering and ROW</v>
          </cell>
          <cell r="G213" t="str">
            <v>Meals/Travel</v>
          </cell>
          <cell r="H213" t="str">
            <v>Engineering Support</v>
          </cell>
          <cell r="I213">
            <v>0</v>
          </cell>
          <cell r="K213">
            <v>5845</v>
          </cell>
          <cell r="M213">
            <v>25719</v>
          </cell>
          <cell r="N213">
            <v>21624</v>
          </cell>
          <cell r="O213">
            <v>4095</v>
          </cell>
          <cell r="P213">
            <v>69000</v>
          </cell>
          <cell r="Q213">
            <v>69000</v>
          </cell>
          <cell r="R213">
            <v>69000</v>
          </cell>
          <cell r="S213">
            <v>0</v>
          </cell>
        </row>
        <row r="214">
          <cell r="B214">
            <v>1</v>
          </cell>
          <cell r="C214" t="str">
            <v>O&amp;M</v>
          </cell>
          <cell r="D214" t="str">
            <v>Distribution</v>
          </cell>
          <cell r="E214" t="str">
            <v>System Engineering and ROW</v>
          </cell>
          <cell r="G214" t="str">
            <v>Materials</v>
          </cell>
          <cell r="H214" t="str">
            <v>Engineering Support</v>
          </cell>
          <cell r="I214">
            <v>0</v>
          </cell>
          <cell r="K214">
            <v>367</v>
          </cell>
          <cell r="M214">
            <v>2994</v>
          </cell>
          <cell r="N214">
            <v>1390</v>
          </cell>
          <cell r="O214">
            <v>1605</v>
          </cell>
          <cell r="P214">
            <v>8983</v>
          </cell>
          <cell r="Q214">
            <v>8983</v>
          </cell>
          <cell r="R214">
            <v>8983</v>
          </cell>
          <cell r="S214">
            <v>0</v>
          </cell>
        </row>
        <row r="215">
          <cell r="B215">
            <v>1</v>
          </cell>
          <cell r="C215" t="str">
            <v>O&amp;M</v>
          </cell>
          <cell r="D215" t="str">
            <v>Distribution</v>
          </cell>
          <cell r="E215" t="str">
            <v>System Engineering and ROW</v>
          </cell>
          <cell r="G215" t="str">
            <v>Other</v>
          </cell>
          <cell r="H215" t="str">
            <v>Engineering Support</v>
          </cell>
          <cell r="I215">
            <v>0</v>
          </cell>
          <cell r="K215">
            <v>269</v>
          </cell>
          <cell r="M215">
            <v>5000</v>
          </cell>
          <cell r="N215">
            <v>4351</v>
          </cell>
          <cell r="O215">
            <v>649</v>
          </cell>
          <cell r="P215">
            <v>15000</v>
          </cell>
          <cell r="Q215">
            <v>15000</v>
          </cell>
          <cell r="R215">
            <v>15000</v>
          </cell>
          <cell r="S215">
            <v>0</v>
          </cell>
        </row>
        <row r="216">
          <cell r="B216">
            <v>1</v>
          </cell>
          <cell r="C216" t="str">
            <v>O&amp;M</v>
          </cell>
          <cell r="D216" t="str">
            <v>Distribution</v>
          </cell>
          <cell r="E216" t="str">
            <v>Underground Locates</v>
          </cell>
          <cell r="G216" t="str">
            <v>Company Labor</v>
          </cell>
          <cell r="H216" t="str">
            <v>Joint Use/Locates</v>
          </cell>
          <cell r="I216">
            <v>0</v>
          </cell>
          <cell r="K216">
            <v>21366</v>
          </cell>
          <cell r="M216">
            <v>87196</v>
          </cell>
          <cell r="N216">
            <v>84117</v>
          </cell>
          <cell r="O216">
            <v>3079</v>
          </cell>
          <cell r="P216">
            <v>254528</v>
          </cell>
          <cell r="Q216">
            <v>254528</v>
          </cell>
          <cell r="R216">
            <v>254528</v>
          </cell>
          <cell r="S216">
            <v>0</v>
          </cell>
        </row>
        <row r="217">
          <cell r="B217">
            <v>1</v>
          </cell>
          <cell r="C217" t="str">
            <v>O&amp;M</v>
          </cell>
          <cell r="D217" t="str">
            <v>Distribution</v>
          </cell>
          <cell r="E217" t="str">
            <v>Underground Locates</v>
          </cell>
          <cell r="G217" t="str">
            <v>Company Labor</v>
          </cell>
          <cell r="H217" t="str">
            <v>Joint Use/Locates</v>
          </cell>
          <cell r="I217">
            <v>0</v>
          </cell>
          <cell r="K217">
            <v>13749</v>
          </cell>
          <cell r="M217">
            <v>56298</v>
          </cell>
          <cell r="N217">
            <v>54156</v>
          </cell>
          <cell r="O217">
            <v>2142</v>
          </cell>
          <cell r="P217">
            <v>164420</v>
          </cell>
          <cell r="Q217">
            <v>164420</v>
          </cell>
          <cell r="R217">
            <v>164420</v>
          </cell>
          <cell r="S217">
            <v>0</v>
          </cell>
        </row>
        <row r="218">
          <cell r="B218">
            <v>1</v>
          </cell>
          <cell r="C218" t="str">
            <v>O&amp;M</v>
          </cell>
          <cell r="D218" t="str">
            <v>Distribution</v>
          </cell>
          <cell r="E218" t="str">
            <v>Underground Locates</v>
          </cell>
          <cell r="G218" t="str">
            <v>Company Labor</v>
          </cell>
          <cell r="H218" t="str">
            <v>Joint Use/Locates</v>
          </cell>
          <cell r="I218">
            <v>0</v>
          </cell>
          <cell r="K218">
            <v>0</v>
          </cell>
          <cell r="M218">
            <v>1381</v>
          </cell>
          <cell r="N218">
            <v>100</v>
          </cell>
          <cell r="O218">
            <v>1281</v>
          </cell>
          <cell r="P218">
            <v>4050</v>
          </cell>
          <cell r="Q218">
            <v>4050</v>
          </cell>
          <cell r="R218">
            <v>4050</v>
          </cell>
          <cell r="S218">
            <v>0</v>
          </cell>
        </row>
        <row r="219">
          <cell r="B219">
            <v>1</v>
          </cell>
          <cell r="C219" t="str">
            <v>O&amp;M</v>
          </cell>
          <cell r="D219" t="str">
            <v>Distribution</v>
          </cell>
          <cell r="E219" t="str">
            <v>Underground Locates</v>
          </cell>
          <cell r="G219" t="str">
            <v>Contract Labor</v>
          </cell>
          <cell r="H219" t="str">
            <v>Joint Use/Locates</v>
          </cell>
          <cell r="I219">
            <v>0</v>
          </cell>
          <cell r="K219">
            <v>171889</v>
          </cell>
          <cell r="M219">
            <v>932037</v>
          </cell>
          <cell r="N219">
            <v>677934</v>
          </cell>
          <cell r="O219">
            <v>254103</v>
          </cell>
          <cell r="P219">
            <v>2947600</v>
          </cell>
          <cell r="Q219">
            <v>2947600</v>
          </cell>
          <cell r="R219">
            <v>2437002</v>
          </cell>
          <cell r="S219">
            <v>510598</v>
          </cell>
        </row>
        <row r="220">
          <cell r="B220">
            <v>1</v>
          </cell>
          <cell r="C220" t="str">
            <v>O&amp;M</v>
          </cell>
          <cell r="D220" t="str">
            <v>Distribution</v>
          </cell>
          <cell r="E220" t="str">
            <v>Underground Locates</v>
          </cell>
          <cell r="G220" t="str">
            <v>Meals/Travel</v>
          </cell>
          <cell r="H220" t="str">
            <v>Joint Use/Locates</v>
          </cell>
          <cell r="I220">
            <v>0</v>
          </cell>
          <cell r="K220">
            <v>711</v>
          </cell>
          <cell r="M220">
            <v>10120</v>
          </cell>
          <cell r="N220">
            <v>1413</v>
          </cell>
          <cell r="O220">
            <v>8707</v>
          </cell>
          <cell r="P220">
            <v>27150</v>
          </cell>
          <cell r="Q220">
            <v>27150</v>
          </cell>
          <cell r="R220">
            <v>27150</v>
          </cell>
          <cell r="S220">
            <v>0</v>
          </cell>
        </row>
        <row r="221">
          <cell r="B221">
            <v>1</v>
          </cell>
          <cell r="C221" t="str">
            <v>O&amp;M</v>
          </cell>
          <cell r="D221" t="str">
            <v>Distribution</v>
          </cell>
          <cell r="E221" t="str">
            <v>Underground Locates</v>
          </cell>
          <cell r="G221" t="str">
            <v>Rent/utilities</v>
          </cell>
          <cell r="H221" t="str">
            <v>Joint Use/Locates</v>
          </cell>
          <cell r="I221">
            <v>0</v>
          </cell>
          <cell r="K221">
            <v>0</v>
          </cell>
          <cell r="M221">
            <v>0</v>
          </cell>
          <cell r="N221">
            <v>0</v>
          </cell>
          <cell r="O221">
            <v>0</v>
          </cell>
          <cell r="P221">
            <v>3445000</v>
          </cell>
          <cell r="Q221">
            <v>0</v>
          </cell>
          <cell r="R221">
            <v>0</v>
          </cell>
          <cell r="S221">
            <v>0</v>
          </cell>
        </row>
        <row r="222">
          <cell r="B222">
            <v>1</v>
          </cell>
          <cell r="C222" t="str">
            <v>O&amp;M</v>
          </cell>
          <cell r="D222" t="str">
            <v>Distribution</v>
          </cell>
          <cell r="E222" t="str">
            <v>Underground Locates</v>
          </cell>
          <cell r="G222" t="str">
            <v>Other</v>
          </cell>
          <cell r="H222" t="str">
            <v>Joint Use/Locates</v>
          </cell>
          <cell r="I222">
            <v>0</v>
          </cell>
          <cell r="K222">
            <v>2625</v>
          </cell>
          <cell r="M222">
            <v>6857</v>
          </cell>
          <cell r="N222">
            <v>5449</v>
          </cell>
          <cell r="O222">
            <v>1408</v>
          </cell>
          <cell r="P222">
            <v>23262</v>
          </cell>
          <cell r="Q222">
            <v>23262</v>
          </cell>
          <cell r="R222">
            <v>23262</v>
          </cell>
          <cell r="S222">
            <v>0</v>
          </cell>
        </row>
        <row r="223">
          <cell r="B223">
            <v>1</v>
          </cell>
          <cell r="C223" t="str">
            <v>O&amp;M</v>
          </cell>
          <cell r="D223" t="str">
            <v>Distribution</v>
          </cell>
          <cell r="E223" t="str">
            <v>Vegetation Management</v>
          </cell>
          <cell r="G223" t="str">
            <v>Company Labor</v>
          </cell>
          <cell r="H223" t="str">
            <v>Vegetation Management</v>
          </cell>
          <cell r="I223">
            <v>0</v>
          </cell>
          <cell r="K223">
            <v>53320</v>
          </cell>
          <cell r="M223">
            <v>125882</v>
          </cell>
          <cell r="N223">
            <v>213311</v>
          </cell>
          <cell r="O223">
            <v>-87429</v>
          </cell>
          <cell r="P223">
            <v>363677</v>
          </cell>
          <cell r="Q223">
            <v>363677</v>
          </cell>
          <cell r="R223">
            <v>363677</v>
          </cell>
          <cell r="S223">
            <v>0</v>
          </cell>
        </row>
        <row r="224">
          <cell r="B224">
            <v>1</v>
          </cell>
          <cell r="C224" t="str">
            <v>O&amp;M</v>
          </cell>
          <cell r="D224" t="str">
            <v>Distribution</v>
          </cell>
          <cell r="E224" t="str">
            <v>Vegetation Management</v>
          </cell>
          <cell r="G224" t="str">
            <v>Company Labor</v>
          </cell>
          <cell r="H224" t="str">
            <v>Vegetation Management</v>
          </cell>
          <cell r="I224">
            <v>0</v>
          </cell>
          <cell r="K224">
            <v>32111</v>
          </cell>
          <cell r="M224">
            <v>78928</v>
          </cell>
          <cell r="N224">
            <v>127711</v>
          </cell>
          <cell r="O224">
            <v>-48783</v>
          </cell>
          <cell r="P224">
            <v>228025</v>
          </cell>
          <cell r="Q224">
            <v>228025</v>
          </cell>
          <cell r="R224">
            <v>228025</v>
          </cell>
          <cell r="S224">
            <v>0</v>
          </cell>
        </row>
        <row r="225">
          <cell r="B225">
            <v>1</v>
          </cell>
          <cell r="C225" t="str">
            <v>O&amp;M</v>
          </cell>
          <cell r="D225" t="str">
            <v>Distribution</v>
          </cell>
          <cell r="E225" t="str">
            <v>Vegetation Management</v>
          </cell>
          <cell r="G225" t="str">
            <v>Company Labor</v>
          </cell>
          <cell r="H225" t="str">
            <v>Vegetation Management</v>
          </cell>
          <cell r="I225">
            <v>0</v>
          </cell>
          <cell r="K225">
            <v>1746</v>
          </cell>
          <cell r="M225">
            <v>0</v>
          </cell>
          <cell r="N225">
            <v>7106</v>
          </cell>
          <cell r="O225">
            <v>-7106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</row>
        <row r="226">
          <cell r="B226">
            <v>1</v>
          </cell>
          <cell r="C226" t="str">
            <v>O&amp;M</v>
          </cell>
          <cell r="D226" t="str">
            <v>Distribution</v>
          </cell>
          <cell r="E226" t="str">
            <v>Vegetation Management</v>
          </cell>
          <cell r="G226" t="str">
            <v>Vegetation Management Contract Labor</v>
          </cell>
          <cell r="H226" t="str">
            <v>Vegetation Management</v>
          </cell>
          <cell r="I226">
            <v>0</v>
          </cell>
          <cell r="K226">
            <v>2724992</v>
          </cell>
          <cell r="M226">
            <v>11456930</v>
          </cell>
          <cell r="N226">
            <v>11764748</v>
          </cell>
          <cell r="O226">
            <v>-307818</v>
          </cell>
          <cell r="P226">
            <v>32016000</v>
          </cell>
          <cell r="Q226">
            <v>28310002</v>
          </cell>
          <cell r="R226">
            <v>28310000</v>
          </cell>
          <cell r="S226">
            <v>2</v>
          </cell>
        </row>
        <row r="227">
          <cell r="B227">
            <v>1</v>
          </cell>
          <cell r="C227" t="str">
            <v>O&amp;M</v>
          </cell>
          <cell r="D227" t="str">
            <v>Distribution</v>
          </cell>
          <cell r="E227" t="str">
            <v>Vegetation Management</v>
          </cell>
          <cell r="G227" t="str">
            <v>Fleet</v>
          </cell>
          <cell r="H227" t="str">
            <v>Vegetation Management</v>
          </cell>
          <cell r="I227">
            <v>0</v>
          </cell>
          <cell r="K227">
            <v>4746</v>
          </cell>
          <cell r="M227">
            <v>9814</v>
          </cell>
          <cell r="N227">
            <v>15445</v>
          </cell>
          <cell r="O227">
            <v>-5631</v>
          </cell>
          <cell r="P227">
            <v>28781</v>
          </cell>
          <cell r="Q227">
            <v>28781</v>
          </cell>
          <cell r="R227">
            <v>28781</v>
          </cell>
          <cell r="S227">
            <v>0</v>
          </cell>
        </row>
        <row r="228">
          <cell r="B228">
            <v>1</v>
          </cell>
          <cell r="C228" t="str">
            <v>O&amp;M</v>
          </cell>
          <cell r="D228" t="str">
            <v>Distribution</v>
          </cell>
          <cell r="E228" t="str">
            <v>Vegetation Management</v>
          </cell>
          <cell r="G228" t="str">
            <v>Meals/Travel</v>
          </cell>
          <cell r="H228" t="str">
            <v>Vegetation Management</v>
          </cell>
          <cell r="I228">
            <v>0</v>
          </cell>
          <cell r="K228">
            <v>1399</v>
          </cell>
          <cell r="M228">
            <v>8200</v>
          </cell>
          <cell r="N228">
            <v>7048</v>
          </cell>
          <cell r="O228">
            <v>1152</v>
          </cell>
          <cell r="P228">
            <v>22000</v>
          </cell>
          <cell r="Q228">
            <v>22000</v>
          </cell>
          <cell r="R228">
            <v>22000</v>
          </cell>
          <cell r="S228">
            <v>0</v>
          </cell>
        </row>
        <row r="229">
          <cell r="B229">
            <v>1</v>
          </cell>
          <cell r="C229" t="str">
            <v>O&amp;M</v>
          </cell>
          <cell r="D229" t="str">
            <v>Distribution</v>
          </cell>
          <cell r="E229" t="str">
            <v>Vegetation Management</v>
          </cell>
          <cell r="G229" t="str">
            <v>Materials</v>
          </cell>
          <cell r="H229" t="str">
            <v>Vegetation Management</v>
          </cell>
          <cell r="I229">
            <v>0</v>
          </cell>
          <cell r="K229">
            <v>3051</v>
          </cell>
          <cell r="M229">
            <v>43333</v>
          </cell>
          <cell r="N229">
            <v>5302</v>
          </cell>
          <cell r="O229">
            <v>38031</v>
          </cell>
          <cell r="P229">
            <v>129999</v>
          </cell>
          <cell r="Q229">
            <v>129999</v>
          </cell>
          <cell r="R229">
            <v>129999</v>
          </cell>
          <cell r="S229">
            <v>0</v>
          </cell>
        </row>
        <row r="230">
          <cell r="B230">
            <v>1</v>
          </cell>
          <cell r="C230" t="str">
            <v>O&amp;M</v>
          </cell>
          <cell r="D230" t="str">
            <v>Distribution</v>
          </cell>
          <cell r="E230" t="str">
            <v>Vegetation Management</v>
          </cell>
          <cell r="G230" t="str">
            <v>Hardware/Software</v>
          </cell>
          <cell r="H230" t="str">
            <v>Vegetation Management</v>
          </cell>
          <cell r="I230">
            <v>0</v>
          </cell>
          <cell r="K230">
            <v>0</v>
          </cell>
          <cell r="M230">
            <v>0</v>
          </cell>
          <cell r="N230">
            <v>2070</v>
          </cell>
          <cell r="O230">
            <v>-2070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</row>
        <row r="231">
          <cell r="B231">
            <v>1</v>
          </cell>
          <cell r="C231" t="str">
            <v>O&amp;M</v>
          </cell>
          <cell r="D231" t="str">
            <v>Distribution</v>
          </cell>
          <cell r="E231" t="str">
            <v>Vegetation Management</v>
          </cell>
          <cell r="G231" t="str">
            <v>Other</v>
          </cell>
          <cell r="H231" t="str">
            <v>Vegetation Management</v>
          </cell>
          <cell r="I231">
            <v>0</v>
          </cell>
          <cell r="K231">
            <v>0</v>
          </cell>
          <cell r="M231">
            <v>1000</v>
          </cell>
          <cell r="N231">
            <v>693</v>
          </cell>
          <cell r="O231">
            <v>307</v>
          </cell>
          <cell r="P231">
            <v>3000</v>
          </cell>
          <cell r="Q231">
            <v>3000</v>
          </cell>
          <cell r="R231">
            <v>3000</v>
          </cell>
          <cell r="S231">
            <v>0</v>
          </cell>
        </row>
        <row r="232">
          <cell r="B232">
            <v>1</v>
          </cell>
          <cell r="C232" t="str">
            <v>O&amp;M</v>
          </cell>
          <cell r="D232" t="str">
            <v>Carolinas C&amp;MS</v>
          </cell>
          <cell r="E232" t="str">
            <v>CMS Balanced Bill</v>
          </cell>
          <cell r="G232" t="str">
            <v>Company Labor</v>
          </cell>
          <cell r="H232" t="str">
            <v>CMS Balanced Bill</v>
          </cell>
          <cell r="I232">
            <v>0</v>
          </cell>
          <cell r="K232">
            <v>1209</v>
          </cell>
          <cell r="M232">
            <v>3076</v>
          </cell>
          <cell r="N232">
            <v>7417</v>
          </cell>
          <cell r="O232">
            <v>-4341</v>
          </cell>
          <cell r="P232">
            <v>9133</v>
          </cell>
          <cell r="Q232">
            <v>9133</v>
          </cell>
          <cell r="R232">
            <v>9133</v>
          </cell>
          <cell r="S232">
            <v>0</v>
          </cell>
        </row>
        <row r="233">
          <cell r="B233">
            <v>1</v>
          </cell>
          <cell r="C233" t="str">
            <v>O&amp;M</v>
          </cell>
          <cell r="D233" t="str">
            <v>Carolinas C&amp;MS</v>
          </cell>
          <cell r="E233" t="str">
            <v>CMS Balanced Bill</v>
          </cell>
          <cell r="G233" t="str">
            <v>Company Labor</v>
          </cell>
          <cell r="H233" t="str">
            <v>CMS Balanced Bill</v>
          </cell>
          <cell r="I233">
            <v>0</v>
          </cell>
          <cell r="K233">
            <v>815</v>
          </cell>
          <cell r="M233">
            <v>2050</v>
          </cell>
          <cell r="N233">
            <v>5027</v>
          </cell>
          <cell r="O233">
            <v>-2977</v>
          </cell>
          <cell r="P233">
            <v>6085</v>
          </cell>
          <cell r="Q233">
            <v>6085</v>
          </cell>
          <cell r="R233">
            <v>6085</v>
          </cell>
          <cell r="S233">
            <v>0</v>
          </cell>
        </row>
        <row r="234">
          <cell r="B234">
            <v>1</v>
          </cell>
          <cell r="C234" t="str">
            <v>O&amp;M</v>
          </cell>
          <cell r="D234" t="str">
            <v>Carolinas C&amp;MS</v>
          </cell>
          <cell r="E234" t="str">
            <v>CMS Balanced Bill</v>
          </cell>
          <cell r="G234" t="str">
            <v>Company Labor</v>
          </cell>
          <cell r="H234" t="str">
            <v>CMS Balanced Bill</v>
          </cell>
          <cell r="I234">
            <v>0</v>
          </cell>
          <cell r="K234">
            <v>7</v>
          </cell>
          <cell r="M234">
            <v>0</v>
          </cell>
          <cell r="N234">
            <v>191</v>
          </cell>
          <cell r="O234">
            <v>-191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</row>
        <row r="235">
          <cell r="B235">
            <v>1</v>
          </cell>
          <cell r="C235" t="str">
            <v>O&amp;M</v>
          </cell>
          <cell r="D235" t="str">
            <v>Carolinas C&amp;MS</v>
          </cell>
          <cell r="E235" t="str">
            <v>CMS Balanced Bill</v>
          </cell>
          <cell r="G235" t="str">
            <v>Contract Labor</v>
          </cell>
          <cell r="H235" t="str">
            <v>CMS Balanced Bill</v>
          </cell>
          <cell r="I235">
            <v>0</v>
          </cell>
          <cell r="K235">
            <v>0</v>
          </cell>
          <cell r="M235">
            <v>0</v>
          </cell>
          <cell r="N235">
            <v>0</v>
          </cell>
          <cell r="O235">
            <v>0</v>
          </cell>
          <cell r="P235">
            <v>55000</v>
          </cell>
          <cell r="Q235">
            <v>55000</v>
          </cell>
          <cell r="R235">
            <v>0</v>
          </cell>
          <cell r="S235">
            <v>55000</v>
          </cell>
        </row>
        <row r="236">
          <cell r="B236">
            <v>1</v>
          </cell>
          <cell r="C236" t="str">
            <v>O&amp;M</v>
          </cell>
          <cell r="D236" t="str">
            <v>Carolinas C&amp;MS</v>
          </cell>
          <cell r="E236" t="str">
            <v>CMS Balanced Bill</v>
          </cell>
          <cell r="G236" t="str">
            <v>Other</v>
          </cell>
          <cell r="H236" t="str">
            <v>CMS Balanced Bill</v>
          </cell>
          <cell r="I236">
            <v>0</v>
          </cell>
          <cell r="K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18000</v>
          </cell>
          <cell r="Q236">
            <v>18000</v>
          </cell>
          <cell r="R236">
            <v>0</v>
          </cell>
          <cell r="S236">
            <v>18000</v>
          </cell>
        </row>
        <row r="237">
          <cell r="B237">
            <v>1</v>
          </cell>
          <cell r="C237" t="str">
            <v>O&amp;M</v>
          </cell>
          <cell r="D237" t="str">
            <v>Carolinas C&amp;MS</v>
          </cell>
          <cell r="E237" t="str">
            <v>CMS Contract Meter Reading</v>
          </cell>
          <cell r="G237" t="str">
            <v>Contract Labor</v>
          </cell>
          <cell r="H237" t="str">
            <v>CMS Contract Meter Reading</v>
          </cell>
          <cell r="I237">
            <v>0</v>
          </cell>
          <cell r="K237">
            <v>378130</v>
          </cell>
          <cell r="M237">
            <v>1508712</v>
          </cell>
          <cell r="N237">
            <v>1492868</v>
          </cell>
          <cell r="O237">
            <v>15844</v>
          </cell>
          <cell r="P237">
            <v>4526135</v>
          </cell>
          <cell r="Q237">
            <v>4526135</v>
          </cell>
          <cell r="R237">
            <v>4526135</v>
          </cell>
          <cell r="S237">
            <v>0</v>
          </cell>
        </row>
        <row r="238">
          <cell r="B238">
            <v>1</v>
          </cell>
          <cell r="C238" t="str">
            <v>O&amp;M</v>
          </cell>
          <cell r="D238" t="str">
            <v>Carolinas C&amp;MS</v>
          </cell>
          <cell r="E238" t="str">
            <v>CMS Co-owned Equip Maintenance</v>
          </cell>
          <cell r="G238" t="str">
            <v>Other</v>
          </cell>
          <cell r="H238" t="str">
            <v>CMS Co-owned Equip Maintenance</v>
          </cell>
          <cell r="I238">
            <v>0</v>
          </cell>
          <cell r="K238">
            <v>0</v>
          </cell>
          <cell r="M238">
            <v>328231</v>
          </cell>
          <cell r="N238">
            <v>314313</v>
          </cell>
          <cell r="O238">
            <v>13918</v>
          </cell>
          <cell r="P238">
            <v>464659</v>
          </cell>
          <cell r="Q238">
            <v>464659</v>
          </cell>
          <cell r="R238">
            <v>450267</v>
          </cell>
          <cell r="S238">
            <v>14392</v>
          </cell>
        </row>
        <row r="239">
          <cell r="B239">
            <v>1</v>
          </cell>
          <cell r="C239" t="str">
            <v>O&amp;M</v>
          </cell>
          <cell r="D239" t="str">
            <v>Carolinas C&amp;MS</v>
          </cell>
          <cell r="E239" t="str">
            <v>CMS Labor Total w/ Burdens</v>
          </cell>
          <cell r="G239" t="str">
            <v>Company Labor</v>
          </cell>
          <cell r="H239" t="str">
            <v>CMS Labor Total w/ Burdens</v>
          </cell>
          <cell r="I239">
            <v>0</v>
          </cell>
          <cell r="K239">
            <v>719397</v>
          </cell>
          <cell r="M239">
            <v>3414324</v>
          </cell>
          <cell r="N239">
            <v>3216211</v>
          </cell>
          <cell r="O239">
            <v>198112</v>
          </cell>
          <cell r="P239">
            <v>10121286</v>
          </cell>
          <cell r="Q239">
            <v>10101607</v>
          </cell>
          <cell r="R239">
            <v>10023260</v>
          </cell>
          <cell r="S239">
            <v>78348</v>
          </cell>
        </row>
        <row r="240">
          <cell r="B240">
            <v>1</v>
          </cell>
          <cell r="C240" t="str">
            <v>O&amp;M</v>
          </cell>
          <cell r="D240" t="str">
            <v>Carolinas C&amp;MS</v>
          </cell>
          <cell r="E240" t="str">
            <v>CMS Labor Total w/ Burdens</v>
          </cell>
          <cell r="G240" t="str">
            <v>Company Labor</v>
          </cell>
          <cell r="H240" t="str">
            <v>CMS Labor Total w/ Burdens</v>
          </cell>
          <cell r="I240">
            <v>0</v>
          </cell>
          <cell r="K240">
            <v>463348</v>
          </cell>
          <cell r="M240">
            <v>2225707</v>
          </cell>
          <cell r="N240">
            <v>2082234</v>
          </cell>
          <cell r="O240">
            <v>143473</v>
          </cell>
          <cell r="P240">
            <v>6581245</v>
          </cell>
          <cell r="Q240">
            <v>6583966</v>
          </cell>
          <cell r="R240">
            <v>6482825</v>
          </cell>
          <cell r="S240">
            <v>101141</v>
          </cell>
        </row>
        <row r="241">
          <cell r="B241">
            <v>1</v>
          </cell>
          <cell r="C241" t="str">
            <v>O&amp;M</v>
          </cell>
          <cell r="D241" t="str">
            <v>Carolinas C&amp;MS</v>
          </cell>
          <cell r="E241" t="str">
            <v>CMS Labor Total w/ Burdens</v>
          </cell>
          <cell r="G241" t="str">
            <v>Company Labor</v>
          </cell>
          <cell r="H241" t="str">
            <v>CMS Labor Total w/ Burdens</v>
          </cell>
          <cell r="I241">
            <v>0</v>
          </cell>
          <cell r="K241">
            <v>22288</v>
          </cell>
          <cell r="M241">
            <v>131200</v>
          </cell>
          <cell r="N241">
            <v>108327</v>
          </cell>
          <cell r="O241">
            <v>22873</v>
          </cell>
          <cell r="P241">
            <v>386558</v>
          </cell>
          <cell r="Q241">
            <v>386558</v>
          </cell>
          <cell r="R241">
            <v>373058</v>
          </cell>
          <cell r="S241">
            <v>13500</v>
          </cell>
        </row>
        <row r="242">
          <cell r="B242">
            <v>1</v>
          </cell>
          <cell r="C242" t="str">
            <v>O&amp;M</v>
          </cell>
          <cell r="D242" t="str">
            <v>Carolinas C&amp;MS</v>
          </cell>
          <cell r="E242" t="str">
            <v>CMS Labor Total w/ Burdens</v>
          </cell>
          <cell r="G242" t="str">
            <v>Contract Labor</v>
          </cell>
          <cell r="H242" t="str">
            <v>CMS Labor Total w/ Burdens</v>
          </cell>
          <cell r="I242">
            <v>0</v>
          </cell>
          <cell r="K242">
            <v>249046</v>
          </cell>
          <cell r="M242">
            <v>990124</v>
          </cell>
          <cell r="N242">
            <v>952344</v>
          </cell>
          <cell r="O242">
            <v>37780</v>
          </cell>
          <cell r="P242">
            <v>2969896</v>
          </cell>
          <cell r="Q242">
            <v>2969896</v>
          </cell>
          <cell r="R242">
            <v>2989288</v>
          </cell>
          <cell r="S242">
            <v>-19392</v>
          </cell>
        </row>
        <row r="243">
          <cell r="B243">
            <v>1</v>
          </cell>
          <cell r="C243" t="str">
            <v>O&amp;M</v>
          </cell>
          <cell r="D243" t="str">
            <v>Carolinas C&amp;MS</v>
          </cell>
          <cell r="E243" t="str">
            <v>CMS Labor Total w/ Burdens</v>
          </cell>
          <cell r="G243" t="str">
            <v>Other</v>
          </cell>
          <cell r="H243" t="str">
            <v>CMS Labor Total w/ Burdens</v>
          </cell>
          <cell r="I243">
            <v>0</v>
          </cell>
          <cell r="K243">
            <v>4</v>
          </cell>
          <cell r="M243">
            <v>10758</v>
          </cell>
          <cell r="N243">
            <v>5923</v>
          </cell>
          <cell r="O243">
            <v>4835</v>
          </cell>
          <cell r="P243">
            <v>42980</v>
          </cell>
          <cell r="Q243">
            <v>42980</v>
          </cell>
          <cell r="R243">
            <v>43180</v>
          </cell>
          <cell r="S243">
            <v>-200</v>
          </cell>
        </row>
        <row r="244">
          <cell r="B244">
            <v>1</v>
          </cell>
          <cell r="C244" t="str">
            <v>O&amp;M</v>
          </cell>
          <cell r="D244" t="str">
            <v>Carolinas C&amp;MS</v>
          </cell>
          <cell r="E244" t="str">
            <v>CMS Materials</v>
          </cell>
          <cell r="G244" t="str">
            <v>Materials</v>
          </cell>
          <cell r="H244" t="str">
            <v>CMS Materials</v>
          </cell>
          <cell r="I244">
            <v>0</v>
          </cell>
          <cell r="K244">
            <v>1701</v>
          </cell>
          <cell r="M244">
            <v>30969</v>
          </cell>
          <cell r="N244">
            <v>10942</v>
          </cell>
          <cell r="O244">
            <v>20027</v>
          </cell>
          <cell r="P244">
            <v>93591</v>
          </cell>
          <cell r="Q244">
            <v>93601</v>
          </cell>
          <cell r="R244">
            <v>88933</v>
          </cell>
          <cell r="S244">
            <v>4668</v>
          </cell>
        </row>
        <row r="245">
          <cell r="B245">
            <v>1</v>
          </cell>
          <cell r="C245" t="str">
            <v>O&amp;M</v>
          </cell>
          <cell r="D245" t="str">
            <v>Carolinas C&amp;MS</v>
          </cell>
          <cell r="E245" t="str">
            <v>CMS Materials</v>
          </cell>
          <cell r="G245" t="str">
            <v>Other</v>
          </cell>
          <cell r="H245" t="str">
            <v>CMS Materials</v>
          </cell>
          <cell r="I245">
            <v>0</v>
          </cell>
          <cell r="K245">
            <v>0</v>
          </cell>
          <cell r="M245">
            <v>42081</v>
          </cell>
          <cell r="N245">
            <v>205</v>
          </cell>
          <cell r="O245">
            <v>41876</v>
          </cell>
          <cell r="P245">
            <v>152500</v>
          </cell>
          <cell r="Q245">
            <v>152500</v>
          </cell>
          <cell r="R245">
            <v>27500</v>
          </cell>
          <cell r="S245">
            <v>125000</v>
          </cell>
        </row>
        <row r="246">
          <cell r="B246">
            <v>1</v>
          </cell>
          <cell r="C246" t="str">
            <v>O&amp;M</v>
          </cell>
          <cell r="D246" t="str">
            <v>Carolinas C&amp;MS</v>
          </cell>
          <cell r="E246" t="str">
            <v>CMS Other Miscellaneous</v>
          </cell>
          <cell r="G246" t="str">
            <v>Fleet</v>
          </cell>
          <cell r="H246" t="str">
            <v>CMS Other Miscellaneous</v>
          </cell>
          <cell r="I246">
            <v>0</v>
          </cell>
          <cell r="K246">
            <v>719</v>
          </cell>
          <cell r="M246">
            <v>5000</v>
          </cell>
          <cell r="N246">
            <v>3298</v>
          </cell>
          <cell r="O246">
            <v>1702</v>
          </cell>
          <cell r="P246">
            <v>15000</v>
          </cell>
          <cell r="Q246">
            <v>15000</v>
          </cell>
          <cell r="R246">
            <v>15000</v>
          </cell>
          <cell r="S246">
            <v>0</v>
          </cell>
        </row>
        <row r="247">
          <cell r="B247">
            <v>1</v>
          </cell>
          <cell r="C247" t="str">
            <v>O&amp;M</v>
          </cell>
          <cell r="D247" t="str">
            <v>Carolinas C&amp;MS</v>
          </cell>
          <cell r="E247" t="str">
            <v>CMS Other Miscellaneous</v>
          </cell>
          <cell r="G247" t="str">
            <v>Materials</v>
          </cell>
          <cell r="H247" t="str">
            <v>CMS Other Miscellaneous</v>
          </cell>
          <cell r="I247">
            <v>0</v>
          </cell>
          <cell r="K247">
            <v>24</v>
          </cell>
          <cell r="M247">
            <v>5664</v>
          </cell>
          <cell r="N247">
            <v>167</v>
          </cell>
          <cell r="O247">
            <v>5497</v>
          </cell>
          <cell r="P247">
            <v>19045</v>
          </cell>
          <cell r="Q247">
            <v>19045</v>
          </cell>
          <cell r="R247">
            <v>9164</v>
          </cell>
          <cell r="S247">
            <v>9881</v>
          </cell>
        </row>
        <row r="248">
          <cell r="B248">
            <v>1</v>
          </cell>
          <cell r="C248" t="str">
            <v>O&amp;M</v>
          </cell>
          <cell r="D248" t="str">
            <v>Carolinas C&amp;MS</v>
          </cell>
          <cell r="E248" t="str">
            <v>CMS Other Miscellaneous</v>
          </cell>
          <cell r="G248" t="str">
            <v>Rent/utilities</v>
          </cell>
          <cell r="H248" t="str">
            <v>CMS Other Miscellaneous</v>
          </cell>
          <cell r="I248">
            <v>0</v>
          </cell>
          <cell r="K248">
            <v>5663</v>
          </cell>
          <cell r="M248">
            <v>21368</v>
          </cell>
          <cell r="N248">
            <v>22020</v>
          </cell>
          <cell r="O248">
            <v>-652</v>
          </cell>
          <cell r="P248">
            <v>64100</v>
          </cell>
          <cell r="Q248">
            <v>64100</v>
          </cell>
          <cell r="R248">
            <v>64100</v>
          </cell>
          <cell r="S248">
            <v>0</v>
          </cell>
        </row>
        <row r="249">
          <cell r="B249">
            <v>1</v>
          </cell>
          <cell r="C249" t="str">
            <v>O&amp;M</v>
          </cell>
          <cell r="D249" t="str">
            <v>Carolinas C&amp;MS</v>
          </cell>
          <cell r="E249" t="str">
            <v>CMS Other Miscellaneous</v>
          </cell>
          <cell r="G249" t="str">
            <v>Other</v>
          </cell>
          <cell r="H249" t="str">
            <v>CMS Other Miscellaneous</v>
          </cell>
          <cell r="I249">
            <v>0</v>
          </cell>
          <cell r="K249">
            <v>1432</v>
          </cell>
          <cell r="M249">
            <v>72045</v>
          </cell>
          <cell r="N249">
            <v>79834</v>
          </cell>
          <cell r="O249">
            <v>-7789</v>
          </cell>
          <cell r="P249">
            <v>263125</v>
          </cell>
          <cell r="Q249">
            <v>263308</v>
          </cell>
          <cell r="R249">
            <v>304640</v>
          </cell>
          <cell r="S249">
            <v>-41332</v>
          </cell>
        </row>
        <row r="250">
          <cell r="B250">
            <v>1</v>
          </cell>
          <cell r="C250" t="str">
            <v>O&amp;M</v>
          </cell>
          <cell r="D250" t="str">
            <v>Carolinas C&amp;MS</v>
          </cell>
          <cell r="E250" t="str">
            <v>CMS Other Outside Services</v>
          </cell>
          <cell r="G250" t="str">
            <v>Contract Labor</v>
          </cell>
          <cell r="H250" t="str">
            <v>CMS Other Outside Services</v>
          </cell>
          <cell r="I250">
            <v>0</v>
          </cell>
          <cell r="K250">
            <v>37464</v>
          </cell>
          <cell r="M250">
            <v>196926</v>
          </cell>
          <cell r="N250">
            <v>194788</v>
          </cell>
          <cell r="O250">
            <v>2139</v>
          </cell>
          <cell r="P250">
            <v>543647</v>
          </cell>
          <cell r="Q250">
            <v>543664</v>
          </cell>
          <cell r="R250">
            <v>513029</v>
          </cell>
          <cell r="S250">
            <v>30635</v>
          </cell>
        </row>
        <row r="251">
          <cell r="B251">
            <v>1</v>
          </cell>
          <cell r="C251" t="str">
            <v>O&amp;M</v>
          </cell>
          <cell r="D251" t="str">
            <v>Carolinas C&amp;MS</v>
          </cell>
          <cell r="E251" t="str">
            <v>CMS Paystations</v>
          </cell>
          <cell r="G251" t="str">
            <v>Contract Labor</v>
          </cell>
          <cell r="H251" t="str">
            <v>CMS Paystations</v>
          </cell>
          <cell r="I251">
            <v>0</v>
          </cell>
          <cell r="K251">
            <v>67431</v>
          </cell>
          <cell r="M251">
            <v>297474</v>
          </cell>
          <cell r="N251">
            <v>276878</v>
          </cell>
          <cell r="O251">
            <v>20596</v>
          </cell>
          <cell r="P251">
            <v>882745</v>
          </cell>
          <cell r="Q251">
            <v>882745</v>
          </cell>
          <cell r="R251">
            <v>830745</v>
          </cell>
          <cell r="S251">
            <v>52000</v>
          </cell>
        </row>
        <row r="252">
          <cell r="B252">
            <v>1</v>
          </cell>
          <cell r="C252" t="str">
            <v>O&amp;M</v>
          </cell>
          <cell r="D252" t="str">
            <v>Carolinas C&amp;MS</v>
          </cell>
          <cell r="E252" t="str">
            <v>CMS Postage &amp; Materials</v>
          </cell>
          <cell r="G252" t="str">
            <v>Contract Labor</v>
          </cell>
          <cell r="H252" t="str">
            <v>CMS Postage &amp; Materials</v>
          </cell>
          <cell r="I252">
            <v>0</v>
          </cell>
          <cell r="K252">
            <v>6484</v>
          </cell>
          <cell r="M252">
            <v>35126</v>
          </cell>
          <cell r="N252">
            <v>26283</v>
          </cell>
          <cell r="O252">
            <v>8843</v>
          </cell>
          <cell r="P252">
            <v>91871</v>
          </cell>
          <cell r="Q252">
            <v>91871</v>
          </cell>
          <cell r="R252">
            <v>91871</v>
          </cell>
          <cell r="S252">
            <v>0</v>
          </cell>
        </row>
        <row r="253">
          <cell r="B253">
            <v>1</v>
          </cell>
          <cell r="C253" t="str">
            <v>O&amp;M</v>
          </cell>
          <cell r="D253" t="str">
            <v>Carolinas C&amp;MS</v>
          </cell>
          <cell r="E253" t="str">
            <v>CMS Postage &amp; Materials</v>
          </cell>
          <cell r="G253" t="str">
            <v>Materials</v>
          </cell>
          <cell r="H253" t="str">
            <v>CMS Postage &amp; Materials</v>
          </cell>
          <cell r="I253">
            <v>0</v>
          </cell>
          <cell r="K253">
            <v>53455</v>
          </cell>
          <cell r="M253">
            <v>297965</v>
          </cell>
          <cell r="N253">
            <v>120367</v>
          </cell>
          <cell r="O253">
            <v>177597</v>
          </cell>
          <cell r="P253">
            <v>887693</v>
          </cell>
          <cell r="Q253">
            <v>887693</v>
          </cell>
          <cell r="R253">
            <v>887693</v>
          </cell>
          <cell r="S253">
            <v>0</v>
          </cell>
        </row>
        <row r="254">
          <cell r="B254">
            <v>1</v>
          </cell>
          <cell r="C254" t="str">
            <v>O&amp;M</v>
          </cell>
          <cell r="D254" t="str">
            <v>Carolinas C&amp;MS</v>
          </cell>
          <cell r="E254" t="str">
            <v>CMS Postage &amp; Materials</v>
          </cell>
          <cell r="G254" t="str">
            <v>Rent/utilities</v>
          </cell>
          <cell r="H254" t="str">
            <v>CMS Postage &amp; Materials</v>
          </cell>
          <cell r="I254">
            <v>0</v>
          </cell>
          <cell r="K254">
            <v>8927</v>
          </cell>
          <cell r="M254">
            <v>17900</v>
          </cell>
          <cell r="N254">
            <v>17790</v>
          </cell>
          <cell r="O254">
            <v>110</v>
          </cell>
          <cell r="P254">
            <v>35800</v>
          </cell>
          <cell r="Q254">
            <v>35800</v>
          </cell>
          <cell r="R254">
            <v>35800</v>
          </cell>
          <cell r="S254">
            <v>0</v>
          </cell>
        </row>
        <row r="255">
          <cell r="B255">
            <v>1</v>
          </cell>
          <cell r="C255" t="str">
            <v>O&amp;M</v>
          </cell>
          <cell r="D255" t="str">
            <v>Carolinas C&amp;MS</v>
          </cell>
          <cell r="E255" t="str">
            <v>CMS Postage &amp; Materials</v>
          </cell>
          <cell r="G255" t="str">
            <v>Other</v>
          </cell>
          <cell r="H255" t="str">
            <v>CMS Postage &amp; Materials</v>
          </cell>
          <cell r="I255">
            <v>0</v>
          </cell>
          <cell r="K255">
            <v>529935</v>
          </cell>
          <cell r="M255">
            <v>1949582</v>
          </cell>
          <cell r="N255">
            <v>1901951</v>
          </cell>
          <cell r="O255">
            <v>47631</v>
          </cell>
          <cell r="P255">
            <v>5672988</v>
          </cell>
          <cell r="Q255">
            <v>5672988</v>
          </cell>
          <cell r="R255">
            <v>5370988</v>
          </cell>
          <cell r="S255">
            <v>302000</v>
          </cell>
        </row>
        <row r="256">
          <cell r="B256">
            <v>1</v>
          </cell>
          <cell r="C256" t="str">
            <v>O&amp;M</v>
          </cell>
          <cell r="D256" t="str">
            <v>Carolinas C&amp;MS</v>
          </cell>
          <cell r="E256" t="str">
            <v>CMS Revenue Protection</v>
          </cell>
          <cell r="G256" t="str">
            <v>Company Labor</v>
          </cell>
          <cell r="H256" t="str">
            <v>CMS Revenue Protection</v>
          </cell>
          <cell r="I256">
            <v>0</v>
          </cell>
          <cell r="K256">
            <v>52117</v>
          </cell>
          <cell r="M256">
            <v>229232</v>
          </cell>
          <cell r="N256">
            <v>222810</v>
          </cell>
          <cell r="O256">
            <v>6422</v>
          </cell>
          <cell r="P256">
            <v>686383</v>
          </cell>
          <cell r="Q256">
            <v>686383</v>
          </cell>
          <cell r="R256">
            <v>686383</v>
          </cell>
          <cell r="S256">
            <v>0</v>
          </cell>
        </row>
        <row r="257">
          <cell r="B257">
            <v>1</v>
          </cell>
          <cell r="C257" t="str">
            <v>O&amp;M</v>
          </cell>
          <cell r="D257" t="str">
            <v>Carolinas C&amp;MS</v>
          </cell>
          <cell r="E257" t="str">
            <v>CMS Revenue Protection</v>
          </cell>
          <cell r="G257" t="str">
            <v>Company Labor</v>
          </cell>
          <cell r="H257" t="str">
            <v>CMS Revenue Protection</v>
          </cell>
          <cell r="I257">
            <v>0</v>
          </cell>
          <cell r="K257">
            <v>32677</v>
          </cell>
          <cell r="M257">
            <v>144107</v>
          </cell>
          <cell r="N257">
            <v>139702</v>
          </cell>
          <cell r="O257">
            <v>4405</v>
          </cell>
          <cell r="P257">
            <v>431489</v>
          </cell>
          <cell r="Q257">
            <v>431489</v>
          </cell>
          <cell r="R257">
            <v>431216</v>
          </cell>
          <cell r="S257">
            <v>273</v>
          </cell>
        </row>
        <row r="258">
          <cell r="B258">
            <v>1</v>
          </cell>
          <cell r="C258" t="str">
            <v>O&amp;M</v>
          </cell>
          <cell r="D258" t="str">
            <v>Carolinas C&amp;MS</v>
          </cell>
          <cell r="E258" t="str">
            <v>CMS Revenue Protection</v>
          </cell>
          <cell r="G258" t="str">
            <v>Company Labor</v>
          </cell>
          <cell r="H258" t="str">
            <v>CMS Revenue Protection</v>
          </cell>
          <cell r="I258">
            <v>0</v>
          </cell>
          <cell r="K258">
            <v>0</v>
          </cell>
          <cell r="M258">
            <v>2080</v>
          </cell>
          <cell r="N258">
            <v>0</v>
          </cell>
          <cell r="O258">
            <v>2080</v>
          </cell>
          <cell r="P258">
            <v>6194</v>
          </cell>
          <cell r="Q258">
            <v>6194</v>
          </cell>
          <cell r="R258">
            <v>4694</v>
          </cell>
          <cell r="S258">
            <v>1500</v>
          </cell>
        </row>
        <row r="259">
          <cell r="B259">
            <v>1</v>
          </cell>
          <cell r="C259" t="str">
            <v>O&amp;M</v>
          </cell>
          <cell r="D259" t="str">
            <v>Carolinas C&amp;MS</v>
          </cell>
          <cell r="E259" t="str">
            <v>CMS Revenue Protection</v>
          </cell>
          <cell r="G259" t="str">
            <v>Fleet</v>
          </cell>
          <cell r="H259" t="str">
            <v>CMS Revenue Protection</v>
          </cell>
          <cell r="I259">
            <v>0</v>
          </cell>
          <cell r="K259">
            <v>11831</v>
          </cell>
          <cell r="M259">
            <v>35800</v>
          </cell>
          <cell r="N259">
            <v>47567</v>
          </cell>
          <cell r="O259">
            <v>-11767</v>
          </cell>
          <cell r="P259">
            <v>107400</v>
          </cell>
          <cell r="Q259">
            <v>107400</v>
          </cell>
          <cell r="R259">
            <v>107400</v>
          </cell>
          <cell r="S259">
            <v>0</v>
          </cell>
        </row>
        <row r="260">
          <cell r="B260">
            <v>1</v>
          </cell>
          <cell r="C260" t="str">
            <v>O&amp;M</v>
          </cell>
          <cell r="D260" t="str">
            <v>Carolinas C&amp;MS</v>
          </cell>
          <cell r="E260" t="str">
            <v>CMS Revenue Protection</v>
          </cell>
          <cell r="G260" t="str">
            <v>Meals/Travel</v>
          </cell>
          <cell r="H260" t="str">
            <v>CMS Revenue Protection</v>
          </cell>
          <cell r="I260">
            <v>0</v>
          </cell>
          <cell r="K260">
            <v>6</v>
          </cell>
          <cell r="M260">
            <v>2000</v>
          </cell>
          <cell r="N260">
            <v>4056</v>
          </cell>
          <cell r="O260">
            <v>-2056</v>
          </cell>
          <cell r="P260">
            <v>6000</v>
          </cell>
          <cell r="Q260">
            <v>6000</v>
          </cell>
          <cell r="R260">
            <v>6000</v>
          </cell>
          <cell r="S260">
            <v>0</v>
          </cell>
        </row>
        <row r="261">
          <cell r="B261">
            <v>1</v>
          </cell>
          <cell r="C261" t="str">
            <v>O&amp;M</v>
          </cell>
          <cell r="D261" t="str">
            <v>Carolinas C&amp;MS</v>
          </cell>
          <cell r="E261" t="str">
            <v>CMS Revenue Protection</v>
          </cell>
          <cell r="G261" t="str">
            <v>Materials</v>
          </cell>
          <cell r="H261" t="str">
            <v>CMS Revenue Protection</v>
          </cell>
          <cell r="I261">
            <v>0</v>
          </cell>
          <cell r="K261">
            <v>0</v>
          </cell>
          <cell r="M261">
            <v>3284</v>
          </cell>
          <cell r="N261">
            <v>1383</v>
          </cell>
          <cell r="O261">
            <v>1901</v>
          </cell>
          <cell r="P261">
            <v>9851</v>
          </cell>
          <cell r="Q261">
            <v>9851</v>
          </cell>
          <cell r="R261">
            <v>9851</v>
          </cell>
          <cell r="S261">
            <v>0</v>
          </cell>
        </row>
        <row r="262">
          <cell r="B262">
            <v>1</v>
          </cell>
          <cell r="C262" t="str">
            <v>O&amp;M</v>
          </cell>
          <cell r="D262" t="str">
            <v>Carolinas C&amp;MS</v>
          </cell>
          <cell r="E262" t="str">
            <v>CMS Revenue Protection</v>
          </cell>
          <cell r="G262" t="str">
            <v>Other</v>
          </cell>
          <cell r="H262" t="str">
            <v>CMS Revenue Protection</v>
          </cell>
          <cell r="I262">
            <v>0</v>
          </cell>
          <cell r="K262">
            <v>0</v>
          </cell>
          <cell r="M262">
            <v>2148</v>
          </cell>
          <cell r="N262">
            <v>1101</v>
          </cell>
          <cell r="O262">
            <v>1047</v>
          </cell>
          <cell r="P262">
            <v>6450</v>
          </cell>
          <cell r="Q262">
            <v>6450</v>
          </cell>
          <cell r="R262">
            <v>6450</v>
          </cell>
          <cell r="S262">
            <v>0</v>
          </cell>
        </row>
        <row r="263">
          <cell r="B263">
            <v>1</v>
          </cell>
          <cell r="C263" t="str">
            <v>O&amp;M</v>
          </cell>
          <cell r="D263" t="str">
            <v>Carolinas C&amp;MS</v>
          </cell>
          <cell r="E263" t="str">
            <v>CMS Travel/Meals/Lodging</v>
          </cell>
          <cell r="G263" t="str">
            <v>Meals/Travel</v>
          </cell>
          <cell r="H263" t="str">
            <v>CMS Travel/Meals/Lodging</v>
          </cell>
          <cell r="I263">
            <v>0</v>
          </cell>
          <cell r="K263">
            <v>8425</v>
          </cell>
          <cell r="M263">
            <v>39242</v>
          </cell>
          <cell r="N263">
            <v>38112</v>
          </cell>
          <cell r="O263">
            <v>1130</v>
          </cell>
          <cell r="P263">
            <v>122758</v>
          </cell>
          <cell r="Q263">
            <v>122758</v>
          </cell>
          <cell r="R263">
            <v>112486</v>
          </cell>
          <cell r="S263">
            <v>10272</v>
          </cell>
        </row>
        <row r="264">
          <cell r="B264">
            <v>1</v>
          </cell>
          <cell r="C264" t="str">
            <v>O&amp;M</v>
          </cell>
          <cell r="D264" t="str">
            <v>DSDR Recoverable</v>
          </cell>
          <cell r="E264" t="str">
            <v>DSDR Ongoing Maintenance</v>
          </cell>
          <cell r="G264" t="str">
            <v>Company Labor</v>
          </cell>
          <cell r="H264" t="str">
            <v>DSDR Ongoing Maintenance</v>
          </cell>
          <cell r="I264">
            <v>0</v>
          </cell>
          <cell r="K264">
            <v>14678</v>
          </cell>
          <cell r="M264">
            <v>90688</v>
          </cell>
          <cell r="N264">
            <v>40340</v>
          </cell>
          <cell r="O264">
            <v>50348</v>
          </cell>
          <cell r="P264">
            <v>262001</v>
          </cell>
          <cell r="Q264">
            <v>262001</v>
          </cell>
          <cell r="R264">
            <v>262001</v>
          </cell>
          <cell r="S264">
            <v>0</v>
          </cell>
        </row>
        <row r="265">
          <cell r="B265">
            <v>1</v>
          </cell>
          <cell r="C265" t="str">
            <v>O&amp;M</v>
          </cell>
          <cell r="D265" t="str">
            <v>DSDR Recoverable</v>
          </cell>
          <cell r="E265" t="str">
            <v>DSDR Ongoing Maintenance</v>
          </cell>
          <cell r="G265" t="str">
            <v>Company Labor</v>
          </cell>
          <cell r="H265" t="str">
            <v>DSDR Ongoing Maintenance</v>
          </cell>
          <cell r="I265">
            <v>0</v>
          </cell>
          <cell r="K265">
            <v>9237</v>
          </cell>
          <cell r="M265">
            <v>56862</v>
          </cell>
          <cell r="N265">
            <v>25450</v>
          </cell>
          <cell r="O265">
            <v>31412</v>
          </cell>
          <cell r="P265">
            <v>164275</v>
          </cell>
          <cell r="Q265">
            <v>164275</v>
          </cell>
          <cell r="R265">
            <v>164275</v>
          </cell>
          <cell r="S265">
            <v>0</v>
          </cell>
        </row>
        <row r="266">
          <cell r="B266">
            <v>1</v>
          </cell>
          <cell r="C266" t="str">
            <v>O&amp;M</v>
          </cell>
          <cell r="D266" t="str">
            <v>DSDR Recoverable</v>
          </cell>
          <cell r="E266" t="str">
            <v>DSDR Ongoing Maintenance</v>
          </cell>
          <cell r="G266" t="str">
            <v>Company Labor</v>
          </cell>
          <cell r="H266" t="str">
            <v>DSDR Ongoing Maintenance</v>
          </cell>
          <cell r="I266">
            <v>0</v>
          </cell>
          <cell r="K266">
            <v>184</v>
          </cell>
          <cell r="M266">
            <v>0</v>
          </cell>
          <cell r="N266">
            <v>858</v>
          </cell>
          <cell r="O266">
            <v>-858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</row>
        <row r="267">
          <cell r="B267">
            <v>1</v>
          </cell>
          <cell r="C267" t="str">
            <v>O&amp;M</v>
          </cell>
          <cell r="D267" t="str">
            <v>DSDR Recoverable</v>
          </cell>
          <cell r="E267" t="str">
            <v>DSDR Ongoing Maintenance</v>
          </cell>
          <cell r="G267" t="str">
            <v>Contract Labor</v>
          </cell>
          <cell r="H267" t="str">
            <v>DSDR Ongoing Maintenance</v>
          </cell>
          <cell r="I267">
            <v>0</v>
          </cell>
          <cell r="K267">
            <v>0</v>
          </cell>
          <cell r="M267">
            <v>0</v>
          </cell>
          <cell r="N267">
            <v>131</v>
          </cell>
          <cell r="O267">
            <v>-131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</row>
        <row r="268">
          <cell r="B268">
            <v>1</v>
          </cell>
          <cell r="C268" t="str">
            <v>O&amp;M</v>
          </cell>
          <cell r="D268" t="str">
            <v>DSDR Recoverable</v>
          </cell>
          <cell r="E268" t="str">
            <v>DSDR Ongoing Maintenance</v>
          </cell>
          <cell r="G268" t="str">
            <v>Fleet</v>
          </cell>
          <cell r="H268" t="str">
            <v>DSDR Ongoing Maintenance</v>
          </cell>
          <cell r="I268">
            <v>0</v>
          </cell>
          <cell r="K268">
            <v>5469</v>
          </cell>
          <cell r="M268">
            <v>0</v>
          </cell>
          <cell r="N268">
            <v>14617</v>
          </cell>
          <cell r="O268">
            <v>-14617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</row>
        <row r="269">
          <cell r="B269">
            <v>1</v>
          </cell>
          <cell r="C269" t="str">
            <v>O&amp;M</v>
          </cell>
          <cell r="D269" t="str">
            <v>DSDR Recoverable</v>
          </cell>
          <cell r="E269" t="str">
            <v>DSDR Ongoing Maintenance</v>
          </cell>
          <cell r="G269" t="str">
            <v>Materials</v>
          </cell>
          <cell r="H269" t="str">
            <v>DSDR Ongoing Maintenance</v>
          </cell>
          <cell r="I269">
            <v>0</v>
          </cell>
          <cell r="K269">
            <v>8028</v>
          </cell>
          <cell r="M269">
            <v>0</v>
          </cell>
          <cell r="N269">
            <v>41137</v>
          </cell>
          <cell r="O269">
            <v>-41137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</row>
        <row r="270">
          <cell r="B270">
            <v>1</v>
          </cell>
          <cell r="C270" t="str">
            <v>O&amp;M</v>
          </cell>
          <cell r="D270" t="str">
            <v>DSDR Recoverable</v>
          </cell>
          <cell r="E270" t="str">
            <v>DSDR Ongoing Operations</v>
          </cell>
          <cell r="G270" t="str">
            <v>Company Labor</v>
          </cell>
          <cell r="H270" t="str">
            <v>DSDR Ongoing Operations</v>
          </cell>
          <cell r="I270">
            <v>0</v>
          </cell>
          <cell r="K270">
            <v>16102</v>
          </cell>
          <cell r="M270">
            <v>92780</v>
          </cell>
          <cell r="N270">
            <v>66773</v>
          </cell>
          <cell r="O270">
            <v>26007</v>
          </cell>
          <cell r="P270">
            <v>268044</v>
          </cell>
          <cell r="Q270">
            <v>268044</v>
          </cell>
          <cell r="R270">
            <v>268044</v>
          </cell>
          <cell r="S270">
            <v>0</v>
          </cell>
        </row>
        <row r="271">
          <cell r="B271">
            <v>1</v>
          </cell>
          <cell r="C271" t="str">
            <v>O&amp;M</v>
          </cell>
          <cell r="D271" t="str">
            <v>DSDR Recoverable</v>
          </cell>
          <cell r="E271" t="str">
            <v>DSDR Ongoing Operations</v>
          </cell>
          <cell r="G271" t="str">
            <v>Company Labor</v>
          </cell>
          <cell r="H271" t="str">
            <v>DSDR Ongoing Operations</v>
          </cell>
          <cell r="I271">
            <v>0</v>
          </cell>
          <cell r="K271">
            <v>10151</v>
          </cell>
          <cell r="M271">
            <v>58173</v>
          </cell>
          <cell r="N271">
            <v>42093</v>
          </cell>
          <cell r="O271">
            <v>16080</v>
          </cell>
          <cell r="P271">
            <v>168063</v>
          </cell>
          <cell r="Q271">
            <v>168063</v>
          </cell>
          <cell r="R271">
            <v>168063</v>
          </cell>
          <cell r="S271">
            <v>0</v>
          </cell>
        </row>
        <row r="272">
          <cell r="B272">
            <v>1</v>
          </cell>
          <cell r="C272" t="str">
            <v>O&amp;M</v>
          </cell>
          <cell r="D272" t="str">
            <v>DSDR Recoverable</v>
          </cell>
          <cell r="E272" t="str">
            <v>DSDR Ongoing Operations</v>
          </cell>
          <cell r="G272" t="str">
            <v>Company Labor</v>
          </cell>
          <cell r="H272" t="str">
            <v>DSDR Ongoing Operations</v>
          </cell>
          <cell r="I272">
            <v>0</v>
          </cell>
          <cell r="K272">
            <v>301</v>
          </cell>
          <cell r="M272">
            <v>0</v>
          </cell>
          <cell r="N272">
            <v>1243</v>
          </cell>
          <cell r="O272">
            <v>-124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</row>
        <row r="273">
          <cell r="B273">
            <v>1</v>
          </cell>
          <cell r="C273" t="str">
            <v>O&amp;M</v>
          </cell>
          <cell r="D273" t="str">
            <v>DSDR Recoverable</v>
          </cell>
          <cell r="E273" t="str">
            <v>DSDR Ongoing Operations</v>
          </cell>
          <cell r="G273" t="str">
            <v>Meals/Travel</v>
          </cell>
          <cell r="H273" t="str">
            <v>DSDR Ongoing Operations</v>
          </cell>
          <cell r="I273">
            <v>0</v>
          </cell>
          <cell r="K273">
            <v>115</v>
          </cell>
          <cell r="M273">
            <v>0</v>
          </cell>
          <cell r="N273">
            <v>375</v>
          </cell>
          <cell r="O273">
            <v>-375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</row>
        <row r="274">
          <cell r="B274">
            <v>1</v>
          </cell>
          <cell r="C274" t="str">
            <v>O&amp;M</v>
          </cell>
          <cell r="D274" t="str">
            <v>DSDR Recoverable</v>
          </cell>
          <cell r="E274" t="str">
            <v>DSDR Project</v>
          </cell>
          <cell r="G274" t="str">
            <v>Company Labor</v>
          </cell>
          <cell r="H274" t="str">
            <v>DSDR Project</v>
          </cell>
          <cell r="I274">
            <v>0</v>
          </cell>
          <cell r="K274">
            <v>41496</v>
          </cell>
          <cell r="M274">
            <v>221708</v>
          </cell>
          <cell r="N274">
            <v>264524</v>
          </cell>
          <cell r="O274">
            <v>-42816</v>
          </cell>
          <cell r="P274">
            <v>557954</v>
          </cell>
          <cell r="Q274">
            <v>557954</v>
          </cell>
          <cell r="R274">
            <v>557954</v>
          </cell>
          <cell r="S274">
            <v>0</v>
          </cell>
        </row>
        <row r="275">
          <cell r="B275">
            <v>1</v>
          </cell>
          <cell r="C275" t="str">
            <v>O&amp;M</v>
          </cell>
          <cell r="D275" t="str">
            <v>DSDR Recoverable</v>
          </cell>
          <cell r="E275" t="str">
            <v>DSDR Project</v>
          </cell>
          <cell r="G275" t="str">
            <v>Company Labor</v>
          </cell>
          <cell r="H275" t="str">
            <v>DSDR Project</v>
          </cell>
          <cell r="I275">
            <v>0</v>
          </cell>
          <cell r="K275">
            <v>26197</v>
          </cell>
          <cell r="M275">
            <v>146533</v>
          </cell>
          <cell r="N275">
            <v>167000</v>
          </cell>
          <cell r="O275">
            <v>-20467</v>
          </cell>
          <cell r="P275">
            <v>372218</v>
          </cell>
          <cell r="Q275">
            <v>372218</v>
          </cell>
          <cell r="R275">
            <v>372218</v>
          </cell>
          <cell r="S275">
            <v>0</v>
          </cell>
        </row>
        <row r="276">
          <cell r="B276">
            <v>1</v>
          </cell>
          <cell r="C276" t="str">
            <v>O&amp;M</v>
          </cell>
          <cell r="D276" t="str">
            <v>DSDR Recoverable</v>
          </cell>
          <cell r="E276" t="str">
            <v>DSDR Project</v>
          </cell>
          <cell r="G276" t="str">
            <v>Company Labor</v>
          </cell>
          <cell r="H276" t="str">
            <v>DSDR Project</v>
          </cell>
          <cell r="I276">
            <v>0</v>
          </cell>
          <cell r="K276">
            <v>982</v>
          </cell>
          <cell r="M276">
            <v>21576</v>
          </cell>
          <cell r="N276">
            <v>6277</v>
          </cell>
          <cell r="O276">
            <v>15299</v>
          </cell>
          <cell r="P276">
            <v>83463</v>
          </cell>
          <cell r="Q276">
            <v>83463</v>
          </cell>
          <cell r="R276">
            <v>83463</v>
          </cell>
          <cell r="S276">
            <v>0</v>
          </cell>
        </row>
        <row r="277">
          <cell r="B277">
            <v>1</v>
          </cell>
          <cell r="C277" t="str">
            <v>O&amp;M</v>
          </cell>
          <cell r="D277" t="str">
            <v>DSDR Recoverable</v>
          </cell>
          <cell r="E277" t="str">
            <v>DSDR Project</v>
          </cell>
          <cell r="G277" t="str">
            <v>Contract Labor</v>
          </cell>
          <cell r="H277" t="str">
            <v>DSDR Project</v>
          </cell>
          <cell r="I277">
            <v>0</v>
          </cell>
          <cell r="K277">
            <v>19003</v>
          </cell>
          <cell r="M277">
            <v>79372</v>
          </cell>
          <cell r="N277">
            <v>184635</v>
          </cell>
          <cell r="O277">
            <v>-105263</v>
          </cell>
          <cell r="P277">
            <v>217875</v>
          </cell>
          <cell r="Q277">
            <v>217875</v>
          </cell>
          <cell r="R277">
            <v>217875</v>
          </cell>
          <cell r="S277">
            <v>0</v>
          </cell>
        </row>
        <row r="278">
          <cell r="B278">
            <v>1</v>
          </cell>
          <cell r="C278" t="str">
            <v>O&amp;M</v>
          </cell>
          <cell r="D278" t="str">
            <v>DSDR Recoverable</v>
          </cell>
          <cell r="E278" t="str">
            <v>DSDR Project</v>
          </cell>
          <cell r="G278" t="str">
            <v>Fleet</v>
          </cell>
          <cell r="H278" t="str">
            <v>DSDR Project</v>
          </cell>
          <cell r="I278">
            <v>0</v>
          </cell>
          <cell r="K278">
            <v>7108</v>
          </cell>
          <cell r="M278">
            <v>64906</v>
          </cell>
          <cell r="N278">
            <v>49092</v>
          </cell>
          <cell r="O278">
            <v>15814</v>
          </cell>
          <cell r="P278">
            <v>186769</v>
          </cell>
          <cell r="Q278">
            <v>186769</v>
          </cell>
          <cell r="R278">
            <v>186769</v>
          </cell>
          <cell r="S278">
            <v>0</v>
          </cell>
        </row>
        <row r="279">
          <cell r="B279">
            <v>1</v>
          </cell>
          <cell r="C279" t="str">
            <v>O&amp;M</v>
          </cell>
          <cell r="D279" t="str">
            <v>DSDR Recoverable</v>
          </cell>
          <cell r="E279" t="str">
            <v>DSDR Project</v>
          </cell>
          <cell r="G279" t="str">
            <v>Meals/Travel</v>
          </cell>
          <cell r="H279" t="str">
            <v>DSDR Project</v>
          </cell>
          <cell r="I279">
            <v>0</v>
          </cell>
          <cell r="K279">
            <v>6817</v>
          </cell>
          <cell r="M279">
            <v>2495</v>
          </cell>
          <cell r="N279">
            <v>20675</v>
          </cell>
          <cell r="O279">
            <v>-18181</v>
          </cell>
          <cell r="P279">
            <v>6789</v>
          </cell>
          <cell r="Q279">
            <v>6789</v>
          </cell>
          <cell r="R279">
            <v>6789</v>
          </cell>
          <cell r="S279">
            <v>0</v>
          </cell>
        </row>
        <row r="280">
          <cell r="B280">
            <v>1</v>
          </cell>
          <cell r="C280" t="str">
            <v>O&amp;M</v>
          </cell>
          <cell r="D280" t="str">
            <v>DSDR Recoverable</v>
          </cell>
          <cell r="E280" t="str">
            <v>DSDR Project</v>
          </cell>
          <cell r="G280" t="str">
            <v>Materials</v>
          </cell>
          <cell r="H280" t="str">
            <v>DSDR Project</v>
          </cell>
          <cell r="I280">
            <v>0</v>
          </cell>
          <cell r="K280">
            <v>10727</v>
          </cell>
          <cell r="M280">
            <v>72142</v>
          </cell>
          <cell r="N280">
            <v>21070</v>
          </cell>
          <cell r="O280">
            <v>51072</v>
          </cell>
          <cell r="P280">
            <v>222200</v>
          </cell>
          <cell r="Q280">
            <v>222200</v>
          </cell>
          <cell r="R280">
            <v>210112</v>
          </cell>
          <cell r="S280">
            <v>12088</v>
          </cell>
        </row>
        <row r="281">
          <cell r="B281">
            <v>1</v>
          </cell>
          <cell r="C281" t="str">
            <v>O&amp;M</v>
          </cell>
          <cell r="D281" t="str">
            <v>DSDR Recoverable</v>
          </cell>
          <cell r="E281" t="str">
            <v>DSDR Project</v>
          </cell>
          <cell r="G281" t="str">
            <v>Other</v>
          </cell>
          <cell r="H281" t="str">
            <v>DSDR Project</v>
          </cell>
          <cell r="I281">
            <v>0</v>
          </cell>
          <cell r="K281">
            <v>1053</v>
          </cell>
          <cell r="M281">
            <v>-174081</v>
          </cell>
          <cell r="N281">
            <v>4422</v>
          </cell>
          <cell r="O281">
            <v>-178503</v>
          </cell>
          <cell r="P281">
            <v>146202</v>
          </cell>
          <cell r="Q281">
            <v>-1730280</v>
          </cell>
          <cell r="R281">
            <v>-370212</v>
          </cell>
          <cell r="S281">
            <v>-1360068</v>
          </cell>
        </row>
        <row r="282">
          <cell r="B282">
            <v>1</v>
          </cell>
          <cell r="C282" t="str">
            <v>O&amp;M</v>
          </cell>
          <cell r="D282" t="str">
            <v>DSDR Recoverable</v>
          </cell>
          <cell r="E282" t="str">
            <v>DSDR Project</v>
          </cell>
          <cell r="G282" t="str">
            <v>Management adjustment</v>
          </cell>
          <cell r="H282" t="str">
            <v>DSDR Project</v>
          </cell>
          <cell r="I282">
            <v>0</v>
          </cell>
          <cell r="K282">
            <v>0</v>
          </cell>
          <cell r="M282">
            <v>0</v>
          </cell>
          <cell r="N282">
            <v>0</v>
          </cell>
          <cell r="O282">
            <v>0</v>
          </cell>
          <cell r="P282">
            <v>1450001</v>
          </cell>
          <cell r="Q282">
            <v>1450001</v>
          </cell>
          <cell r="R282">
            <v>28158</v>
          </cell>
          <cell r="S282">
            <v>1421843</v>
          </cell>
        </row>
        <row r="283">
          <cell r="B283">
            <v>1</v>
          </cell>
          <cell r="C283" t="str">
            <v>O&amp;M</v>
          </cell>
          <cell r="D283" t="str">
            <v>DSDR Recoverable</v>
          </cell>
          <cell r="E283" t="str">
            <v>DSDR Project</v>
          </cell>
          <cell r="G283" t="str">
            <v>Transformer &amp; meter credits</v>
          </cell>
          <cell r="H283" t="str">
            <v>DSDR Project</v>
          </cell>
          <cell r="I283">
            <v>0</v>
          </cell>
          <cell r="K283">
            <v>-45802</v>
          </cell>
          <cell r="M283">
            <v>-148948</v>
          </cell>
          <cell r="N283">
            <v>-322981</v>
          </cell>
          <cell r="O283">
            <v>174033</v>
          </cell>
          <cell r="P283">
            <v>-409607</v>
          </cell>
          <cell r="Q283">
            <v>-409607</v>
          </cell>
          <cell r="R283">
            <v>-409607</v>
          </cell>
          <cell r="S283">
            <v>0</v>
          </cell>
        </row>
        <row r="284">
          <cell r="B284">
            <v>1</v>
          </cell>
          <cell r="C284" t="str">
            <v>O&amp;M</v>
          </cell>
          <cell r="D284" t="str">
            <v>Non DSDR Recoverable</v>
          </cell>
          <cell r="E284" t="str">
            <v>DSDR Project</v>
          </cell>
          <cell r="G284" t="str">
            <v>Company Labor</v>
          </cell>
          <cell r="H284" t="str">
            <v>DSDR Project</v>
          </cell>
          <cell r="I284">
            <v>0</v>
          </cell>
          <cell r="K284">
            <v>0</v>
          </cell>
          <cell r="M284">
            <v>0</v>
          </cell>
          <cell r="N284">
            <v>187</v>
          </cell>
          <cell r="O284">
            <v>-187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</row>
        <row r="285">
          <cell r="B285">
            <v>1</v>
          </cell>
          <cell r="C285" t="str">
            <v>O&amp;M</v>
          </cell>
          <cell r="D285" t="str">
            <v>Non DSDR Recoverable</v>
          </cell>
          <cell r="E285" t="str">
            <v>DSDR Project</v>
          </cell>
          <cell r="G285" t="str">
            <v>Company Labor</v>
          </cell>
          <cell r="H285" t="str">
            <v>DSDR Project</v>
          </cell>
          <cell r="I285">
            <v>0</v>
          </cell>
          <cell r="K285">
            <v>0</v>
          </cell>
          <cell r="M285">
            <v>0</v>
          </cell>
          <cell r="N285">
            <v>117</v>
          </cell>
          <cell r="O285">
            <v>-117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</row>
        <row r="286">
          <cell r="B286">
            <v>1</v>
          </cell>
          <cell r="C286" t="str">
            <v>O&amp;M</v>
          </cell>
          <cell r="D286" t="str">
            <v>Non DSDR Recoverable</v>
          </cell>
          <cell r="E286" t="str">
            <v>DSDR Project</v>
          </cell>
          <cell r="G286" t="str">
            <v>Fleet</v>
          </cell>
          <cell r="H286" t="str">
            <v>DSDR Project</v>
          </cell>
          <cell r="I286">
            <v>0</v>
          </cell>
          <cell r="K286">
            <v>0</v>
          </cell>
          <cell r="M286">
            <v>0</v>
          </cell>
          <cell r="N286">
            <v>57</v>
          </cell>
          <cell r="O286">
            <v>-57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</row>
        <row r="287">
          <cell r="B287">
            <v>1</v>
          </cell>
          <cell r="C287" t="str">
            <v>O&amp;M</v>
          </cell>
          <cell r="D287" t="str">
            <v>Non DSDR Recoverable</v>
          </cell>
          <cell r="E287" t="str">
            <v>DSDR Project</v>
          </cell>
          <cell r="G287" t="str">
            <v>Materials</v>
          </cell>
          <cell r="H287" t="str">
            <v>DSDR Project</v>
          </cell>
          <cell r="I287">
            <v>0</v>
          </cell>
          <cell r="K287">
            <v>0</v>
          </cell>
          <cell r="M287">
            <v>0</v>
          </cell>
          <cell r="N287">
            <v>-1505</v>
          </cell>
          <cell r="O287">
            <v>1505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</row>
        <row r="288">
          <cell r="B288">
            <v>1</v>
          </cell>
          <cell r="C288" t="str">
            <v>O&amp;M</v>
          </cell>
          <cell r="D288" t="str">
            <v>Non DSDR Recoverable</v>
          </cell>
          <cell r="E288" t="str">
            <v>DSDR Project</v>
          </cell>
          <cell r="G288" t="str">
            <v>Other</v>
          </cell>
          <cell r="H288" t="str">
            <v>DSDR Project</v>
          </cell>
          <cell r="I288">
            <v>0</v>
          </cell>
          <cell r="K288">
            <v>0</v>
          </cell>
          <cell r="M288">
            <v>0</v>
          </cell>
          <cell r="N288">
            <v>-200</v>
          </cell>
          <cell r="O288">
            <v>200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</row>
        <row r="289">
          <cell r="B289">
            <v>1</v>
          </cell>
          <cell r="C289" t="str">
            <v>O&amp;M</v>
          </cell>
          <cell r="D289" t="str">
            <v>EDC Uncollectibles</v>
          </cell>
          <cell r="E289">
            <v>0</v>
          </cell>
          <cell r="G289" t="str">
            <v>Contract Labor</v>
          </cell>
          <cell r="H289">
            <v>0</v>
          </cell>
          <cell r="I289">
            <v>0</v>
          </cell>
          <cell r="K289">
            <v>79547</v>
          </cell>
          <cell r="M289">
            <v>267140</v>
          </cell>
          <cell r="N289">
            <v>302163</v>
          </cell>
          <cell r="O289">
            <v>-35023</v>
          </cell>
          <cell r="P289">
            <v>737944</v>
          </cell>
          <cell r="Q289">
            <v>737944</v>
          </cell>
          <cell r="R289">
            <v>737944</v>
          </cell>
          <cell r="S289">
            <v>0</v>
          </cell>
        </row>
        <row r="290">
          <cell r="B290">
            <v>1</v>
          </cell>
          <cell r="C290" t="str">
            <v>O&amp;M</v>
          </cell>
          <cell r="D290" t="str">
            <v>EDC Uncollectibles</v>
          </cell>
          <cell r="E290">
            <v>0</v>
          </cell>
          <cell r="G290" t="str">
            <v>Other</v>
          </cell>
          <cell r="H290">
            <v>0</v>
          </cell>
          <cell r="I290">
            <v>0</v>
          </cell>
          <cell r="K290">
            <v>441967</v>
          </cell>
          <cell r="M290">
            <v>3863564</v>
          </cell>
          <cell r="N290">
            <v>1914493</v>
          </cell>
          <cell r="O290">
            <v>1949071</v>
          </cell>
          <cell r="P290">
            <v>11100000</v>
          </cell>
          <cell r="Q290">
            <v>11100000</v>
          </cell>
          <cell r="R290">
            <v>10100000</v>
          </cell>
          <cell r="S290">
            <v>1000000</v>
          </cell>
        </row>
        <row r="291">
          <cell r="B291">
            <v>60</v>
          </cell>
          <cell r="C291" t="str">
            <v>O&amp;M</v>
          </cell>
          <cell r="D291" t="str">
            <v>Florida C&amp;MS</v>
          </cell>
          <cell r="E291" t="str">
            <v>CMS Co-owned Equip Maintenance</v>
          </cell>
          <cell r="G291" t="str">
            <v>Other</v>
          </cell>
          <cell r="H291" t="str">
            <v>CMS Co-owned Equip Maintenance</v>
          </cell>
          <cell r="I291">
            <v>0</v>
          </cell>
          <cell r="K291">
            <v>0</v>
          </cell>
          <cell r="M291">
            <v>134932</v>
          </cell>
          <cell r="N291">
            <v>144730</v>
          </cell>
          <cell r="O291">
            <v>-9798</v>
          </cell>
          <cell r="P291">
            <v>572192</v>
          </cell>
          <cell r="Q291">
            <v>572192</v>
          </cell>
          <cell r="R291">
            <v>576564</v>
          </cell>
          <cell r="S291">
            <v>-4372</v>
          </cell>
        </row>
        <row r="292">
          <cell r="B292">
            <v>60</v>
          </cell>
          <cell r="C292" t="str">
            <v>O&amp;M</v>
          </cell>
          <cell r="D292" t="str">
            <v>Florida C&amp;MS</v>
          </cell>
          <cell r="E292" t="str">
            <v>CMS Labor Total w/ Burdens</v>
          </cell>
          <cell r="G292" t="str">
            <v>Company Labor</v>
          </cell>
          <cell r="H292" t="str">
            <v>CMS Labor Total w/ Burdens</v>
          </cell>
          <cell r="I292">
            <v>0</v>
          </cell>
          <cell r="K292">
            <v>642649</v>
          </cell>
          <cell r="M292">
            <v>3176288</v>
          </cell>
          <cell r="N292">
            <v>2961809</v>
          </cell>
          <cell r="O292">
            <v>214479</v>
          </cell>
          <cell r="P292">
            <v>9479645</v>
          </cell>
          <cell r="Q292">
            <v>9499324</v>
          </cell>
          <cell r="R292">
            <v>9144792</v>
          </cell>
          <cell r="S292">
            <v>354532</v>
          </cell>
        </row>
        <row r="293">
          <cell r="B293">
            <v>60</v>
          </cell>
          <cell r="C293" t="str">
            <v>O&amp;M</v>
          </cell>
          <cell r="D293" t="str">
            <v>Florida C&amp;MS</v>
          </cell>
          <cell r="E293" t="str">
            <v>CMS Labor Total w/ Burdens</v>
          </cell>
          <cell r="G293" t="str">
            <v>Company Labor</v>
          </cell>
          <cell r="H293" t="str">
            <v>CMS Labor Total w/ Burdens</v>
          </cell>
          <cell r="I293">
            <v>0</v>
          </cell>
          <cell r="K293">
            <v>426924</v>
          </cell>
          <cell r="M293">
            <v>2116232</v>
          </cell>
          <cell r="N293">
            <v>1959119</v>
          </cell>
          <cell r="O293">
            <v>157113</v>
          </cell>
          <cell r="P293">
            <v>6332182</v>
          </cell>
          <cell r="Q293">
            <v>6329461</v>
          </cell>
          <cell r="R293">
            <v>6117703</v>
          </cell>
          <cell r="S293">
            <v>211758</v>
          </cell>
        </row>
        <row r="294">
          <cell r="B294">
            <v>60</v>
          </cell>
          <cell r="C294" t="str">
            <v>O&amp;M</v>
          </cell>
          <cell r="D294" t="str">
            <v>Florida C&amp;MS</v>
          </cell>
          <cell r="E294" t="str">
            <v>CMS Labor Total w/ Burdens</v>
          </cell>
          <cell r="G294" t="str">
            <v>Company Labor</v>
          </cell>
          <cell r="H294" t="str">
            <v>CMS Labor Total w/ Burdens</v>
          </cell>
          <cell r="I294">
            <v>0</v>
          </cell>
          <cell r="K294">
            <v>16893</v>
          </cell>
          <cell r="M294">
            <v>112024</v>
          </cell>
          <cell r="N294">
            <v>86245</v>
          </cell>
          <cell r="O294">
            <v>25780</v>
          </cell>
          <cell r="P294">
            <v>327029</v>
          </cell>
          <cell r="Q294">
            <v>327029</v>
          </cell>
          <cell r="R294">
            <v>327029</v>
          </cell>
          <cell r="S294">
            <v>0</v>
          </cell>
        </row>
        <row r="295">
          <cell r="B295">
            <v>60</v>
          </cell>
          <cell r="C295" t="str">
            <v>O&amp;M</v>
          </cell>
          <cell r="D295" t="str">
            <v>Florida C&amp;MS</v>
          </cell>
          <cell r="E295" t="str">
            <v>CMS Labor Total w/ Burdens</v>
          </cell>
          <cell r="G295" t="str">
            <v>Contract Labor</v>
          </cell>
          <cell r="H295" t="str">
            <v>CMS Labor Total w/ Burdens</v>
          </cell>
          <cell r="I295">
            <v>0</v>
          </cell>
          <cell r="K295">
            <v>346994</v>
          </cell>
          <cell r="M295">
            <v>1494788</v>
          </cell>
          <cell r="N295">
            <v>1470077</v>
          </cell>
          <cell r="O295">
            <v>24711</v>
          </cell>
          <cell r="P295">
            <v>4565247</v>
          </cell>
          <cell r="Q295">
            <v>4565247</v>
          </cell>
          <cell r="R295">
            <v>4224935</v>
          </cell>
          <cell r="S295">
            <v>340312</v>
          </cell>
        </row>
        <row r="296">
          <cell r="B296">
            <v>60</v>
          </cell>
          <cell r="C296" t="str">
            <v>O&amp;M</v>
          </cell>
          <cell r="D296" t="str">
            <v>Florida C&amp;MS</v>
          </cell>
          <cell r="E296" t="str">
            <v>CMS Labor Total w/ Burdens</v>
          </cell>
          <cell r="G296" t="str">
            <v>Other</v>
          </cell>
          <cell r="H296" t="str">
            <v>CMS Labor Total w/ Burdens</v>
          </cell>
          <cell r="I296">
            <v>0</v>
          </cell>
          <cell r="K296">
            <v>6457</v>
          </cell>
          <cell r="M296">
            <v>9757</v>
          </cell>
          <cell r="N296">
            <v>16447</v>
          </cell>
          <cell r="O296">
            <v>-6690</v>
          </cell>
          <cell r="P296">
            <v>38745</v>
          </cell>
          <cell r="Q296">
            <v>38745</v>
          </cell>
          <cell r="R296">
            <v>38745</v>
          </cell>
          <cell r="S296">
            <v>0</v>
          </cell>
        </row>
        <row r="297">
          <cell r="B297">
            <v>60</v>
          </cell>
          <cell r="C297" t="str">
            <v>O&amp;M</v>
          </cell>
          <cell r="D297" t="str">
            <v>Florida C&amp;MS</v>
          </cell>
          <cell r="E297" t="str">
            <v>CMS Materials</v>
          </cell>
          <cell r="G297" t="str">
            <v>Materials</v>
          </cell>
          <cell r="H297" t="str">
            <v>CMS Materials</v>
          </cell>
          <cell r="I297">
            <v>0</v>
          </cell>
          <cell r="K297">
            <v>3205</v>
          </cell>
          <cell r="M297">
            <v>87713</v>
          </cell>
          <cell r="N297">
            <v>39855</v>
          </cell>
          <cell r="O297">
            <v>47858</v>
          </cell>
          <cell r="P297">
            <v>248919</v>
          </cell>
          <cell r="Q297">
            <v>248909</v>
          </cell>
          <cell r="R297">
            <v>216365</v>
          </cell>
          <cell r="S297">
            <v>32544</v>
          </cell>
        </row>
        <row r="298">
          <cell r="B298">
            <v>60</v>
          </cell>
          <cell r="C298" t="str">
            <v>O&amp;M</v>
          </cell>
          <cell r="D298" t="str">
            <v>Florida C&amp;MS</v>
          </cell>
          <cell r="E298" t="str">
            <v>CMS Materials</v>
          </cell>
          <cell r="G298" t="str">
            <v>Other</v>
          </cell>
          <cell r="H298" t="str">
            <v>CMS Materials</v>
          </cell>
          <cell r="I298">
            <v>0</v>
          </cell>
          <cell r="K298">
            <v>490</v>
          </cell>
          <cell r="M298">
            <v>418</v>
          </cell>
          <cell r="N298">
            <v>490</v>
          </cell>
          <cell r="O298">
            <v>-72</v>
          </cell>
          <cell r="P298">
            <v>1250</v>
          </cell>
          <cell r="Q298">
            <v>1250</v>
          </cell>
          <cell r="R298">
            <v>1250</v>
          </cell>
          <cell r="S298">
            <v>0</v>
          </cell>
        </row>
        <row r="299">
          <cell r="B299">
            <v>60</v>
          </cell>
          <cell r="C299" t="str">
            <v>O&amp;M</v>
          </cell>
          <cell r="D299" t="str">
            <v>Florida C&amp;MS</v>
          </cell>
          <cell r="E299" t="str">
            <v>CMS Other Miscellaneous</v>
          </cell>
          <cell r="G299" t="str">
            <v>Company Labor</v>
          </cell>
          <cell r="H299" t="str">
            <v>CMS Other Miscellaneous</v>
          </cell>
          <cell r="I299">
            <v>0</v>
          </cell>
          <cell r="K299">
            <v>3992</v>
          </cell>
          <cell r="M299">
            <v>0</v>
          </cell>
          <cell r="N299">
            <v>7153</v>
          </cell>
          <cell r="O299">
            <v>-7153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</row>
        <row r="300">
          <cell r="B300">
            <v>60</v>
          </cell>
          <cell r="C300" t="str">
            <v>O&amp;M</v>
          </cell>
          <cell r="D300" t="str">
            <v>Florida C&amp;MS</v>
          </cell>
          <cell r="E300" t="str">
            <v>CMS Other Miscellaneous</v>
          </cell>
          <cell r="G300" t="str">
            <v>Company Labor</v>
          </cell>
          <cell r="H300" t="str">
            <v>CMS Other Miscellaneous</v>
          </cell>
          <cell r="I300">
            <v>0</v>
          </cell>
          <cell r="K300">
            <v>2390</v>
          </cell>
          <cell r="M300">
            <v>0</v>
          </cell>
          <cell r="N300">
            <v>4294</v>
          </cell>
          <cell r="O300">
            <v>-429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</row>
        <row r="301">
          <cell r="B301">
            <v>60</v>
          </cell>
          <cell r="C301" t="str">
            <v>O&amp;M</v>
          </cell>
          <cell r="D301" t="str">
            <v>Florida C&amp;MS</v>
          </cell>
          <cell r="E301" t="str">
            <v>CMS Other Miscellaneous</v>
          </cell>
          <cell r="G301" t="str">
            <v>Company Labor</v>
          </cell>
          <cell r="H301" t="str">
            <v>CMS Other Miscellaneous</v>
          </cell>
          <cell r="I301">
            <v>0</v>
          </cell>
          <cell r="K301">
            <v>930</v>
          </cell>
          <cell r="M301">
            <v>0</v>
          </cell>
          <cell r="N301">
            <v>1799</v>
          </cell>
          <cell r="O301">
            <v>-1799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</row>
        <row r="302">
          <cell r="B302">
            <v>60</v>
          </cell>
          <cell r="C302" t="str">
            <v>O&amp;M</v>
          </cell>
          <cell r="D302" t="str">
            <v>Florida C&amp;MS</v>
          </cell>
          <cell r="E302" t="str">
            <v>CMS Other Miscellaneous</v>
          </cell>
          <cell r="G302" t="str">
            <v>Contract Labor</v>
          </cell>
          <cell r="H302" t="str">
            <v>CMS Other Miscellaneous</v>
          </cell>
          <cell r="I302">
            <v>0</v>
          </cell>
          <cell r="K302">
            <v>0</v>
          </cell>
          <cell r="M302">
            <v>0</v>
          </cell>
          <cell r="N302">
            <v>500</v>
          </cell>
          <cell r="O302">
            <v>-500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</row>
        <row r="303">
          <cell r="B303">
            <v>60</v>
          </cell>
          <cell r="C303" t="str">
            <v>O&amp;M</v>
          </cell>
          <cell r="D303" t="str">
            <v>Florida C&amp;MS</v>
          </cell>
          <cell r="E303" t="str">
            <v>CMS Other Miscellaneous</v>
          </cell>
          <cell r="G303" t="str">
            <v>Fleet</v>
          </cell>
          <cell r="H303" t="str">
            <v>CMS Other Miscellaneous</v>
          </cell>
          <cell r="I303">
            <v>0</v>
          </cell>
          <cell r="K303">
            <v>2076</v>
          </cell>
          <cell r="M303">
            <v>0</v>
          </cell>
          <cell r="N303">
            <v>3666</v>
          </cell>
          <cell r="O303">
            <v>-3666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</row>
        <row r="304">
          <cell r="B304">
            <v>60</v>
          </cell>
          <cell r="C304" t="str">
            <v>O&amp;M</v>
          </cell>
          <cell r="D304" t="str">
            <v>Florida C&amp;MS</v>
          </cell>
          <cell r="E304" t="str">
            <v>CMS Other Miscellaneous</v>
          </cell>
          <cell r="G304" t="str">
            <v>Meals/Travel</v>
          </cell>
          <cell r="H304" t="str">
            <v>CMS Other Miscellaneous</v>
          </cell>
          <cell r="I304">
            <v>0</v>
          </cell>
          <cell r="K304">
            <v>127</v>
          </cell>
          <cell r="M304">
            <v>0</v>
          </cell>
          <cell r="N304">
            <v>212</v>
          </cell>
          <cell r="O304">
            <v>-212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</row>
        <row r="305">
          <cell r="B305">
            <v>60</v>
          </cell>
          <cell r="C305" t="str">
            <v>O&amp;M</v>
          </cell>
          <cell r="D305" t="str">
            <v>Florida C&amp;MS</v>
          </cell>
          <cell r="E305" t="str">
            <v>CMS Other Miscellaneous</v>
          </cell>
          <cell r="G305" t="str">
            <v>Materials</v>
          </cell>
          <cell r="H305" t="str">
            <v>CMS Other Miscellaneous</v>
          </cell>
          <cell r="I305">
            <v>0</v>
          </cell>
          <cell r="K305">
            <v>50</v>
          </cell>
          <cell r="M305">
            <v>5777</v>
          </cell>
          <cell r="N305">
            <v>118</v>
          </cell>
          <cell r="O305">
            <v>5659</v>
          </cell>
          <cell r="P305">
            <v>16420</v>
          </cell>
          <cell r="Q305">
            <v>16420</v>
          </cell>
          <cell r="R305">
            <v>14340</v>
          </cell>
          <cell r="S305">
            <v>2080</v>
          </cell>
        </row>
        <row r="306">
          <cell r="B306">
            <v>60</v>
          </cell>
          <cell r="C306" t="str">
            <v>O&amp;M</v>
          </cell>
          <cell r="D306" t="str">
            <v>Florida C&amp;MS</v>
          </cell>
          <cell r="E306" t="str">
            <v>CMS Other Miscellaneous</v>
          </cell>
          <cell r="G306" t="str">
            <v>Rent/utilities</v>
          </cell>
          <cell r="H306" t="str">
            <v>CMS Other Miscellaneous</v>
          </cell>
          <cell r="I306">
            <v>0</v>
          </cell>
          <cell r="K306">
            <v>0</v>
          </cell>
          <cell r="M306">
            <v>2667</v>
          </cell>
          <cell r="N306">
            <v>0</v>
          </cell>
          <cell r="O306">
            <v>2667</v>
          </cell>
          <cell r="P306">
            <v>8000</v>
          </cell>
          <cell r="Q306">
            <v>8000</v>
          </cell>
          <cell r="R306">
            <v>8000</v>
          </cell>
          <cell r="S306">
            <v>0</v>
          </cell>
        </row>
        <row r="307">
          <cell r="B307">
            <v>60</v>
          </cell>
          <cell r="C307" t="str">
            <v>O&amp;M</v>
          </cell>
          <cell r="D307" t="str">
            <v>Florida C&amp;MS</v>
          </cell>
          <cell r="E307" t="str">
            <v>CMS Other Miscellaneous</v>
          </cell>
          <cell r="G307" t="str">
            <v>Other</v>
          </cell>
          <cell r="H307" t="str">
            <v>CMS Other Miscellaneous</v>
          </cell>
          <cell r="I307">
            <v>0</v>
          </cell>
          <cell r="K307">
            <v>10242</v>
          </cell>
          <cell r="M307">
            <v>78218</v>
          </cell>
          <cell r="N307">
            <v>64397</v>
          </cell>
          <cell r="O307">
            <v>13821</v>
          </cell>
          <cell r="P307">
            <v>247141</v>
          </cell>
          <cell r="Q307">
            <v>246958</v>
          </cell>
          <cell r="R307">
            <v>232804</v>
          </cell>
          <cell r="S307">
            <v>14154</v>
          </cell>
        </row>
        <row r="308">
          <cell r="B308">
            <v>60</v>
          </cell>
          <cell r="C308" t="str">
            <v>O&amp;M</v>
          </cell>
          <cell r="D308" t="str">
            <v>Florida C&amp;MS</v>
          </cell>
          <cell r="E308" t="str">
            <v>CMS Other Outside Services</v>
          </cell>
          <cell r="G308" t="str">
            <v>Contract Labor</v>
          </cell>
          <cell r="H308" t="str">
            <v>CMS Other Outside Services</v>
          </cell>
          <cell r="I308">
            <v>0</v>
          </cell>
          <cell r="K308">
            <v>32018</v>
          </cell>
          <cell r="M308">
            <v>177003</v>
          </cell>
          <cell r="N308">
            <v>184307</v>
          </cell>
          <cell r="O308">
            <v>-7305</v>
          </cell>
          <cell r="P308">
            <v>492277</v>
          </cell>
          <cell r="Q308">
            <v>492260</v>
          </cell>
          <cell r="R308">
            <v>478660</v>
          </cell>
          <cell r="S308">
            <v>13600</v>
          </cell>
        </row>
        <row r="309">
          <cell r="B309">
            <v>60</v>
          </cell>
          <cell r="C309" t="str">
            <v>O&amp;M</v>
          </cell>
          <cell r="D309" t="str">
            <v>Florida C&amp;MS</v>
          </cell>
          <cell r="E309" t="str">
            <v>CMS Paystations</v>
          </cell>
          <cell r="G309" t="str">
            <v>Contract Labor</v>
          </cell>
          <cell r="H309" t="str">
            <v>CMS Paystations</v>
          </cell>
          <cell r="I309">
            <v>0</v>
          </cell>
          <cell r="K309">
            <v>24429</v>
          </cell>
          <cell r="M309">
            <v>145759</v>
          </cell>
          <cell r="N309">
            <v>102985</v>
          </cell>
          <cell r="O309">
            <v>42774</v>
          </cell>
          <cell r="P309">
            <v>425611</v>
          </cell>
          <cell r="Q309">
            <v>425611</v>
          </cell>
          <cell r="R309">
            <v>349611</v>
          </cell>
          <cell r="S309">
            <v>76000</v>
          </cell>
        </row>
        <row r="310">
          <cell r="B310">
            <v>60</v>
          </cell>
          <cell r="C310" t="str">
            <v>O&amp;M</v>
          </cell>
          <cell r="D310" t="str">
            <v>Florida C&amp;MS</v>
          </cell>
          <cell r="E310" t="str">
            <v>CMS Postage &amp; Materials</v>
          </cell>
          <cell r="G310" t="str">
            <v>Contract Labor</v>
          </cell>
          <cell r="H310" t="str">
            <v>CMS Postage &amp; Materials</v>
          </cell>
          <cell r="I310">
            <v>0</v>
          </cell>
          <cell r="K310">
            <v>8182</v>
          </cell>
          <cell r="M310">
            <v>36267</v>
          </cell>
          <cell r="N310">
            <v>28622</v>
          </cell>
          <cell r="O310">
            <v>7645</v>
          </cell>
          <cell r="P310">
            <v>95476</v>
          </cell>
          <cell r="Q310">
            <v>95476</v>
          </cell>
          <cell r="R310">
            <v>95476</v>
          </cell>
          <cell r="S310">
            <v>0</v>
          </cell>
        </row>
        <row r="311">
          <cell r="B311">
            <v>60</v>
          </cell>
          <cell r="C311" t="str">
            <v>O&amp;M</v>
          </cell>
          <cell r="D311" t="str">
            <v>Florida C&amp;MS</v>
          </cell>
          <cell r="E311" t="str">
            <v>CMS Postage &amp; Materials</v>
          </cell>
          <cell r="G311" t="str">
            <v>Materials</v>
          </cell>
          <cell r="H311" t="str">
            <v>CMS Postage &amp; Materials</v>
          </cell>
          <cell r="I311">
            <v>0</v>
          </cell>
          <cell r="K311">
            <v>69162</v>
          </cell>
          <cell r="M311">
            <v>314338</v>
          </cell>
          <cell r="N311">
            <v>221567</v>
          </cell>
          <cell r="O311">
            <v>92771</v>
          </cell>
          <cell r="P311">
            <v>964992</v>
          </cell>
          <cell r="Q311">
            <v>964992</v>
          </cell>
          <cell r="R311">
            <v>964992</v>
          </cell>
          <cell r="S311">
            <v>0</v>
          </cell>
        </row>
        <row r="312">
          <cell r="B312">
            <v>60</v>
          </cell>
          <cell r="C312" t="str">
            <v>O&amp;M</v>
          </cell>
          <cell r="D312" t="str">
            <v>Florida C&amp;MS</v>
          </cell>
          <cell r="E312" t="str">
            <v>CMS Postage &amp; Materials</v>
          </cell>
          <cell r="G312" t="str">
            <v>Rent/utilities</v>
          </cell>
          <cell r="H312" t="str">
            <v>CMS Postage &amp; Materials</v>
          </cell>
          <cell r="I312">
            <v>0</v>
          </cell>
          <cell r="K312">
            <v>8927</v>
          </cell>
          <cell r="M312">
            <v>17900</v>
          </cell>
          <cell r="N312">
            <v>17790</v>
          </cell>
          <cell r="O312">
            <v>110</v>
          </cell>
          <cell r="P312">
            <v>35800</v>
          </cell>
          <cell r="Q312">
            <v>35800</v>
          </cell>
          <cell r="R312">
            <v>35800</v>
          </cell>
          <cell r="S312">
            <v>0</v>
          </cell>
        </row>
        <row r="313">
          <cell r="B313">
            <v>60</v>
          </cell>
          <cell r="C313" t="str">
            <v>O&amp;M</v>
          </cell>
          <cell r="D313" t="str">
            <v>Florida C&amp;MS</v>
          </cell>
          <cell r="E313" t="str">
            <v>CMS Postage &amp; Materials</v>
          </cell>
          <cell r="G313" t="str">
            <v>Other</v>
          </cell>
          <cell r="H313" t="str">
            <v>CMS Postage &amp; Materials</v>
          </cell>
          <cell r="I313">
            <v>0</v>
          </cell>
          <cell r="K313">
            <v>627445</v>
          </cell>
          <cell r="M313">
            <v>2274960</v>
          </cell>
          <cell r="N313">
            <v>2304576</v>
          </cell>
          <cell r="O313">
            <v>-29616</v>
          </cell>
          <cell r="P313">
            <v>6782964</v>
          </cell>
          <cell r="Q313">
            <v>6782964</v>
          </cell>
          <cell r="R313">
            <v>6638964</v>
          </cell>
          <cell r="S313">
            <v>144000</v>
          </cell>
        </row>
        <row r="314">
          <cell r="B314">
            <v>60</v>
          </cell>
          <cell r="C314" t="str">
            <v>O&amp;M</v>
          </cell>
          <cell r="D314" t="str">
            <v>Florida C&amp;MS</v>
          </cell>
          <cell r="E314" t="str">
            <v>CMS Revenue Protection</v>
          </cell>
          <cell r="G314" t="str">
            <v>Company Labor</v>
          </cell>
          <cell r="H314" t="str">
            <v>CMS Revenue Protection</v>
          </cell>
          <cell r="I314">
            <v>0</v>
          </cell>
          <cell r="K314">
            <v>44760</v>
          </cell>
          <cell r="M314">
            <v>207203</v>
          </cell>
          <cell r="N314">
            <v>178553</v>
          </cell>
          <cell r="O314">
            <v>28650</v>
          </cell>
          <cell r="P314">
            <v>630583</v>
          </cell>
          <cell r="Q314">
            <v>630583</v>
          </cell>
          <cell r="R314">
            <v>629302</v>
          </cell>
          <cell r="S314">
            <v>1280</v>
          </cell>
        </row>
        <row r="315">
          <cell r="B315">
            <v>60</v>
          </cell>
          <cell r="C315" t="str">
            <v>O&amp;M</v>
          </cell>
          <cell r="D315" t="str">
            <v>Florida C&amp;MS</v>
          </cell>
          <cell r="E315" t="str">
            <v>CMS Revenue Protection</v>
          </cell>
          <cell r="G315" t="str">
            <v>Company Labor</v>
          </cell>
          <cell r="H315" t="str">
            <v>CMS Revenue Protection</v>
          </cell>
          <cell r="I315">
            <v>0</v>
          </cell>
          <cell r="K315">
            <v>30165</v>
          </cell>
          <cell r="M315">
            <v>139745</v>
          </cell>
          <cell r="N315">
            <v>120481</v>
          </cell>
          <cell r="O315">
            <v>19264</v>
          </cell>
          <cell r="P315">
            <v>425268</v>
          </cell>
          <cell r="Q315">
            <v>425268</v>
          </cell>
          <cell r="R315">
            <v>424406</v>
          </cell>
          <cell r="S315">
            <v>862</v>
          </cell>
        </row>
        <row r="316">
          <cell r="B316">
            <v>60</v>
          </cell>
          <cell r="C316" t="str">
            <v>O&amp;M</v>
          </cell>
          <cell r="D316" t="str">
            <v>Florida C&amp;MS</v>
          </cell>
          <cell r="E316" t="str">
            <v>CMS Revenue Protection</v>
          </cell>
          <cell r="G316" t="str">
            <v>Company Labor</v>
          </cell>
          <cell r="H316" t="str">
            <v>CMS Revenue Protection</v>
          </cell>
          <cell r="I316">
            <v>0</v>
          </cell>
          <cell r="K316">
            <v>182</v>
          </cell>
          <cell r="M316">
            <v>1433</v>
          </cell>
          <cell r="N316">
            <v>1563</v>
          </cell>
          <cell r="O316">
            <v>-131</v>
          </cell>
          <cell r="P316">
            <v>4264</v>
          </cell>
          <cell r="Q316">
            <v>4264</v>
          </cell>
          <cell r="R316">
            <v>4264</v>
          </cell>
          <cell r="S316">
            <v>0</v>
          </cell>
        </row>
        <row r="317">
          <cell r="B317">
            <v>60</v>
          </cell>
          <cell r="C317" t="str">
            <v>O&amp;M</v>
          </cell>
          <cell r="D317" t="str">
            <v>Florida C&amp;MS</v>
          </cell>
          <cell r="E317" t="str">
            <v>CMS Revenue Protection</v>
          </cell>
          <cell r="G317" t="str">
            <v>Contract Labor</v>
          </cell>
          <cell r="H317" t="str">
            <v>CMS Revenue Protection</v>
          </cell>
          <cell r="I317">
            <v>0</v>
          </cell>
          <cell r="K317">
            <v>140</v>
          </cell>
          <cell r="M317">
            <v>49088</v>
          </cell>
          <cell r="N317">
            <v>466</v>
          </cell>
          <cell r="O317">
            <v>48622</v>
          </cell>
          <cell r="P317">
            <v>147264</v>
          </cell>
          <cell r="Q317">
            <v>147264</v>
          </cell>
          <cell r="R317">
            <v>75264</v>
          </cell>
          <cell r="S317">
            <v>72000</v>
          </cell>
        </row>
        <row r="318">
          <cell r="B318">
            <v>60</v>
          </cell>
          <cell r="C318" t="str">
            <v>O&amp;M</v>
          </cell>
          <cell r="D318" t="str">
            <v>Florida C&amp;MS</v>
          </cell>
          <cell r="E318" t="str">
            <v>CMS Revenue Protection</v>
          </cell>
          <cell r="G318" t="str">
            <v>Fleet</v>
          </cell>
          <cell r="H318" t="str">
            <v>CMS Revenue Protection</v>
          </cell>
          <cell r="I318">
            <v>0</v>
          </cell>
          <cell r="K318">
            <v>2655</v>
          </cell>
          <cell r="M318">
            <v>11408</v>
          </cell>
          <cell r="N318">
            <v>11606</v>
          </cell>
          <cell r="O318">
            <v>-198</v>
          </cell>
          <cell r="P318">
            <v>34224</v>
          </cell>
          <cell r="Q318">
            <v>34224</v>
          </cell>
          <cell r="R318">
            <v>34224</v>
          </cell>
          <cell r="S318">
            <v>0</v>
          </cell>
        </row>
        <row r="319">
          <cell r="B319">
            <v>60</v>
          </cell>
          <cell r="C319" t="str">
            <v>O&amp;M</v>
          </cell>
          <cell r="D319" t="str">
            <v>Florida C&amp;MS</v>
          </cell>
          <cell r="E319" t="str">
            <v>CMS Revenue Protection</v>
          </cell>
          <cell r="G319" t="str">
            <v>Meals/Travel</v>
          </cell>
          <cell r="H319" t="str">
            <v>CMS Revenue Protection</v>
          </cell>
          <cell r="I319">
            <v>0</v>
          </cell>
          <cell r="K319">
            <v>3308</v>
          </cell>
          <cell r="M319">
            <v>16479</v>
          </cell>
          <cell r="N319">
            <v>16042</v>
          </cell>
          <cell r="O319">
            <v>436</v>
          </cell>
          <cell r="P319">
            <v>49436</v>
          </cell>
          <cell r="Q319">
            <v>49436</v>
          </cell>
          <cell r="R319">
            <v>49436</v>
          </cell>
          <cell r="S319">
            <v>0</v>
          </cell>
        </row>
        <row r="320">
          <cell r="B320">
            <v>60</v>
          </cell>
          <cell r="C320" t="str">
            <v>O&amp;M</v>
          </cell>
          <cell r="D320" t="str">
            <v>Florida C&amp;MS</v>
          </cell>
          <cell r="E320" t="str">
            <v>CMS Revenue Protection</v>
          </cell>
          <cell r="G320" t="str">
            <v>Materials</v>
          </cell>
          <cell r="H320" t="str">
            <v>CMS Revenue Protection</v>
          </cell>
          <cell r="I320">
            <v>0</v>
          </cell>
          <cell r="K320">
            <v>178</v>
          </cell>
          <cell r="M320">
            <v>3904</v>
          </cell>
          <cell r="N320">
            <v>802</v>
          </cell>
          <cell r="O320">
            <v>3102</v>
          </cell>
          <cell r="P320">
            <v>11712</v>
          </cell>
          <cell r="Q320">
            <v>11712</v>
          </cell>
          <cell r="R320">
            <v>11712</v>
          </cell>
          <cell r="S320">
            <v>0</v>
          </cell>
        </row>
        <row r="321">
          <cell r="B321">
            <v>60</v>
          </cell>
          <cell r="C321" t="str">
            <v>O&amp;M</v>
          </cell>
          <cell r="D321" t="str">
            <v>Florida C&amp;MS</v>
          </cell>
          <cell r="E321" t="str">
            <v>CMS Revenue Protection</v>
          </cell>
          <cell r="G321" t="str">
            <v>Other</v>
          </cell>
          <cell r="H321" t="str">
            <v>CMS Revenue Protection</v>
          </cell>
          <cell r="I321">
            <v>0</v>
          </cell>
          <cell r="K321">
            <v>0</v>
          </cell>
          <cell r="M321">
            <v>1625</v>
          </cell>
          <cell r="N321">
            <v>1255</v>
          </cell>
          <cell r="O321">
            <v>370</v>
          </cell>
          <cell r="P321">
            <v>2750</v>
          </cell>
          <cell r="Q321">
            <v>2750</v>
          </cell>
          <cell r="R321">
            <v>2750</v>
          </cell>
          <cell r="S321">
            <v>0</v>
          </cell>
        </row>
        <row r="322">
          <cell r="B322">
            <v>60</v>
          </cell>
          <cell r="C322" t="str">
            <v>O&amp;M</v>
          </cell>
          <cell r="D322" t="str">
            <v>Florida C&amp;MS</v>
          </cell>
          <cell r="E322" t="str">
            <v>CMS Travel/Meals/Lodging</v>
          </cell>
          <cell r="G322" t="str">
            <v>Meals/Travel</v>
          </cell>
          <cell r="H322" t="str">
            <v>CMS Travel/Meals/Lodging</v>
          </cell>
          <cell r="I322">
            <v>0</v>
          </cell>
          <cell r="K322">
            <v>8831</v>
          </cell>
          <cell r="M322">
            <v>40662</v>
          </cell>
          <cell r="N322">
            <v>29948</v>
          </cell>
          <cell r="O322">
            <v>10714</v>
          </cell>
          <cell r="P322">
            <v>123911</v>
          </cell>
          <cell r="Q322">
            <v>123911</v>
          </cell>
          <cell r="R322">
            <v>123911</v>
          </cell>
          <cell r="S322">
            <v>0</v>
          </cell>
        </row>
        <row r="323">
          <cell r="B323">
            <v>60</v>
          </cell>
          <cell r="C323" t="str">
            <v>O&amp;M</v>
          </cell>
          <cell r="D323" t="str">
            <v>EDF Uncollectibles</v>
          </cell>
          <cell r="E323">
            <v>0</v>
          </cell>
          <cell r="G323" t="str">
            <v>Contract Labor</v>
          </cell>
          <cell r="H323">
            <v>0</v>
          </cell>
          <cell r="I323">
            <v>0</v>
          </cell>
          <cell r="K323">
            <v>49049</v>
          </cell>
          <cell r="M323">
            <v>227486</v>
          </cell>
          <cell r="N323">
            <v>282468</v>
          </cell>
          <cell r="O323">
            <v>-54982</v>
          </cell>
          <cell r="P323">
            <v>784434</v>
          </cell>
          <cell r="Q323">
            <v>784434</v>
          </cell>
          <cell r="R323">
            <v>784434</v>
          </cell>
          <cell r="S323">
            <v>0</v>
          </cell>
        </row>
        <row r="324">
          <cell r="B324">
            <v>60</v>
          </cell>
          <cell r="C324" t="str">
            <v>O&amp;M</v>
          </cell>
          <cell r="D324" t="str">
            <v>EDF Uncollectibles</v>
          </cell>
          <cell r="E324">
            <v>0</v>
          </cell>
          <cell r="G324" t="str">
            <v>Other</v>
          </cell>
          <cell r="H324">
            <v>0</v>
          </cell>
          <cell r="I324">
            <v>0</v>
          </cell>
          <cell r="K324">
            <v>342526</v>
          </cell>
          <cell r="M324">
            <v>5814761</v>
          </cell>
          <cell r="N324">
            <v>2677803</v>
          </cell>
          <cell r="O324">
            <v>3136958</v>
          </cell>
          <cell r="P324">
            <v>15715570</v>
          </cell>
          <cell r="Q324">
            <v>15715570</v>
          </cell>
          <cell r="R324">
            <v>10000000</v>
          </cell>
          <cell r="S324">
            <v>5715570</v>
          </cell>
        </row>
        <row r="325">
          <cell r="B325">
            <v>1</v>
          </cell>
          <cell r="C325" t="str">
            <v>Capital</v>
          </cell>
          <cell r="D325" t="str">
            <v>Growth</v>
          </cell>
          <cell r="E325" t="str">
            <v>Camp Lejeune</v>
          </cell>
          <cell r="G325" t="str">
            <v>Company Labor</v>
          </cell>
          <cell r="H325" t="str">
            <v>Engineering Support</v>
          </cell>
          <cell r="I325" t="str">
            <v>Large Revenue Customer</v>
          </cell>
          <cell r="K325">
            <v>4009</v>
          </cell>
          <cell r="M325">
            <v>13364</v>
          </cell>
          <cell r="N325">
            <v>10451</v>
          </cell>
          <cell r="O325">
            <v>2914</v>
          </cell>
          <cell r="P325">
            <v>59989</v>
          </cell>
          <cell r="Q325">
            <v>59989</v>
          </cell>
          <cell r="R325">
            <v>59989</v>
          </cell>
          <cell r="S325">
            <v>0</v>
          </cell>
        </row>
        <row r="326">
          <cell r="B326">
            <v>1</v>
          </cell>
          <cell r="C326" t="str">
            <v>Capital</v>
          </cell>
          <cell r="D326" t="str">
            <v>Growth</v>
          </cell>
          <cell r="E326" t="str">
            <v>Camp Lejeune</v>
          </cell>
          <cell r="G326" t="str">
            <v>Company Labor</v>
          </cell>
          <cell r="H326" t="str">
            <v>Engineering Support</v>
          </cell>
          <cell r="I326" t="str">
            <v>Large Revenue Customer</v>
          </cell>
          <cell r="K326">
            <v>2514</v>
          </cell>
          <cell r="M326">
            <v>8380</v>
          </cell>
          <cell r="N326">
            <v>6553</v>
          </cell>
          <cell r="O326">
            <v>1827</v>
          </cell>
          <cell r="P326">
            <v>37613</v>
          </cell>
          <cell r="Q326">
            <v>37613</v>
          </cell>
          <cell r="R326">
            <v>37613</v>
          </cell>
          <cell r="S326">
            <v>0</v>
          </cell>
        </row>
        <row r="327">
          <cell r="B327">
            <v>1</v>
          </cell>
          <cell r="C327" t="str">
            <v>Capital</v>
          </cell>
          <cell r="D327" t="str">
            <v>Growth</v>
          </cell>
          <cell r="E327" t="str">
            <v>Camp Lejeune</v>
          </cell>
          <cell r="G327" t="str">
            <v>Contract Labor</v>
          </cell>
          <cell r="H327" t="str">
            <v>Engineering Support</v>
          </cell>
          <cell r="I327" t="str">
            <v>Large Revenue Customer</v>
          </cell>
          <cell r="K327">
            <v>8054</v>
          </cell>
          <cell r="M327">
            <v>177096</v>
          </cell>
          <cell r="N327">
            <v>35167</v>
          </cell>
          <cell r="O327">
            <v>141929</v>
          </cell>
          <cell r="P327">
            <v>876892</v>
          </cell>
          <cell r="Q327">
            <v>876892</v>
          </cell>
          <cell r="R327">
            <v>876892</v>
          </cell>
          <cell r="S327">
            <v>0</v>
          </cell>
        </row>
        <row r="328">
          <cell r="B328">
            <v>1</v>
          </cell>
          <cell r="C328" t="str">
            <v>Capital</v>
          </cell>
          <cell r="D328" t="str">
            <v>Growth</v>
          </cell>
          <cell r="E328" t="str">
            <v>Camp Lejeune</v>
          </cell>
          <cell r="G328" t="str">
            <v>Fleet</v>
          </cell>
          <cell r="H328" t="str">
            <v>Engineering Support</v>
          </cell>
          <cell r="I328" t="str">
            <v>Large Revenue Customer</v>
          </cell>
          <cell r="K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30437</v>
          </cell>
          <cell r="Q328">
            <v>30437</v>
          </cell>
          <cell r="R328">
            <v>30437</v>
          </cell>
          <cell r="S328">
            <v>0</v>
          </cell>
        </row>
        <row r="329">
          <cell r="B329">
            <v>1</v>
          </cell>
          <cell r="C329" t="str">
            <v>Capital</v>
          </cell>
          <cell r="D329" t="str">
            <v>Growth</v>
          </cell>
          <cell r="E329" t="str">
            <v>Camp Lejeune</v>
          </cell>
          <cell r="G329" t="str">
            <v>Meals/Travel</v>
          </cell>
          <cell r="H329" t="str">
            <v>Engineering Support</v>
          </cell>
          <cell r="I329" t="str">
            <v>Large Revenue Customer</v>
          </cell>
          <cell r="K329">
            <v>76</v>
          </cell>
          <cell r="M329">
            <v>0</v>
          </cell>
          <cell r="N329">
            <v>308</v>
          </cell>
          <cell r="O329">
            <v>-308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</row>
        <row r="330">
          <cell r="B330">
            <v>1</v>
          </cell>
          <cell r="C330" t="str">
            <v>Capital</v>
          </cell>
          <cell r="D330" t="str">
            <v>Growth</v>
          </cell>
          <cell r="E330" t="str">
            <v>Camp Lejeune</v>
          </cell>
          <cell r="G330" t="str">
            <v>Materials</v>
          </cell>
          <cell r="H330" t="str">
            <v>Engineering Support</v>
          </cell>
          <cell r="I330" t="str">
            <v>Large Revenue Customer</v>
          </cell>
          <cell r="K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1392944</v>
          </cell>
          <cell r="Q330">
            <v>1392944</v>
          </cell>
          <cell r="R330">
            <v>1392944</v>
          </cell>
          <cell r="S330">
            <v>0</v>
          </cell>
        </row>
        <row r="331">
          <cell r="B331">
            <v>1</v>
          </cell>
          <cell r="C331" t="str">
            <v>Capital</v>
          </cell>
          <cell r="D331" t="str">
            <v>Growth</v>
          </cell>
          <cell r="E331" t="str">
            <v>Camp Lejeune</v>
          </cell>
          <cell r="G331" t="str">
            <v>Other</v>
          </cell>
          <cell r="H331" t="str">
            <v>Engineering Support</v>
          </cell>
          <cell r="I331" t="str">
            <v>Large Revenue Customer</v>
          </cell>
          <cell r="K331">
            <v>433</v>
          </cell>
          <cell r="M331">
            <v>24837</v>
          </cell>
          <cell r="N331">
            <v>3904</v>
          </cell>
          <cell r="O331">
            <v>20934</v>
          </cell>
          <cell r="P331">
            <v>150259</v>
          </cell>
          <cell r="Q331">
            <v>147321</v>
          </cell>
          <cell r="R331">
            <v>151197</v>
          </cell>
          <cell r="S331">
            <v>-3877</v>
          </cell>
        </row>
        <row r="332">
          <cell r="B332">
            <v>1</v>
          </cell>
          <cell r="C332" t="str">
            <v>Capital</v>
          </cell>
          <cell r="D332" t="str">
            <v>Growth</v>
          </cell>
          <cell r="E332" t="str">
            <v>Capitalized Labor-Meters</v>
          </cell>
          <cell r="G332" t="str">
            <v>Transformer &amp; meter credits</v>
          </cell>
          <cell r="H332" t="str">
            <v>Energy Information</v>
          </cell>
          <cell r="I332" t="str">
            <v>Transformer &amp; Meter Purchases</v>
          </cell>
          <cell r="K332">
            <v>195906</v>
          </cell>
          <cell r="M332">
            <v>698630</v>
          </cell>
          <cell r="N332">
            <v>485052</v>
          </cell>
          <cell r="O332">
            <v>213578</v>
          </cell>
          <cell r="P332">
            <v>1848384</v>
          </cell>
          <cell r="Q332">
            <v>1848384</v>
          </cell>
          <cell r="R332">
            <v>1848384</v>
          </cell>
          <cell r="S332">
            <v>0</v>
          </cell>
        </row>
        <row r="333">
          <cell r="B333">
            <v>1</v>
          </cell>
          <cell r="C333" t="str">
            <v>Capital</v>
          </cell>
          <cell r="D333" t="str">
            <v>Growth</v>
          </cell>
          <cell r="E333" t="str">
            <v>Capitalized Labor-Transformers</v>
          </cell>
          <cell r="G333" t="str">
            <v>Transformer &amp; meter credits</v>
          </cell>
          <cell r="H333" t="str">
            <v>Capitalized Labor-Transformers</v>
          </cell>
          <cell r="I333" t="str">
            <v>Transformer &amp; Meter Purchases</v>
          </cell>
          <cell r="K333">
            <v>306744</v>
          </cell>
          <cell r="M333">
            <v>1026374</v>
          </cell>
          <cell r="N333">
            <v>1269938</v>
          </cell>
          <cell r="O333">
            <v>-243564</v>
          </cell>
          <cell r="P333">
            <v>2650020</v>
          </cell>
          <cell r="Q333">
            <v>2650020</v>
          </cell>
          <cell r="R333">
            <v>2650020</v>
          </cell>
          <cell r="S333">
            <v>0</v>
          </cell>
        </row>
        <row r="334">
          <cell r="B334">
            <v>1</v>
          </cell>
          <cell r="C334" t="str">
            <v>Capital</v>
          </cell>
          <cell r="D334" t="str">
            <v>Growth</v>
          </cell>
          <cell r="E334" t="str">
            <v>Clayton Industrial</v>
          </cell>
          <cell r="G334" t="str">
            <v>Company Labor</v>
          </cell>
          <cell r="H334" t="str">
            <v>Engineering Support</v>
          </cell>
          <cell r="I334" t="str">
            <v>Large Revenue Customer</v>
          </cell>
          <cell r="K334">
            <v>10169</v>
          </cell>
          <cell r="M334">
            <v>36334</v>
          </cell>
          <cell r="N334">
            <v>55285</v>
          </cell>
          <cell r="O334">
            <v>-18951</v>
          </cell>
          <cell r="P334">
            <v>167212</v>
          </cell>
          <cell r="Q334">
            <v>167212</v>
          </cell>
          <cell r="R334">
            <v>167212</v>
          </cell>
          <cell r="S334">
            <v>0</v>
          </cell>
        </row>
        <row r="335">
          <cell r="B335">
            <v>1</v>
          </cell>
          <cell r="C335" t="str">
            <v>Capital</v>
          </cell>
          <cell r="D335" t="str">
            <v>Growth</v>
          </cell>
          <cell r="E335" t="str">
            <v>Clayton Industrial</v>
          </cell>
          <cell r="G335" t="str">
            <v>Company Labor</v>
          </cell>
          <cell r="H335" t="str">
            <v>Engineering Support</v>
          </cell>
          <cell r="I335" t="str">
            <v>Large Revenue Customer</v>
          </cell>
          <cell r="K335">
            <v>6384</v>
          </cell>
          <cell r="M335">
            <v>22781</v>
          </cell>
          <cell r="N335">
            <v>34838</v>
          </cell>
          <cell r="O335">
            <v>-12057</v>
          </cell>
          <cell r="P335">
            <v>104842</v>
          </cell>
          <cell r="Q335">
            <v>104842</v>
          </cell>
          <cell r="R335">
            <v>104842</v>
          </cell>
          <cell r="S335">
            <v>0</v>
          </cell>
        </row>
        <row r="336">
          <cell r="B336">
            <v>1</v>
          </cell>
          <cell r="C336" t="str">
            <v>Capital</v>
          </cell>
          <cell r="D336" t="str">
            <v>Growth</v>
          </cell>
          <cell r="E336" t="str">
            <v>Clayton Industrial</v>
          </cell>
          <cell r="G336" t="str">
            <v>Company Labor</v>
          </cell>
          <cell r="H336" t="str">
            <v>Engineering Support</v>
          </cell>
          <cell r="I336" t="str">
            <v>Large Revenue Customer</v>
          </cell>
          <cell r="K336">
            <v>40</v>
          </cell>
          <cell r="M336">
            <v>0</v>
          </cell>
          <cell r="N336">
            <v>956</v>
          </cell>
          <cell r="O336">
            <v>-956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</row>
        <row r="337">
          <cell r="B337">
            <v>1</v>
          </cell>
          <cell r="C337" t="str">
            <v>Capital</v>
          </cell>
          <cell r="D337" t="str">
            <v>Growth</v>
          </cell>
          <cell r="E337" t="str">
            <v>Clayton Industrial</v>
          </cell>
          <cell r="G337" t="str">
            <v>Contract Labor</v>
          </cell>
          <cell r="H337" t="str">
            <v>Engineering Support</v>
          </cell>
          <cell r="I337" t="str">
            <v>Large Revenue Customer</v>
          </cell>
          <cell r="K337">
            <v>157981</v>
          </cell>
          <cell r="M337">
            <v>305196</v>
          </cell>
          <cell r="N337">
            <v>362323</v>
          </cell>
          <cell r="O337">
            <v>-57128</v>
          </cell>
          <cell r="P337">
            <v>824781</v>
          </cell>
          <cell r="Q337">
            <v>824781</v>
          </cell>
          <cell r="R337">
            <v>824781</v>
          </cell>
          <cell r="S337">
            <v>0</v>
          </cell>
        </row>
        <row r="338">
          <cell r="B338">
            <v>1</v>
          </cell>
          <cell r="C338" t="str">
            <v>Capital</v>
          </cell>
          <cell r="D338" t="str">
            <v>Growth</v>
          </cell>
          <cell r="E338" t="str">
            <v>Clayton Industrial</v>
          </cell>
          <cell r="G338" t="str">
            <v>Fleet</v>
          </cell>
          <cell r="H338" t="str">
            <v>Engineering Support</v>
          </cell>
          <cell r="I338" t="str">
            <v>Large Revenue Customer</v>
          </cell>
          <cell r="K338">
            <v>159</v>
          </cell>
          <cell r="M338">
            <v>26082</v>
          </cell>
          <cell r="N338">
            <v>526</v>
          </cell>
          <cell r="O338">
            <v>25556</v>
          </cell>
          <cell r="P338">
            <v>106773</v>
          </cell>
          <cell r="Q338">
            <v>106773</v>
          </cell>
          <cell r="R338">
            <v>106773</v>
          </cell>
          <cell r="S338">
            <v>0</v>
          </cell>
        </row>
        <row r="339">
          <cell r="B339">
            <v>1</v>
          </cell>
          <cell r="C339" t="str">
            <v>Capital</v>
          </cell>
          <cell r="D339" t="str">
            <v>Growth</v>
          </cell>
          <cell r="E339" t="str">
            <v>Clayton Industrial</v>
          </cell>
          <cell r="G339" t="str">
            <v>Meals/Travel</v>
          </cell>
          <cell r="H339" t="str">
            <v>Engineering Support</v>
          </cell>
          <cell r="I339" t="str">
            <v>Large Revenue Customer</v>
          </cell>
          <cell r="K339">
            <v>25</v>
          </cell>
          <cell r="M339">
            <v>0</v>
          </cell>
          <cell r="N339">
            <v>100</v>
          </cell>
          <cell r="O339">
            <v>-100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</row>
        <row r="340">
          <cell r="B340">
            <v>1</v>
          </cell>
          <cell r="C340" t="str">
            <v>Capital</v>
          </cell>
          <cell r="D340" t="str">
            <v>Growth</v>
          </cell>
          <cell r="E340" t="str">
            <v>Clayton Industrial</v>
          </cell>
          <cell r="G340" t="str">
            <v>Materials</v>
          </cell>
          <cell r="H340" t="str">
            <v>Engineering Support</v>
          </cell>
          <cell r="I340" t="str">
            <v>Large Revenue Customer</v>
          </cell>
          <cell r="K340">
            <v>179708</v>
          </cell>
          <cell r="M340">
            <v>35920</v>
          </cell>
          <cell r="N340">
            <v>711795</v>
          </cell>
          <cell r="O340">
            <v>-675875</v>
          </cell>
          <cell r="P340">
            <v>2407435</v>
          </cell>
          <cell r="Q340">
            <v>2407435</v>
          </cell>
          <cell r="R340">
            <v>2407435</v>
          </cell>
          <cell r="S340">
            <v>0</v>
          </cell>
        </row>
        <row r="341">
          <cell r="B341">
            <v>1</v>
          </cell>
          <cell r="C341" t="str">
            <v>Capital</v>
          </cell>
          <cell r="D341" t="str">
            <v>Growth</v>
          </cell>
          <cell r="E341" t="str">
            <v>Clayton Industrial</v>
          </cell>
          <cell r="G341" t="str">
            <v>Other</v>
          </cell>
          <cell r="H341" t="str">
            <v>Engineering Support</v>
          </cell>
          <cell r="I341" t="str">
            <v>Large Revenue Customer</v>
          </cell>
          <cell r="K341">
            <v>21327</v>
          </cell>
          <cell r="M341">
            <v>42126</v>
          </cell>
          <cell r="N341">
            <v>31308</v>
          </cell>
          <cell r="O341">
            <v>10817</v>
          </cell>
          <cell r="P341">
            <v>119478</v>
          </cell>
          <cell r="Q341">
            <v>118856</v>
          </cell>
          <cell r="R341">
            <v>116245</v>
          </cell>
          <cell r="S341">
            <v>2611</v>
          </cell>
        </row>
        <row r="342">
          <cell r="B342">
            <v>1</v>
          </cell>
          <cell r="C342" t="str">
            <v>Capital</v>
          </cell>
          <cell r="D342" t="str">
            <v>Growth</v>
          </cell>
          <cell r="E342" t="str">
            <v>Large Revenue Customer</v>
          </cell>
          <cell r="G342" t="str">
            <v>Company Labor</v>
          </cell>
          <cell r="H342" t="str">
            <v>Engineering Support</v>
          </cell>
          <cell r="I342" t="str">
            <v>Large Revenue Customer</v>
          </cell>
          <cell r="K342">
            <v>13386</v>
          </cell>
          <cell r="M342">
            <v>72626</v>
          </cell>
          <cell r="N342">
            <v>72746</v>
          </cell>
          <cell r="O342">
            <v>-119</v>
          </cell>
          <cell r="P342">
            <v>191466</v>
          </cell>
          <cell r="Q342">
            <v>177686</v>
          </cell>
          <cell r="R342">
            <v>158544</v>
          </cell>
          <cell r="S342">
            <v>19142</v>
          </cell>
        </row>
        <row r="343">
          <cell r="B343">
            <v>1</v>
          </cell>
          <cell r="C343" t="str">
            <v>Capital</v>
          </cell>
          <cell r="D343" t="str">
            <v>Growth</v>
          </cell>
          <cell r="E343" t="str">
            <v>Large Revenue Customer</v>
          </cell>
          <cell r="G343" t="str">
            <v>Company Labor</v>
          </cell>
          <cell r="H343" t="str">
            <v>Engineering Support</v>
          </cell>
          <cell r="I343" t="str">
            <v>Large Revenue Customer</v>
          </cell>
          <cell r="K343">
            <v>9149</v>
          </cell>
          <cell r="M343">
            <v>45537</v>
          </cell>
          <cell r="N343">
            <v>47435</v>
          </cell>
          <cell r="O343">
            <v>-1898</v>
          </cell>
          <cell r="P343">
            <v>120050</v>
          </cell>
          <cell r="Q343">
            <v>111409</v>
          </cell>
          <cell r="R343">
            <v>100271</v>
          </cell>
          <cell r="S343">
            <v>11138</v>
          </cell>
        </row>
        <row r="344">
          <cell r="B344">
            <v>1</v>
          </cell>
          <cell r="C344" t="str">
            <v>Capital</v>
          </cell>
          <cell r="D344" t="str">
            <v>Growth</v>
          </cell>
          <cell r="E344" t="str">
            <v>Large Revenue Customer</v>
          </cell>
          <cell r="G344" t="str">
            <v>Company Labor</v>
          </cell>
          <cell r="H344" t="str">
            <v>Engineering Support</v>
          </cell>
          <cell r="I344" t="str">
            <v>Large Revenue Customer</v>
          </cell>
          <cell r="K344">
            <v>4152</v>
          </cell>
          <cell r="M344">
            <v>0</v>
          </cell>
          <cell r="N344">
            <v>10020</v>
          </cell>
          <cell r="O344">
            <v>-10020</v>
          </cell>
          <cell r="P344">
            <v>-1</v>
          </cell>
          <cell r="Q344">
            <v>-1</v>
          </cell>
          <cell r="R344">
            <v>4746</v>
          </cell>
          <cell r="S344">
            <v>-4747</v>
          </cell>
        </row>
        <row r="345">
          <cell r="B345">
            <v>1</v>
          </cell>
          <cell r="C345" t="str">
            <v>Capital</v>
          </cell>
          <cell r="D345" t="str">
            <v>Growth</v>
          </cell>
          <cell r="E345" t="str">
            <v>Large Revenue Customer</v>
          </cell>
          <cell r="G345" t="str">
            <v>Contract Labor</v>
          </cell>
          <cell r="H345" t="str">
            <v>Engineering Support</v>
          </cell>
          <cell r="I345" t="str">
            <v>Large Revenue Customer</v>
          </cell>
          <cell r="K345">
            <v>36391</v>
          </cell>
          <cell r="M345">
            <v>169189</v>
          </cell>
          <cell r="N345">
            <v>323788</v>
          </cell>
          <cell r="O345">
            <v>-154599</v>
          </cell>
          <cell r="P345">
            <v>723419</v>
          </cell>
          <cell r="Q345">
            <v>485419</v>
          </cell>
          <cell r="R345">
            <v>587545</v>
          </cell>
          <cell r="S345">
            <v>-102125</v>
          </cell>
        </row>
        <row r="346">
          <cell r="B346">
            <v>1</v>
          </cell>
          <cell r="C346" t="str">
            <v>Capital</v>
          </cell>
          <cell r="D346" t="str">
            <v>Growth</v>
          </cell>
          <cell r="E346" t="str">
            <v>Large Revenue Customer</v>
          </cell>
          <cell r="G346" t="str">
            <v>Fleet</v>
          </cell>
          <cell r="H346" t="str">
            <v>Engineering Support</v>
          </cell>
          <cell r="I346" t="str">
            <v>Large Revenue Customer</v>
          </cell>
          <cell r="K346">
            <v>2421</v>
          </cell>
          <cell r="M346">
            <v>5903</v>
          </cell>
          <cell r="N346">
            <v>14772</v>
          </cell>
          <cell r="O346">
            <v>-8870</v>
          </cell>
          <cell r="P346">
            <v>36834</v>
          </cell>
          <cell r="Q346">
            <v>15834</v>
          </cell>
          <cell r="R346">
            <v>23032</v>
          </cell>
          <cell r="S346">
            <v>-7198</v>
          </cell>
        </row>
        <row r="347">
          <cell r="B347">
            <v>1</v>
          </cell>
          <cell r="C347" t="str">
            <v>Capital</v>
          </cell>
          <cell r="D347" t="str">
            <v>Growth</v>
          </cell>
          <cell r="E347" t="str">
            <v>Large Revenue Customer</v>
          </cell>
          <cell r="G347" t="str">
            <v>Meals/Travel</v>
          </cell>
          <cell r="H347" t="str">
            <v>Engineering Support</v>
          </cell>
          <cell r="I347" t="str">
            <v>Large Revenue Customer</v>
          </cell>
          <cell r="K347">
            <v>1651</v>
          </cell>
          <cell r="M347">
            <v>0</v>
          </cell>
          <cell r="N347">
            <v>6334</v>
          </cell>
          <cell r="O347">
            <v>-6334</v>
          </cell>
          <cell r="P347">
            <v>0</v>
          </cell>
          <cell r="Q347">
            <v>0</v>
          </cell>
          <cell r="R347">
            <v>993</v>
          </cell>
          <cell r="S347">
            <v>-993</v>
          </cell>
        </row>
        <row r="348">
          <cell r="B348">
            <v>1</v>
          </cell>
          <cell r="C348" t="str">
            <v>Capital</v>
          </cell>
          <cell r="D348" t="str">
            <v>Growth</v>
          </cell>
          <cell r="E348" t="str">
            <v>Large Revenue Customer</v>
          </cell>
          <cell r="G348" t="str">
            <v>Materials</v>
          </cell>
          <cell r="H348" t="str">
            <v>Engineering Support</v>
          </cell>
          <cell r="I348" t="str">
            <v>Large Revenue Customer</v>
          </cell>
          <cell r="K348">
            <v>21205</v>
          </cell>
          <cell r="M348">
            <v>717574</v>
          </cell>
          <cell r="N348">
            <v>308605</v>
          </cell>
          <cell r="O348">
            <v>408969</v>
          </cell>
          <cell r="P348">
            <v>3659735</v>
          </cell>
          <cell r="Q348">
            <v>3239736</v>
          </cell>
          <cell r="R348">
            <v>3199854</v>
          </cell>
          <cell r="S348">
            <v>39882</v>
          </cell>
        </row>
        <row r="349">
          <cell r="B349">
            <v>1</v>
          </cell>
          <cell r="C349" t="str">
            <v>Capital</v>
          </cell>
          <cell r="D349" t="str">
            <v>Growth</v>
          </cell>
          <cell r="E349" t="str">
            <v>Large Revenue Customer</v>
          </cell>
          <cell r="G349" t="str">
            <v>Ciac</v>
          </cell>
          <cell r="H349" t="str">
            <v>Engineering Support</v>
          </cell>
          <cell r="I349" t="str">
            <v>Large Revenue Customer</v>
          </cell>
          <cell r="K349">
            <v>-8000</v>
          </cell>
          <cell r="M349">
            <v>0</v>
          </cell>
          <cell r="N349">
            <v>-24000</v>
          </cell>
          <cell r="O349">
            <v>24000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</row>
        <row r="350">
          <cell r="B350">
            <v>1</v>
          </cell>
          <cell r="C350" t="str">
            <v>Capital</v>
          </cell>
          <cell r="D350" t="str">
            <v>Growth</v>
          </cell>
          <cell r="E350" t="str">
            <v>Large Revenue Customer</v>
          </cell>
          <cell r="G350" t="str">
            <v>Hardware/Software</v>
          </cell>
          <cell r="H350" t="str">
            <v>Engineering Support</v>
          </cell>
          <cell r="I350" t="str">
            <v>Large Revenue Customer</v>
          </cell>
          <cell r="K350">
            <v>0</v>
          </cell>
          <cell r="M350">
            <v>0</v>
          </cell>
          <cell r="N350">
            <v>-8000</v>
          </cell>
          <cell r="O350">
            <v>8000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</row>
        <row r="351">
          <cell r="B351">
            <v>1</v>
          </cell>
          <cell r="C351" t="str">
            <v>Capital</v>
          </cell>
          <cell r="D351" t="str">
            <v>Growth</v>
          </cell>
          <cell r="E351" t="str">
            <v>Large Revenue Customer</v>
          </cell>
          <cell r="G351" t="str">
            <v>Rent/utilities</v>
          </cell>
          <cell r="H351" t="str">
            <v>Engineering Support</v>
          </cell>
          <cell r="I351" t="str">
            <v>Large Revenue Customer</v>
          </cell>
          <cell r="K351">
            <v>1175</v>
          </cell>
          <cell r="M351">
            <v>0</v>
          </cell>
          <cell r="N351">
            <v>2542</v>
          </cell>
          <cell r="O351">
            <v>-2542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</row>
        <row r="352">
          <cell r="B352">
            <v>1</v>
          </cell>
          <cell r="C352" t="str">
            <v>Capital</v>
          </cell>
          <cell r="D352" t="str">
            <v>Growth</v>
          </cell>
          <cell r="E352" t="str">
            <v>Large Revenue Customer</v>
          </cell>
          <cell r="G352" t="str">
            <v>Other</v>
          </cell>
          <cell r="H352" t="str">
            <v>Engineering Support</v>
          </cell>
          <cell r="I352" t="str">
            <v>Large Revenue Customer</v>
          </cell>
          <cell r="K352">
            <v>2809</v>
          </cell>
          <cell r="M352">
            <v>21554</v>
          </cell>
          <cell r="N352">
            <v>21727</v>
          </cell>
          <cell r="O352">
            <v>-172</v>
          </cell>
          <cell r="P352">
            <v>41674</v>
          </cell>
          <cell r="Q352">
            <v>41391</v>
          </cell>
          <cell r="R352">
            <v>33390</v>
          </cell>
          <cell r="S352">
            <v>8001</v>
          </cell>
        </row>
        <row r="353">
          <cell r="B353">
            <v>1</v>
          </cell>
          <cell r="C353" t="str">
            <v>Capital</v>
          </cell>
          <cell r="D353" t="str">
            <v>Growth</v>
          </cell>
          <cell r="E353" t="str">
            <v>Meter Purchases</v>
          </cell>
          <cell r="G353" t="str">
            <v>Contract Labor</v>
          </cell>
          <cell r="H353" t="str">
            <v>Energy Information</v>
          </cell>
          <cell r="I353" t="str">
            <v>Transformer &amp; Meter Purchases</v>
          </cell>
          <cell r="K353">
            <v>0</v>
          </cell>
          <cell r="M353">
            <v>26667</v>
          </cell>
          <cell r="N353">
            <v>0</v>
          </cell>
          <cell r="O353">
            <v>26667</v>
          </cell>
          <cell r="P353">
            <v>80000</v>
          </cell>
          <cell r="Q353">
            <v>80000</v>
          </cell>
          <cell r="R353">
            <v>0</v>
          </cell>
          <cell r="S353">
            <v>80000</v>
          </cell>
        </row>
        <row r="354">
          <cell r="B354">
            <v>1</v>
          </cell>
          <cell r="C354" t="str">
            <v>Capital</v>
          </cell>
          <cell r="D354" t="str">
            <v>Growth</v>
          </cell>
          <cell r="E354" t="str">
            <v>Meter Purchases</v>
          </cell>
          <cell r="G354" t="str">
            <v>Materials</v>
          </cell>
          <cell r="H354" t="str">
            <v>Energy Information</v>
          </cell>
          <cell r="I354" t="str">
            <v>Transformer &amp; Meter Purchases</v>
          </cell>
          <cell r="K354">
            <v>352121</v>
          </cell>
          <cell r="M354">
            <v>1768528</v>
          </cell>
          <cell r="N354">
            <v>1000663</v>
          </cell>
          <cell r="O354">
            <v>767865</v>
          </cell>
          <cell r="P354">
            <v>4892225</v>
          </cell>
          <cell r="Q354">
            <v>4892225</v>
          </cell>
          <cell r="R354">
            <v>4892225</v>
          </cell>
          <cell r="S354">
            <v>0</v>
          </cell>
        </row>
        <row r="355">
          <cell r="B355">
            <v>1</v>
          </cell>
          <cell r="C355" t="str">
            <v>Capital</v>
          </cell>
          <cell r="D355" t="str">
            <v>Growth</v>
          </cell>
          <cell r="E355" t="str">
            <v>Meter Purchases</v>
          </cell>
          <cell r="G355" t="str">
            <v>Ciac</v>
          </cell>
          <cell r="H355" t="str">
            <v>Energy Information</v>
          </cell>
          <cell r="I355" t="str">
            <v>Transformer &amp; Meter Purchases</v>
          </cell>
          <cell r="K355">
            <v>0</v>
          </cell>
          <cell r="M355">
            <v>0</v>
          </cell>
          <cell r="N355">
            <v>-4394</v>
          </cell>
          <cell r="O355">
            <v>439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</row>
        <row r="356">
          <cell r="B356">
            <v>1</v>
          </cell>
          <cell r="C356" t="str">
            <v>Capital</v>
          </cell>
          <cell r="D356" t="str">
            <v>Growth</v>
          </cell>
          <cell r="E356" t="str">
            <v>Rev Construction - C&amp;I</v>
          </cell>
          <cell r="G356" t="str">
            <v>Company Labor</v>
          </cell>
          <cell r="H356" t="str">
            <v>Other</v>
          </cell>
          <cell r="I356" t="str">
            <v>Rev Construction - C&amp;I</v>
          </cell>
          <cell r="K356">
            <v>269441</v>
          </cell>
          <cell r="M356">
            <v>949116</v>
          </cell>
          <cell r="N356">
            <v>1027649</v>
          </cell>
          <cell r="O356">
            <v>-78533</v>
          </cell>
          <cell r="P356">
            <v>2832896</v>
          </cell>
          <cell r="Q356">
            <v>2832896</v>
          </cell>
          <cell r="R356">
            <v>2832896</v>
          </cell>
          <cell r="S356">
            <v>0</v>
          </cell>
        </row>
        <row r="357">
          <cell r="B357">
            <v>1</v>
          </cell>
          <cell r="C357" t="str">
            <v>Capital</v>
          </cell>
          <cell r="D357" t="str">
            <v>Growth</v>
          </cell>
          <cell r="E357" t="str">
            <v>Rev Construction - C&amp;I</v>
          </cell>
          <cell r="G357" t="str">
            <v>Company Labor</v>
          </cell>
          <cell r="H357" t="str">
            <v>Rev Construction - C&amp;I</v>
          </cell>
          <cell r="I357" t="str">
            <v>Rev Construction - C&amp;I</v>
          </cell>
          <cell r="K357">
            <v>2547</v>
          </cell>
          <cell r="M357">
            <v>0</v>
          </cell>
          <cell r="N357">
            <v>2859</v>
          </cell>
          <cell r="O357">
            <v>-2859</v>
          </cell>
          <cell r="P357">
            <v>0</v>
          </cell>
          <cell r="Q357">
            <v>0</v>
          </cell>
          <cell r="R357">
            <v>19776</v>
          </cell>
          <cell r="S357">
            <v>-19776</v>
          </cell>
        </row>
        <row r="358">
          <cell r="B358">
            <v>1</v>
          </cell>
          <cell r="C358" t="str">
            <v>Capital</v>
          </cell>
          <cell r="D358" t="str">
            <v>Growth</v>
          </cell>
          <cell r="E358" t="str">
            <v>Rev Construction - C&amp;I</v>
          </cell>
          <cell r="G358" t="str">
            <v>Company Labor</v>
          </cell>
          <cell r="H358" t="str">
            <v>Lab &amp; Mat Burdens</v>
          </cell>
          <cell r="I358" t="str">
            <v>Rev Construction - C&amp;I</v>
          </cell>
          <cell r="K358">
            <v>172543</v>
          </cell>
          <cell r="M358">
            <v>602290</v>
          </cell>
          <cell r="N358">
            <v>652512</v>
          </cell>
          <cell r="O358">
            <v>-50221</v>
          </cell>
          <cell r="P358">
            <v>1795931</v>
          </cell>
          <cell r="Q358">
            <v>1795931</v>
          </cell>
          <cell r="R358">
            <v>1808330</v>
          </cell>
          <cell r="S358">
            <v>-12399</v>
          </cell>
        </row>
        <row r="359">
          <cell r="B359">
            <v>1</v>
          </cell>
          <cell r="C359" t="str">
            <v>Capital</v>
          </cell>
          <cell r="D359" t="str">
            <v>Growth</v>
          </cell>
          <cell r="E359" t="str">
            <v>Rev Construction - C&amp;I</v>
          </cell>
          <cell r="G359" t="str">
            <v>Company Labor</v>
          </cell>
          <cell r="H359" t="str">
            <v>Other</v>
          </cell>
          <cell r="I359" t="str">
            <v>Rev Construction - C&amp;I</v>
          </cell>
          <cell r="K359">
            <v>10969</v>
          </cell>
          <cell r="M359">
            <v>39528</v>
          </cell>
          <cell r="N359">
            <v>34851</v>
          </cell>
          <cell r="O359">
            <v>4677</v>
          </cell>
          <cell r="P359">
            <v>108263</v>
          </cell>
          <cell r="Q359">
            <v>108263</v>
          </cell>
          <cell r="R359">
            <v>108263</v>
          </cell>
          <cell r="S359">
            <v>0</v>
          </cell>
        </row>
        <row r="360">
          <cell r="B360">
            <v>1</v>
          </cell>
          <cell r="C360" t="str">
            <v>Capital</v>
          </cell>
          <cell r="D360" t="str">
            <v>Growth</v>
          </cell>
          <cell r="E360" t="str">
            <v>Rev Construction - C&amp;I</v>
          </cell>
          <cell r="G360" t="str">
            <v>Contract Labor</v>
          </cell>
          <cell r="H360" t="str">
            <v>Other</v>
          </cell>
          <cell r="I360" t="str">
            <v>Rev Construction - C&amp;I</v>
          </cell>
          <cell r="K360">
            <v>723183</v>
          </cell>
          <cell r="M360">
            <v>2140226</v>
          </cell>
          <cell r="N360">
            <v>2672681</v>
          </cell>
          <cell r="O360">
            <v>-532454</v>
          </cell>
          <cell r="P360">
            <v>6886474</v>
          </cell>
          <cell r="Q360">
            <v>6886474</v>
          </cell>
          <cell r="R360">
            <v>6886474</v>
          </cell>
          <cell r="S360">
            <v>0</v>
          </cell>
        </row>
        <row r="361">
          <cell r="B361">
            <v>1</v>
          </cell>
          <cell r="C361" t="str">
            <v>Capital</v>
          </cell>
          <cell r="D361" t="str">
            <v>Growth</v>
          </cell>
          <cell r="E361" t="str">
            <v>Rev Construction - C&amp;I</v>
          </cell>
          <cell r="G361" t="str">
            <v>Contract Labor</v>
          </cell>
          <cell r="H361" t="str">
            <v>Rev Construction - C&amp;I</v>
          </cell>
          <cell r="I361" t="str">
            <v>Rev Construction - C&amp;I</v>
          </cell>
          <cell r="K361">
            <v>0</v>
          </cell>
          <cell r="M361">
            <v>0</v>
          </cell>
          <cell r="N361">
            <v>-2604</v>
          </cell>
          <cell r="O361">
            <v>2604</v>
          </cell>
          <cell r="P361">
            <v>0</v>
          </cell>
          <cell r="Q361">
            <v>0</v>
          </cell>
          <cell r="R361">
            <v>25175</v>
          </cell>
          <cell r="S361">
            <v>-25175</v>
          </cell>
        </row>
        <row r="362">
          <cell r="B362">
            <v>1</v>
          </cell>
          <cell r="C362" t="str">
            <v>Capital</v>
          </cell>
          <cell r="D362" t="str">
            <v>Growth</v>
          </cell>
          <cell r="E362" t="str">
            <v>Rev Construction - C&amp;I</v>
          </cell>
          <cell r="G362" t="str">
            <v>Fleet</v>
          </cell>
          <cell r="H362" t="str">
            <v>Other</v>
          </cell>
          <cell r="I362" t="str">
            <v>Rev Construction - C&amp;I</v>
          </cell>
          <cell r="K362">
            <v>81291</v>
          </cell>
          <cell r="M362">
            <v>307824</v>
          </cell>
          <cell r="N362">
            <v>303196</v>
          </cell>
          <cell r="O362">
            <v>4628</v>
          </cell>
          <cell r="P362">
            <v>717366</v>
          </cell>
          <cell r="Q362">
            <v>717366</v>
          </cell>
          <cell r="R362">
            <v>717366</v>
          </cell>
          <cell r="S362">
            <v>0</v>
          </cell>
        </row>
        <row r="363">
          <cell r="B363">
            <v>1</v>
          </cell>
          <cell r="C363" t="str">
            <v>Capital</v>
          </cell>
          <cell r="D363" t="str">
            <v>Growth</v>
          </cell>
          <cell r="E363" t="str">
            <v>Rev Construction - C&amp;I</v>
          </cell>
          <cell r="G363" t="str">
            <v>Fleet</v>
          </cell>
          <cell r="H363" t="str">
            <v>Rev Construction - C&amp;I</v>
          </cell>
          <cell r="I363" t="str">
            <v>Rev Construction - C&amp;I</v>
          </cell>
          <cell r="K363">
            <v>0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  <cell r="R363">
            <v>4900</v>
          </cell>
          <cell r="S363">
            <v>-4900</v>
          </cell>
        </row>
        <row r="364">
          <cell r="B364">
            <v>1</v>
          </cell>
          <cell r="C364" t="str">
            <v>Capital</v>
          </cell>
          <cell r="D364" t="str">
            <v>Growth</v>
          </cell>
          <cell r="E364" t="str">
            <v>Rev Construction - C&amp;I</v>
          </cell>
          <cell r="G364" t="str">
            <v>Meals/Travel</v>
          </cell>
          <cell r="H364" t="str">
            <v>Other</v>
          </cell>
          <cell r="I364" t="str">
            <v>Rev Construction - C&amp;I</v>
          </cell>
          <cell r="K364">
            <v>-726</v>
          </cell>
          <cell r="M364">
            <v>0</v>
          </cell>
          <cell r="N364">
            <v>-761</v>
          </cell>
          <cell r="O364">
            <v>761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</row>
        <row r="365">
          <cell r="B365">
            <v>1</v>
          </cell>
          <cell r="C365" t="str">
            <v>Capital</v>
          </cell>
          <cell r="D365" t="str">
            <v>Growth</v>
          </cell>
          <cell r="E365" t="str">
            <v>Rev Construction - C&amp;I</v>
          </cell>
          <cell r="G365" t="str">
            <v>Meals/Travel</v>
          </cell>
          <cell r="H365" t="str">
            <v>Rev Construction - C&amp;I</v>
          </cell>
          <cell r="I365" t="str">
            <v>Rev Construction - C&amp;I</v>
          </cell>
          <cell r="K365">
            <v>171</v>
          </cell>
          <cell r="M365">
            <v>0</v>
          </cell>
          <cell r="N365">
            <v>171</v>
          </cell>
          <cell r="O365">
            <v>-171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</row>
        <row r="366">
          <cell r="B366">
            <v>1</v>
          </cell>
          <cell r="C366" t="str">
            <v>Capital</v>
          </cell>
          <cell r="D366" t="str">
            <v>Growth</v>
          </cell>
          <cell r="E366" t="str">
            <v>Rev Construction - C&amp;I</v>
          </cell>
          <cell r="G366" t="str">
            <v>Materials</v>
          </cell>
          <cell r="H366" t="str">
            <v>Lab &amp; Mat Burdens</v>
          </cell>
          <cell r="I366" t="str">
            <v>Rev Construction - C&amp;I</v>
          </cell>
          <cell r="K366">
            <v>56768</v>
          </cell>
          <cell r="M366">
            <v>210892</v>
          </cell>
          <cell r="N366">
            <v>193326</v>
          </cell>
          <cell r="O366">
            <v>17566</v>
          </cell>
          <cell r="P366">
            <v>640914</v>
          </cell>
          <cell r="Q366">
            <v>640914</v>
          </cell>
          <cell r="R366">
            <v>654605</v>
          </cell>
          <cell r="S366">
            <v>-13690</v>
          </cell>
        </row>
        <row r="367">
          <cell r="B367">
            <v>1</v>
          </cell>
          <cell r="C367" t="str">
            <v>Capital</v>
          </cell>
          <cell r="D367" t="str">
            <v>Growth</v>
          </cell>
          <cell r="E367" t="str">
            <v>Rev Construction - C&amp;I</v>
          </cell>
          <cell r="G367" t="str">
            <v>Materials</v>
          </cell>
          <cell r="H367" t="str">
            <v>Other</v>
          </cell>
          <cell r="I367" t="str">
            <v>Rev Construction - C&amp;I</v>
          </cell>
          <cell r="K367">
            <v>496454</v>
          </cell>
          <cell r="M367">
            <v>1469627</v>
          </cell>
          <cell r="N367">
            <v>1554476</v>
          </cell>
          <cell r="O367">
            <v>-84849</v>
          </cell>
          <cell r="P367">
            <v>4466558</v>
          </cell>
          <cell r="Q367">
            <v>4466558</v>
          </cell>
          <cell r="R367">
            <v>4466558</v>
          </cell>
          <cell r="S367">
            <v>0</v>
          </cell>
        </row>
        <row r="368">
          <cell r="B368">
            <v>1</v>
          </cell>
          <cell r="C368" t="str">
            <v>Capital</v>
          </cell>
          <cell r="D368" t="str">
            <v>Growth</v>
          </cell>
          <cell r="E368" t="str">
            <v>Rev Construction - C&amp;I</v>
          </cell>
          <cell r="G368" t="str">
            <v>Materials</v>
          </cell>
          <cell r="H368" t="str">
            <v>Rev Construction - C&amp;I</v>
          </cell>
          <cell r="I368" t="str">
            <v>Rev Construction - C&amp;I</v>
          </cell>
          <cell r="K368">
            <v>0</v>
          </cell>
          <cell r="M368">
            <v>0</v>
          </cell>
          <cell r="N368">
            <v>0</v>
          </cell>
          <cell r="O368">
            <v>0</v>
          </cell>
          <cell r="P368">
            <v>0</v>
          </cell>
          <cell r="Q368">
            <v>0</v>
          </cell>
          <cell r="R368">
            <v>99930</v>
          </cell>
          <cell r="S368">
            <v>-99930</v>
          </cell>
        </row>
        <row r="369">
          <cell r="B369">
            <v>1</v>
          </cell>
          <cell r="C369" t="str">
            <v>Capital</v>
          </cell>
          <cell r="D369" t="str">
            <v>Growth</v>
          </cell>
          <cell r="E369" t="str">
            <v>Rev Construction - C&amp;I</v>
          </cell>
          <cell r="G369" t="str">
            <v>Ciac</v>
          </cell>
          <cell r="H369" t="str">
            <v>Other</v>
          </cell>
          <cell r="I369" t="str">
            <v>Rev Construction - C&amp;I</v>
          </cell>
          <cell r="K369">
            <v>-251480</v>
          </cell>
          <cell r="M369">
            <v>-961031</v>
          </cell>
          <cell r="N369">
            <v>-729485</v>
          </cell>
          <cell r="O369">
            <v>-231547</v>
          </cell>
          <cell r="P369">
            <v>-2883094</v>
          </cell>
          <cell r="Q369">
            <v>-2883094</v>
          </cell>
          <cell r="R369">
            <v>-2883094</v>
          </cell>
          <cell r="S369">
            <v>0</v>
          </cell>
        </row>
        <row r="370">
          <cell r="B370">
            <v>1</v>
          </cell>
          <cell r="C370" t="str">
            <v>Capital</v>
          </cell>
          <cell r="D370" t="str">
            <v>Growth</v>
          </cell>
          <cell r="E370" t="str">
            <v>Rev Construction - C&amp;I</v>
          </cell>
          <cell r="G370" t="str">
            <v>Other</v>
          </cell>
          <cell r="H370" t="str">
            <v>Lab &amp; Mat Burdens</v>
          </cell>
          <cell r="I370" t="str">
            <v>Rev Construction - C&amp;I</v>
          </cell>
          <cell r="K370">
            <v>369</v>
          </cell>
          <cell r="M370">
            <v>0</v>
          </cell>
          <cell r="N370">
            <v>400</v>
          </cell>
          <cell r="O370">
            <v>-400</v>
          </cell>
          <cell r="P370">
            <v>0</v>
          </cell>
          <cell r="Q370">
            <v>0</v>
          </cell>
          <cell r="R370">
            <v>4381</v>
          </cell>
          <cell r="S370">
            <v>-4381</v>
          </cell>
        </row>
        <row r="371">
          <cell r="B371">
            <v>1</v>
          </cell>
          <cell r="C371" t="str">
            <v>Capital</v>
          </cell>
          <cell r="D371" t="str">
            <v>Growth</v>
          </cell>
          <cell r="E371" t="str">
            <v>Rev Construction - C&amp;I</v>
          </cell>
          <cell r="G371" t="str">
            <v>Other</v>
          </cell>
          <cell r="H371" t="str">
            <v>Other</v>
          </cell>
          <cell r="I371" t="str">
            <v>Rev Construction - C&amp;I</v>
          </cell>
          <cell r="K371">
            <v>128</v>
          </cell>
          <cell r="M371">
            <v>0</v>
          </cell>
          <cell r="N371">
            <v>13140</v>
          </cell>
          <cell r="O371">
            <v>-13140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</row>
        <row r="372">
          <cell r="B372">
            <v>1</v>
          </cell>
          <cell r="C372" t="str">
            <v>Capital</v>
          </cell>
          <cell r="D372" t="str">
            <v>Growth</v>
          </cell>
          <cell r="E372" t="str">
            <v>Rev Construction - Lighting</v>
          </cell>
          <cell r="G372" t="str">
            <v>Company Labor</v>
          </cell>
          <cell r="H372" t="str">
            <v>Other</v>
          </cell>
          <cell r="I372" t="str">
            <v>Rev Construction - Lighting</v>
          </cell>
          <cell r="K372">
            <v>195224</v>
          </cell>
          <cell r="M372">
            <v>733912</v>
          </cell>
          <cell r="N372">
            <v>832986</v>
          </cell>
          <cell r="O372">
            <v>-99074</v>
          </cell>
          <cell r="P372">
            <v>2111779</v>
          </cell>
          <cell r="Q372">
            <v>2111779</v>
          </cell>
          <cell r="R372">
            <v>2111779</v>
          </cell>
          <cell r="S372">
            <v>0</v>
          </cell>
        </row>
        <row r="373">
          <cell r="B373">
            <v>1</v>
          </cell>
          <cell r="C373" t="str">
            <v>Capital</v>
          </cell>
          <cell r="D373" t="str">
            <v>Growth</v>
          </cell>
          <cell r="E373" t="str">
            <v>Rev Construction - Lighting</v>
          </cell>
          <cell r="G373" t="str">
            <v>Company Labor</v>
          </cell>
          <cell r="H373" t="str">
            <v>Lab &amp; Mat Burdens</v>
          </cell>
          <cell r="I373" t="str">
            <v>Rev Construction - Lighting</v>
          </cell>
          <cell r="K373">
            <v>123021</v>
          </cell>
          <cell r="M373">
            <v>465015</v>
          </cell>
          <cell r="N373">
            <v>524945</v>
          </cell>
          <cell r="O373">
            <v>-59931</v>
          </cell>
          <cell r="P373">
            <v>1332236</v>
          </cell>
          <cell r="Q373">
            <v>1332236</v>
          </cell>
          <cell r="R373">
            <v>1332236</v>
          </cell>
          <cell r="S373">
            <v>0</v>
          </cell>
        </row>
        <row r="374">
          <cell r="B374">
            <v>1</v>
          </cell>
          <cell r="C374" t="str">
            <v>Capital</v>
          </cell>
          <cell r="D374" t="str">
            <v>Growth</v>
          </cell>
          <cell r="E374" t="str">
            <v>Rev Construction - Lighting</v>
          </cell>
          <cell r="G374" t="str">
            <v>Company Labor</v>
          </cell>
          <cell r="H374" t="str">
            <v>Other</v>
          </cell>
          <cell r="I374" t="str">
            <v>Rev Construction - Lighting</v>
          </cell>
          <cell r="K374">
            <v>3242</v>
          </cell>
          <cell r="M374">
            <v>26656</v>
          </cell>
          <cell r="N374">
            <v>14293</v>
          </cell>
          <cell r="O374">
            <v>12363</v>
          </cell>
          <cell r="P374">
            <v>44777</v>
          </cell>
          <cell r="Q374">
            <v>44777</v>
          </cell>
          <cell r="R374">
            <v>44777</v>
          </cell>
          <cell r="S374">
            <v>0</v>
          </cell>
        </row>
        <row r="375">
          <cell r="B375">
            <v>1</v>
          </cell>
          <cell r="C375" t="str">
            <v>Capital</v>
          </cell>
          <cell r="D375" t="str">
            <v>Growth</v>
          </cell>
          <cell r="E375" t="str">
            <v>Rev Construction - Lighting</v>
          </cell>
          <cell r="G375" t="str">
            <v>Contract Labor</v>
          </cell>
          <cell r="H375" t="str">
            <v>Other</v>
          </cell>
          <cell r="I375" t="str">
            <v>Rev Construction - Lighting</v>
          </cell>
          <cell r="K375">
            <v>240202</v>
          </cell>
          <cell r="M375">
            <v>825278</v>
          </cell>
          <cell r="N375">
            <v>1093068</v>
          </cell>
          <cell r="O375">
            <v>-267790</v>
          </cell>
          <cell r="P375">
            <v>2671759</v>
          </cell>
          <cell r="Q375">
            <v>2671759</v>
          </cell>
          <cell r="R375">
            <v>2671759</v>
          </cell>
          <cell r="S375">
            <v>0</v>
          </cell>
        </row>
        <row r="376">
          <cell r="B376">
            <v>1</v>
          </cell>
          <cell r="C376" t="str">
            <v>Capital</v>
          </cell>
          <cell r="D376" t="str">
            <v>Growth</v>
          </cell>
          <cell r="E376" t="str">
            <v>Rev Construction - Lighting</v>
          </cell>
          <cell r="G376" t="str">
            <v>Fleet</v>
          </cell>
          <cell r="H376" t="str">
            <v>Other</v>
          </cell>
          <cell r="I376" t="str">
            <v>Rev Construction - Lighting</v>
          </cell>
          <cell r="K376">
            <v>58664</v>
          </cell>
          <cell r="M376">
            <v>202244</v>
          </cell>
          <cell r="N376">
            <v>256767</v>
          </cell>
          <cell r="O376">
            <v>-54524</v>
          </cell>
          <cell r="P376">
            <v>549993</v>
          </cell>
          <cell r="Q376">
            <v>549993</v>
          </cell>
          <cell r="R376">
            <v>549993</v>
          </cell>
          <cell r="S376">
            <v>0</v>
          </cell>
        </row>
        <row r="377">
          <cell r="B377">
            <v>1</v>
          </cell>
          <cell r="C377" t="str">
            <v>Capital</v>
          </cell>
          <cell r="D377" t="str">
            <v>Growth</v>
          </cell>
          <cell r="E377" t="str">
            <v>Rev Construction - Lighting</v>
          </cell>
          <cell r="G377" t="str">
            <v>Meals/Travel</v>
          </cell>
          <cell r="H377" t="str">
            <v>Other</v>
          </cell>
          <cell r="I377" t="str">
            <v>Rev Construction - Lighting</v>
          </cell>
          <cell r="K377">
            <v>1511</v>
          </cell>
          <cell r="M377">
            <v>27663</v>
          </cell>
          <cell r="N377">
            <v>7566</v>
          </cell>
          <cell r="O377">
            <v>20097</v>
          </cell>
          <cell r="P377">
            <v>27663</v>
          </cell>
          <cell r="Q377">
            <v>27663</v>
          </cell>
          <cell r="R377">
            <v>27663</v>
          </cell>
          <cell r="S377">
            <v>0</v>
          </cell>
        </row>
        <row r="378">
          <cell r="B378">
            <v>1</v>
          </cell>
          <cell r="C378" t="str">
            <v>Capital</v>
          </cell>
          <cell r="D378" t="str">
            <v>Growth</v>
          </cell>
          <cell r="E378" t="str">
            <v>Rev Construction - Lighting</v>
          </cell>
          <cell r="G378" t="str">
            <v>Materials</v>
          </cell>
          <cell r="H378" t="str">
            <v>Lab &amp; Mat Burdens</v>
          </cell>
          <cell r="I378" t="str">
            <v>Rev Construction - Lighting</v>
          </cell>
          <cell r="K378">
            <v>44910</v>
          </cell>
          <cell r="M378">
            <v>190391</v>
          </cell>
          <cell r="N378">
            <v>200811</v>
          </cell>
          <cell r="O378">
            <v>-10420</v>
          </cell>
          <cell r="P378">
            <v>719076</v>
          </cell>
          <cell r="Q378">
            <v>719076</v>
          </cell>
          <cell r="R378">
            <v>719076</v>
          </cell>
          <cell r="S378">
            <v>0</v>
          </cell>
        </row>
        <row r="379">
          <cell r="B379">
            <v>1</v>
          </cell>
          <cell r="C379" t="str">
            <v>Capital</v>
          </cell>
          <cell r="D379" t="str">
            <v>Growth</v>
          </cell>
          <cell r="E379" t="str">
            <v>Rev Construction - Lighting</v>
          </cell>
          <cell r="G379" t="str">
            <v>Materials</v>
          </cell>
          <cell r="H379" t="str">
            <v>Other</v>
          </cell>
          <cell r="I379" t="str">
            <v>Rev Construction - Lighting</v>
          </cell>
          <cell r="K379">
            <v>350004</v>
          </cell>
          <cell r="M379">
            <v>1263705</v>
          </cell>
          <cell r="N379">
            <v>1553797</v>
          </cell>
          <cell r="O379">
            <v>-290092</v>
          </cell>
          <cell r="P379">
            <v>4904337</v>
          </cell>
          <cell r="Q379">
            <v>4904337</v>
          </cell>
          <cell r="R379">
            <v>4904337</v>
          </cell>
          <cell r="S379">
            <v>0</v>
          </cell>
        </row>
        <row r="380">
          <cell r="B380">
            <v>1</v>
          </cell>
          <cell r="C380" t="str">
            <v>Capital</v>
          </cell>
          <cell r="D380" t="str">
            <v>Growth</v>
          </cell>
          <cell r="E380" t="str">
            <v>Rev Construction - Lighting</v>
          </cell>
          <cell r="G380" t="str">
            <v>Materials</v>
          </cell>
          <cell r="H380" t="str">
            <v>Region Other</v>
          </cell>
          <cell r="I380" t="str">
            <v>Rev Construction - Lighting</v>
          </cell>
          <cell r="K380">
            <v>0</v>
          </cell>
          <cell r="M380">
            <v>0</v>
          </cell>
          <cell r="N380">
            <v>0</v>
          </cell>
          <cell r="O380">
            <v>0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</row>
        <row r="381">
          <cell r="B381">
            <v>1</v>
          </cell>
          <cell r="C381" t="str">
            <v>Capital</v>
          </cell>
          <cell r="D381" t="str">
            <v>Growth</v>
          </cell>
          <cell r="E381" t="str">
            <v>Rev Construction - Lighting</v>
          </cell>
          <cell r="G381" t="str">
            <v>Ciac</v>
          </cell>
          <cell r="H381" t="str">
            <v>Other</v>
          </cell>
          <cell r="I381" t="str">
            <v>Rev Construction - Lighting</v>
          </cell>
          <cell r="K381">
            <v>-9124</v>
          </cell>
          <cell r="M381">
            <v>-109360</v>
          </cell>
          <cell r="N381">
            <v>-59553</v>
          </cell>
          <cell r="O381">
            <v>-49807</v>
          </cell>
          <cell r="P381">
            <v>-328080</v>
          </cell>
          <cell r="Q381">
            <v>-328080</v>
          </cell>
          <cell r="R381">
            <v>-328080</v>
          </cell>
          <cell r="S381">
            <v>0</v>
          </cell>
        </row>
        <row r="382">
          <cell r="B382">
            <v>1</v>
          </cell>
          <cell r="C382" t="str">
            <v>Capital</v>
          </cell>
          <cell r="D382" t="str">
            <v>Growth</v>
          </cell>
          <cell r="E382" t="str">
            <v>Rev Construction - Residential</v>
          </cell>
          <cell r="G382" t="str">
            <v>Company Labor</v>
          </cell>
          <cell r="H382" t="str">
            <v>Other</v>
          </cell>
          <cell r="I382" t="str">
            <v>Rev Construction - Residential</v>
          </cell>
          <cell r="K382">
            <v>380896</v>
          </cell>
          <cell r="M382">
            <v>808965</v>
          </cell>
          <cell r="N382">
            <v>1557566</v>
          </cell>
          <cell r="O382">
            <v>-748600</v>
          </cell>
          <cell r="P382">
            <v>3109713</v>
          </cell>
          <cell r="Q382">
            <v>3109713</v>
          </cell>
          <cell r="R382">
            <v>3109713</v>
          </cell>
          <cell r="S382">
            <v>0</v>
          </cell>
        </row>
        <row r="383">
          <cell r="B383">
            <v>1</v>
          </cell>
          <cell r="C383" t="str">
            <v>Capital</v>
          </cell>
          <cell r="D383" t="str">
            <v>Growth</v>
          </cell>
          <cell r="E383" t="str">
            <v>Rev Construction - Residential</v>
          </cell>
          <cell r="G383" t="str">
            <v>Company Labor</v>
          </cell>
          <cell r="H383" t="str">
            <v>Lab &amp; Mat Burdens</v>
          </cell>
          <cell r="I383" t="str">
            <v>Rev Construction - Residential</v>
          </cell>
          <cell r="K383">
            <v>241758</v>
          </cell>
          <cell r="M383">
            <v>515966</v>
          </cell>
          <cell r="N383">
            <v>987104</v>
          </cell>
          <cell r="O383">
            <v>-471138</v>
          </cell>
          <cell r="P383">
            <v>1976939</v>
          </cell>
          <cell r="Q383">
            <v>1976939</v>
          </cell>
          <cell r="R383">
            <v>1976939</v>
          </cell>
          <cell r="S383">
            <v>0</v>
          </cell>
        </row>
        <row r="384">
          <cell r="B384">
            <v>1</v>
          </cell>
          <cell r="C384" t="str">
            <v>Capital</v>
          </cell>
          <cell r="D384" t="str">
            <v>Growth</v>
          </cell>
          <cell r="E384" t="str">
            <v>Rev Construction - Residential</v>
          </cell>
          <cell r="G384" t="str">
            <v>Company Labor</v>
          </cell>
          <cell r="H384" t="str">
            <v>Other</v>
          </cell>
          <cell r="I384" t="str">
            <v>Rev Construction - Residential</v>
          </cell>
          <cell r="K384">
            <v>16105</v>
          </cell>
          <cell r="M384">
            <v>48049</v>
          </cell>
          <cell r="N384">
            <v>57543</v>
          </cell>
          <cell r="O384">
            <v>-9494</v>
          </cell>
          <cell r="P384">
            <v>149165</v>
          </cell>
          <cell r="Q384">
            <v>149165</v>
          </cell>
          <cell r="R384">
            <v>149165</v>
          </cell>
          <cell r="S384">
            <v>0</v>
          </cell>
        </row>
        <row r="385">
          <cell r="B385">
            <v>1</v>
          </cell>
          <cell r="C385" t="str">
            <v>Capital</v>
          </cell>
          <cell r="D385" t="str">
            <v>Growth</v>
          </cell>
          <cell r="E385" t="str">
            <v>Rev Construction - Residential</v>
          </cell>
          <cell r="G385" t="str">
            <v>Contract Labor</v>
          </cell>
          <cell r="H385" t="str">
            <v>Other</v>
          </cell>
          <cell r="I385" t="str">
            <v>Rev Construction - Residential</v>
          </cell>
          <cell r="K385">
            <v>686387</v>
          </cell>
          <cell r="M385">
            <v>2644766</v>
          </cell>
          <cell r="N385">
            <v>2783214</v>
          </cell>
          <cell r="O385">
            <v>-138448</v>
          </cell>
          <cell r="P385">
            <v>8237936</v>
          </cell>
          <cell r="Q385">
            <v>8237936</v>
          </cell>
          <cell r="R385">
            <v>8237936</v>
          </cell>
          <cell r="S385">
            <v>0</v>
          </cell>
        </row>
        <row r="386">
          <cell r="B386">
            <v>1</v>
          </cell>
          <cell r="C386" t="str">
            <v>Capital</v>
          </cell>
          <cell r="D386" t="str">
            <v>Growth</v>
          </cell>
          <cell r="E386" t="str">
            <v>Rev Construction - Residential</v>
          </cell>
          <cell r="G386" t="str">
            <v>Fleet</v>
          </cell>
          <cell r="H386" t="str">
            <v>Other</v>
          </cell>
          <cell r="I386" t="str">
            <v>Rev Construction - Residential</v>
          </cell>
          <cell r="K386">
            <v>90741</v>
          </cell>
          <cell r="M386">
            <v>304006</v>
          </cell>
          <cell r="N386">
            <v>377577</v>
          </cell>
          <cell r="O386">
            <v>-73571</v>
          </cell>
          <cell r="P386">
            <v>803614</v>
          </cell>
          <cell r="Q386">
            <v>803614</v>
          </cell>
          <cell r="R386">
            <v>803614</v>
          </cell>
          <cell r="S386">
            <v>0</v>
          </cell>
        </row>
        <row r="387">
          <cell r="B387">
            <v>1</v>
          </cell>
          <cell r="C387" t="str">
            <v>Capital</v>
          </cell>
          <cell r="D387" t="str">
            <v>Growth</v>
          </cell>
          <cell r="E387" t="str">
            <v>Rev Construction - Residential</v>
          </cell>
          <cell r="G387" t="str">
            <v>Meals/Travel</v>
          </cell>
          <cell r="H387" t="str">
            <v>Other</v>
          </cell>
          <cell r="I387" t="str">
            <v>Rev Construction - Residential</v>
          </cell>
          <cell r="K387">
            <v>2143</v>
          </cell>
          <cell r="M387">
            <v>4251</v>
          </cell>
          <cell r="N387">
            <v>11948</v>
          </cell>
          <cell r="O387">
            <v>-7697</v>
          </cell>
          <cell r="P387">
            <v>29450</v>
          </cell>
          <cell r="Q387">
            <v>29450</v>
          </cell>
          <cell r="R387">
            <v>29450</v>
          </cell>
          <cell r="S387">
            <v>0</v>
          </cell>
        </row>
        <row r="388">
          <cell r="B388">
            <v>1</v>
          </cell>
          <cell r="C388" t="str">
            <v>Capital</v>
          </cell>
          <cell r="D388" t="str">
            <v>Growth</v>
          </cell>
          <cell r="E388" t="str">
            <v>Rev Construction - Residential</v>
          </cell>
          <cell r="G388" t="str">
            <v>Materials</v>
          </cell>
          <cell r="H388" t="str">
            <v>Lab &amp; Mat Burdens</v>
          </cell>
          <cell r="I388" t="str">
            <v>Rev Construction - Residential</v>
          </cell>
          <cell r="K388">
            <v>42900</v>
          </cell>
          <cell r="M388">
            <v>177701</v>
          </cell>
          <cell r="N388">
            <v>187150</v>
          </cell>
          <cell r="O388">
            <v>-9449</v>
          </cell>
          <cell r="P388">
            <v>610997</v>
          </cell>
          <cell r="Q388">
            <v>610997</v>
          </cell>
          <cell r="R388">
            <v>610997</v>
          </cell>
          <cell r="S388">
            <v>0</v>
          </cell>
        </row>
        <row r="389">
          <cell r="B389">
            <v>1</v>
          </cell>
          <cell r="C389" t="str">
            <v>Capital</v>
          </cell>
          <cell r="D389" t="str">
            <v>Growth</v>
          </cell>
          <cell r="E389" t="str">
            <v>Rev Construction - Residential</v>
          </cell>
          <cell r="G389" t="str">
            <v>Materials</v>
          </cell>
          <cell r="H389" t="str">
            <v>Other</v>
          </cell>
          <cell r="I389" t="str">
            <v>Rev Construction - Residential</v>
          </cell>
          <cell r="K389">
            <v>337507</v>
          </cell>
          <cell r="M389">
            <v>1268390</v>
          </cell>
          <cell r="N389">
            <v>1463840</v>
          </cell>
          <cell r="O389">
            <v>-195450</v>
          </cell>
          <cell r="P389">
            <v>4351923</v>
          </cell>
          <cell r="Q389">
            <v>4351923</v>
          </cell>
          <cell r="R389">
            <v>4351923</v>
          </cell>
          <cell r="S389">
            <v>0</v>
          </cell>
        </row>
        <row r="390">
          <cell r="B390">
            <v>1</v>
          </cell>
          <cell r="C390" t="str">
            <v>Capital</v>
          </cell>
          <cell r="D390" t="str">
            <v>Growth</v>
          </cell>
          <cell r="E390" t="str">
            <v>Rev Construction - Residential</v>
          </cell>
          <cell r="G390" t="str">
            <v>Ciac</v>
          </cell>
          <cell r="H390" t="str">
            <v>Other</v>
          </cell>
          <cell r="I390" t="str">
            <v>Rev Construction - Residential</v>
          </cell>
          <cell r="K390">
            <v>-697681</v>
          </cell>
          <cell r="M390">
            <v>-1251787</v>
          </cell>
          <cell r="N390">
            <v>-1994120</v>
          </cell>
          <cell r="O390">
            <v>742333</v>
          </cell>
          <cell r="P390">
            <v>-3755362</v>
          </cell>
          <cell r="Q390">
            <v>-3755362</v>
          </cell>
          <cell r="R390">
            <v>-3755362</v>
          </cell>
          <cell r="S390">
            <v>0</v>
          </cell>
        </row>
        <row r="391">
          <cell r="B391">
            <v>1</v>
          </cell>
          <cell r="C391" t="str">
            <v>Capital</v>
          </cell>
          <cell r="D391" t="str">
            <v>Growth</v>
          </cell>
          <cell r="E391" t="str">
            <v>Rev Construction - Residential</v>
          </cell>
          <cell r="G391" t="str">
            <v>Other</v>
          </cell>
          <cell r="H391" t="str">
            <v>Other</v>
          </cell>
          <cell r="I391" t="str">
            <v>Rev Construction - Residential</v>
          </cell>
          <cell r="K391">
            <v>82</v>
          </cell>
          <cell r="M391">
            <v>0</v>
          </cell>
          <cell r="N391">
            <v>545</v>
          </cell>
          <cell r="O391">
            <v>-545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</row>
        <row r="392">
          <cell r="B392">
            <v>1</v>
          </cell>
          <cell r="C392" t="str">
            <v>Capital</v>
          </cell>
          <cell r="D392" t="str">
            <v>Growth</v>
          </cell>
          <cell r="E392" t="str">
            <v>Transformer Purchases</v>
          </cell>
          <cell r="G392" t="str">
            <v>Materials</v>
          </cell>
          <cell r="H392" t="str">
            <v>Transformer Purchases</v>
          </cell>
          <cell r="I392" t="str">
            <v>Transformer &amp; Meter Purchases</v>
          </cell>
          <cell r="K392">
            <v>1392696</v>
          </cell>
          <cell r="M392">
            <v>7319240</v>
          </cell>
          <cell r="N392">
            <v>7471429</v>
          </cell>
          <cell r="O392">
            <v>-152189</v>
          </cell>
          <cell r="P392">
            <v>18722658</v>
          </cell>
          <cell r="Q392">
            <v>18722658</v>
          </cell>
          <cell r="R392">
            <v>18722658</v>
          </cell>
          <cell r="S392">
            <v>0</v>
          </cell>
        </row>
        <row r="393">
          <cell r="B393">
            <v>1</v>
          </cell>
          <cell r="C393" t="str">
            <v>Capital</v>
          </cell>
          <cell r="D393" t="str">
            <v>Growth</v>
          </cell>
          <cell r="E393" t="str">
            <v>Transformer Purchases</v>
          </cell>
          <cell r="G393" t="str">
            <v>Ciac</v>
          </cell>
          <cell r="H393" t="str">
            <v>Transformer Purchases</v>
          </cell>
          <cell r="I393" t="str">
            <v>Transformer &amp; Meter Purchases</v>
          </cell>
          <cell r="K393">
            <v>-12950</v>
          </cell>
          <cell r="M393">
            <v>0</v>
          </cell>
          <cell r="N393">
            <v>-119482</v>
          </cell>
          <cell r="O393">
            <v>119482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</row>
        <row r="394">
          <cell r="B394">
            <v>1</v>
          </cell>
          <cell r="C394" t="str">
            <v>Capital</v>
          </cell>
          <cell r="D394" t="str">
            <v>Base</v>
          </cell>
          <cell r="E394" t="str">
            <v>Capital Managed Fund</v>
          </cell>
          <cell r="G394" t="str">
            <v>Other</v>
          </cell>
          <cell r="H394" t="str">
            <v>Capital Managed Fund</v>
          </cell>
          <cell r="I394" t="str">
            <v>Other</v>
          </cell>
          <cell r="K394">
            <v>0</v>
          </cell>
          <cell r="M394">
            <v>1586667</v>
          </cell>
          <cell r="N394">
            <v>0</v>
          </cell>
          <cell r="O394">
            <v>1586667</v>
          </cell>
          <cell r="P394">
            <v>500000</v>
          </cell>
          <cell r="Q394">
            <v>1920000</v>
          </cell>
          <cell r="R394">
            <v>1336000</v>
          </cell>
          <cell r="S394">
            <v>584000</v>
          </cell>
        </row>
        <row r="395">
          <cell r="B395">
            <v>1</v>
          </cell>
          <cell r="C395" t="str">
            <v>Capital</v>
          </cell>
          <cell r="D395" t="str">
            <v>Base</v>
          </cell>
          <cell r="E395" t="str">
            <v>Carolinas C&amp;MS</v>
          </cell>
          <cell r="G395" t="str">
            <v>Contract Labor</v>
          </cell>
          <cell r="H395" t="str">
            <v>CMS Other Outside Services</v>
          </cell>
          <cell r="I395" t="str">
            <v>Other</v>
          </cell>
          <cell r="K395">
            <v>0</v>
          </cell>
          <cell r="M395">
            <v>0</v>
          </cell>
          <cell r="N395">
            <v>27185</v>
          </cell>
          <cell r="O395">
            <v>-27185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</row>
        <row r="396">
          <cell r="B396">
            <v>1</v>
          </cell>
          <cell r="C396" t="str">
            <v>Capital</v>
          </cell>
          <cell r="D396" t="str">
            <v>Base</v>
          </cell>
          <cell r="E396" t="str">
            <v>Carolinas C&amp;MS</v>
          </cell>
          <cell r="G396" t="str">
            <v>Meals/Travel</v>
          </cell>
          <cell r="H396" t="str">
            <v>CMS Travel/Meals/Lodging</v>
          </cell>
          <cell r="I396" t="str">
            <v>Other</v>
          </cell>
          <cell r="K396">
            <v>0</v>
          </cell>
          <cell r="M396">
            <v>0</v>
          </cell>
          <cell r="N396">
            <v>1088</v>
          </cell>
          <cell r="O396">
            <v>-1088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</row>
        <row r="397">
          <cell r="B397">
            <v>1</v>
          </cell>
          <cell r="C397" t="str">
            <v>Capital</v>
          </cell>
          <cell r="D397" t="str">
            <v>Base</v>
          </cell>
          <cell r="E397" t="str">
            <v>Carolinas C&amp;MS</v>
          </cell>
          <cell r="G397" t="str">
            <v>Materials</v>
          </cell>
          <cell r="H397" t="str">
            <v>CMS Other Miscellaneous</v>
          </cell>
          <cell r="I397" t="str">
            <v>Other</v>
          </cell>
          <cell r="K397">
            <v>0</v>
          </cell>
          <cell r="M397">
            <v>0</v>
          </cell>
          <cell r="N397">
            <v>41850</v>
          </cell>
          <cell r="O397">
            <v>-41850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</row>
        <row r="398">
          <cell r="B398">
            <v>1</v>
          </cell>
          <cell r="C398" t="str">
            <v>Capital</v>
          </cell>
          <cell r="D398" t="str">
            <v>Base</v>
          </cell>
          <cell r="E398" t="str">
            <v>Carolinas C&amp;MS</v>
          </cell>
          <cell r="G398" t="str">
            <v>Other</v>
          </cell>
          <cell r="H398" t="str">
            <v>CMS Other Miscellaneous</v>
          </cell>
          <cell r="I398" t="str">
            <v>Other</v>
          </cell>
          <cell r="K398">
            <v>0</v>
          </cell>
          <cell r="M398">
            <v>200000</v>
          </cell>
          <cell r="N398">
            <v>0</v>
          </cell>
          <cell r="O398">
            <v>200000</v>
          </cell>
          <cell r="P398">
            <v>600000</v>
          </cell>
          <cell r="Q398">
            <v>600000</v>
          </cell>
          <cell r="R398">
            <v>70123</v>
          </cell>
          <cell r="S398">
            <v>529877</v>
          </cell>
        </row>
        <row r="399">
          <cell r="B399">
            <v>1</v>
          </cell>
          <cell r="C399" t="str">
            <v>Capital</v>
          </cell>
          <cell r="D399" t="str">
            <v>Base</v>
          </cell>
          <cell r="E399" t="str">
            <v>Contractor Incentives</v>
          </cell>
          <cell r="G399" t="str">
            <v>Contract Labor</v>
          </cell>
          <cell r="H399" t="str">
            <v>Contractor Incentives</v>
          </cell>
          <cell r="I399" t="str">
            <v>Indirects &amp; Incentives</v>
          </cell>
          <cell r="K399">
            <v>298363</v>
          </cell>
          <cell r="M399">
            <v>833333</v>
          </cell>
          <cell r="N399">
            <v>1015208</v>
          </cell>
          <cell r="O399">
            <v>-181874</v>
          </cell>
          <cell r="P399">
            <v>2500000</v>
          </cell>
          <cell r="Q399">
            <v>2500000</v>
          </cell>
          <cell r="R399">
            <v>2800000</v>
          </cell>
          <cell r="S399">
            <v>-300000</v>
          </cell>
        </row>
        <row r="400">
          <cell r="B400">
            <v>1</v>
          </cell>
          <cell r="C400" t="str">
            <v>Capital</v>
          </cell>
          <cell r="D400" t="str">
            <v>Base</v>
          </cell>
          <cell r="E400" t="str">
            <v>DSDR</v>
          </cell>
          <cell r="G400" t="str">
            <v>Company Labor</v>
          </cell>
          <cell r="H400" t="str">
            <v>DSDR Ongoing Maintenance</v>
          </cell>
          <cell r="I400" t="str">
            <v>DSDR</v>
          </cell>
          <cell r="K400">
            <v>576</v>
          </cell>
          <cell r="M400">
            <v>0</v>
          </cell>
          <cell r="N400">
            <v>576</v>
          </cell>
          <cell r="O400">
            <v>-576</v>
          </cell>
          <cell r="P400">
            <v>0</v>
          </cell>
          <cell r="Q400">
            <v>0</v>
          </cell>
          <cell r="R400">
            <v>0</v>
          </cell>
          <cell r="S400">
            <v>0</v>
          </cell>
        </row>
        <row r="401">
          <cell r="B401">
            <v>1</v>
          </cell>
          <cell r="C401" t="str">
            <v>Capital</v>
          </cell>
          <cell r="D401" t="str">
            <v>Base</v>
          </cell>
          <cell r="E401" t="str">
            <v>DSDR</v>
          </cell>
          <cell r="G401" t="str">
            <v>Company Labor</v>
          </cell>
          <cell r="H401" t="str">
            <v>DSDR Project</v>
          </cell>
          <cell r="I401" t="str">
            <v>DSDR</v>
          </cell>
          <cell r="K401">
            <v>322382</v>
          </cell>
          <cell r="M401">
            <v>2027495</v>
          </cell>
          <cell r="N401">
            <v>1518024</v>
          </cell>
          <cell r="O401">
            <v>509471</v>
          </cell>
          <cell r="P401">
            <v>4748832</v>
          </cell>
          <cell r="Q401">
            <v>4748832</v>
          </cell>
          <cell r="R401">
            <v>4748832</v>
          </cell>
          <cell r="S401">
            <v>0</v>
          </cell>
        </row>
        <row r="402">
          <cell r="B402">
            <v>1</v>
          </cell>
          <cell r="C402" t="str">
            <v>Capital</v>
          </cell>
          <cell r="D402" t="str">
            <v>Base</v>
          </cell>
          <cell r="E402" t="str">
            <v>DSDR</v>
          </cell>
          <cell r="G402" t="str">
            <v>Company Labor</v>
          </cell>
          <cell r="H402" t="str">
            <v>DSDR Ongoing Maintenance</v>
          </cell>
          <cell r="I402" t="str">
            <v>DSDR</v>
          </cell>
          <cell r="K402">
            <v>361</v>
          </cell>
          <cell r="M402">
            <v>0</v>
          </cell>
          <cell r="N402">
            <v>361</v>
          </cell>
          <cell r="O402">
            <v>-361</v>
          </cell>
          <cell r="P402">
            <v>0</v>
          </cell>
          <cell r="Q402">
            <v>0</v>
          </cell>
          <cell r="R402">
            <v>0</v>
          </cell>
          <cell r="S402">
            <v>0</v>
          </cell>
        </row>
        <row r="403">
          <cell r="B403">
            <v>1</v>
          </cell>
          <cell r="C403" t="str">
            <v>Capital</v>
          </cell>
          <cell r="D403" t="str">
            <v>Base</v>
          </cell>
          <cell r="E403" t="str">
            <v>DSDR</v>
          </cell>
          <cell r="G403" t="str">
            <v>Company Labor</v>
          </cell>
          <cell r="H403" t="str">
            <v>DSDR Project</v>
          </cell>
          <cell r="I403" t="str">
            <v>DSDR</v>
          </cell>
          <cell r="K403">
            <v>203261</v>
          </cell>
          <cell r="M403">
            <v>1315490</v>
          </cell>
          <cell r="N403">
            <v>957933</v>
          </cell>
          <cell r="O403">
            <v>357557</v>
          </cell>
          <cell r="P403">
            <v>3072530</v>
          </cell>
          <cell r="Q403">
            <v>3072530</v>
          </cell>
          <cell r="R403">
            <v>3072530</v>
          </cell>
          <cell r="S403">
            <v>0</v>
          </cell>
        </row>
        <row r="404">
          <cell r="B404">
            <v>1</v>
          </cell>
          <cell r="C404" t="str">
            <v>Capital</v>
          </cell>
          <cell r="D404" t="str">
            <v>Base</v>
          </cell>
          <cell r="E404" t="str">
            <v>DSDR</v>
          </cell>
          <cell r="G404" t="str">
            <v>Company Labor</v>
          </cell>
          <cell r="H404" t="str">
            <v>DSDR Project</v>
          </cell>
          <cell r="I404" t="str">
            <v>DSDR</v>
          </cell>
          <cell r="K404">
            <v>6171</v>
          </cell>
          <cell r="M404">
            <v>35270</v>
          </cell>
          <cell r="N404">
            <v>33592</v>
          </cell>
          <cell r="O404">
            <v>1678</v>
          </cell>
          <cell r="P404">
            <v>106318</v>
          </cell>
          <cell r="Q404">
            <v>106318</v>
          </cell>
          <cell r="R404">
            <v>106318</v>
          </cell>
          <cell r="S404">
            <v>0</v>
          </cell>
        </row>
        <row r="405">
          <cell r="B405">
            <v>1</v>
          </cell>
          <cell r="C405" t="str">
            <v>Capital</v>
          </cell>
          <cell r="D405" t="str">
            <v>Base</v>
          </cell>
          <cell r="E405" t="str">
            <v>DSDR</v>
          </cell>
          <cell r="G405" t="str">
            <v>Contract Labor</v>
          </cell>
          <cell r="H405" t="str">
            <v>DSDR Ongoing Maintenance</v>
          </cell>
          <cell r="I405" t="str">
            <v>DSDR</v>
          </cell>
          <cell r="K405">
            <v>0</v>
          </cell>
          <cell r="M405">
            <v>46884</v>
          </cell>
          <cell r="N405">
            <v>551</v>
          </cell>
          <cell r="O405">
            <v>46333</v>
          </cell>
          <cell r="P405">
            <v>140651</v>
          </cell>
          <cell r="Q405">
            <v>140651</v>
          </cell>
          <cell r="R405">
            <v>140651</v>
          </cell>
          <cell r="S405">
            <v>0</v>
          </cell>
        </row>
        <row r="406">
          <cell r="B406">
            <v>1</v>
          </cell>
          <cell r="C406" t="str">
            <v>Capital</v>
          </cell>
          <cell r="D406" t="str">
            <v>Base</v>
          </cell>
          <cell r="E406" t="str">
            <v>DSDR</v>
          </cell>
          <cell r="G406" t="str">
            <v>Contract Labor</v>
          </cell>
          <cell r="H406" t="str">
            <v>DSDR Project</v>
          </cell>
          <cell r="I406" t="str">
            <v>DSDR</v>
          </cell>
          <cell r="K406">
            <v>625675</v>
          </cell>
          <cell r="M406">
            <v>2466187</v>
          </cell>
          <cell r="N406">
            <v>2264398</v>
          </cell>
          <cell r="O406">
            <v>201789</v>
          </cell>
          <cell r="P406">
            <v>6237590</v>
          </cell>
          <cell r="Q406">
            <v>6237590</v>
          </cell>
          <cell r="R406">
            <v>6124394</v>
          </cell>
          <cell r="S406">
            <v>113195</v>
          </cell>
        </row>
        <row r="407">
          <cell r="B407">
            <v>1</v>
          </cell>
          <cell r="C407" t="str">
            <v>Capital</v>
          </cell>
          <cell r="D407" t="str">
            <v>Base</v>
          </cell>
          <cell r="E407" t="str">
            <v>DSDR</v>
          </cell>
          <cell r="G407" t="str">
            <v>Fleet</v>
          </cell>
          <cell r="H407" t="str">
            <v>DSDR Ongoing Maintenance</v>
          </cell>
          <cell r="I407" t="str">
            <v>DSDR</v>
          </cell>
          <cell r="K407">
            <v>230</v>
          </cell>
          <cell r="M407">
            <v>1397</v>
          </cell>
          <cell r="N407">
            <v>230</v>
          </cell>
          <cell r="O407">
            <v>1167</v>
          </cell>
          <cell r="P407">
            <v>4191</v>
          </cell>
          <cell r="Q407">
            <v>4191</v>
          </cell>
          <cell r="R407">
            <v>4191</v>
          </cell>
          <cell r="S407">
            <v>0</v>
          </cell>
        </row>
        <row r="408">
          <cell r="B408">
            <v>1</v>
          </cell>
          <cell r="C408" t="str">
            <v>Capital</v>
          </cell>
          <cell r="D408" t="str">
            <v>Base</v>
          </cell>
          <cell r="E408" t="str">
            <v>DSDR</v>
          </cell>
          <cell r="G408" t="str">
            <v>Fleet</v>
          </cell>
          <cell r="H408" t="str">
            <v>DSDR Project</v>
          </cell>
          <cell r="I408" t="str">
            <v>DSDR</v>
          </cell>
          <cell r="K408">
            <v>44479</v>
          </cell>
          <cell r="M408">
            <v>258701</v>
          </cell>
          <cell r="N408">
            <v>239010</v>
          </cell>
          <cell r="O408">
            <v>19692</v>
          </cell>
          <cell r="P408">
            <v>532687</v>
          </cell>
          <cell r="Q408">
            <v>532687</v>
          </cell>
          <cell r="R408">
            <v>532687</v>
          </cell>
          <cell r="S408">
            <v>0</v>
          </cell>
        </row>
        <row r="409">
          <cell r="B409">
            <v>1</v>
          </cell>
          <cell r="C409" t="str">
            <v>Capital</v>
          </cell>
          <cell r="D409" t="str">
            <v>Base</v>
          </cell>
          <cell r="E409" t="str">
            <v>DSDR</v>
          </cell>
          <cell r="G409" t="str">
            <v>Meals/Travel</v>
          </cell>
          <cell r="H409" t="str">
            <v>DSDR Project</v>
          </cell>
          <cell r="I409" t="str">
            <v>DSDR</v>
          </cell>
          <cell r="K409">
            <v>4669</v>
          </cell>
          <cell r="M409">
            <v>29267</v>
          </cell>
          <cell r="N409">
            <v>24999</v>
          </cell>
          <cell r="O409">
            <v>4267</v>
          </cell>
          <cell r="P409">
            <v>64747</v>
          </cell>
          <cell r="Q409">
            <v>64747</v>
          </cell>
          <cell r="R409">
            <v>64747</v>
          </cell>
          <cell r="S409">
            <v>0</v>
          </cell>
        </row>
        <row r="410">
          <cell r="B410">
            <v>1</v>
          </cell>
          <cell r="C410" t="str">
            <v>Capital</v>
          </cell>
          <cell r="D410" t="str">
            <v>Base</v>
          </cell>
          <cell r="E410" t="str">
            <v>DSDR</v>
          </cell>
          <cell r="G410" t="str">
            <v>Materials</v>
          </cell>
          <cell r="H410" t="str">
            <v>DSDR Ongoing Maintenance</v>
          </cell>
          <cell r="I410" t="str">
            <v>DSDR</v>
          </cell>
          <cell r="K410">
            <v>0</v>
          </cell>
          <cell r="M410">
            <v>381251</v>
          </cell>
          <cell r="N410">
            <v>4028</v>
          </cell>
          <cell r="O410">
            <v>377223</v>
          </cell>
          <cell r="P410">
            <v>1143753</v>
          </cell>
          <cell r="Q410">
            <v>1143753</v>
          </cell>
          <cell r="R410">
            <v>1143753</v>
          </cell>
          <cell r="S410">
            <v>0</v>
          </cell>
        </row>
        <row r="411">
          <cell r="B411">
            <v>1</v>
          </cell>
          <cell r="C411" t="str">
            <v>Capital</v>
          </cell>
          <cell r="D411" t="str">
            <v>Base</v>
          </cell>
          <cell r="E411" t="str">
            <v>DSDR</v>
          </cell>
          <cell r="G411" t="str">
            <v>Materials</v>
          </cell>
          <cell r="H411" t="str">
            <v>DSDR Project</v>
          </cell>
          <cell r="I411" t="str">
            <v>DSDR</v>
          </cell>
          <cell r="K411">
            <v>931610</v>
          </cell>
          <cell r="M411">
            <v>7351324</v>
          </cell>
          <cell r="N411">
            <v>3695066</v>
          </cell>
          <cell r="O411">
            <v>3656258</v>
          </cell>
          <cell r="P411">
            <v>12636564</v>
          </cell>
          <cell r="Q411">
            <v>12636564</v>
          </cell>
          <cell r="R411">
            <v>12636564</v>
          </cell>
          <cell r="S411">
            <v>0</v>
          </cell>
        </row>
        <row r="412">
          <cell r="B412">
            <v>1</v>
          </cell>
          <cell r="C412" t="str">
            <v>Capital</v>
          </cell>
          <cell r="D412" t="str">
            <v>Base</v>
          </cell>
          <cell r="E412" t="str">
            <v>DSDR</v>
          </cell>
          <cell r="G412" t="str">
            <v>Rent/utilities</v>
          </cell>
          <cell r="H412" t="str">
            <v>DSDR Project</v>
          </cell>
          <cell r="I412" t="str">
            <v>DSDR</v>
          </cell>
          <cell r="K412">
            <v>1667</v>
          </cell>
          <cell r="M412">
            <v>144</v>
          </cell>
          <cell r="N412">
            <v>2167</v>
          </cell>
          <cell r="O412">
            <v>-2022</v>
          </cell>
          <cell r="P412">
            <v>269</v>
          </cell>
          <cell r="Q412">
            <v>269</v>
          </cell>
          <cell r="R412">
            <v>269</v>
          </cell>
          <cell r="S412">
            <v>0</v>
          </cell>
        </row>
        <row r="413">
          <cell r="B413">
            <v>1</v>
          </cell>
          <cell r="C413" t="str">
            <v>Capital</v>
          </cell>
          <cell r="D413" t="str">
            <v>Base</v>
          </cell>
          <cell r="E413" t="str">
            <v>DSDR</v>
          </cell>
          <cell r="G413" t="str">
            <v>Other</v>
          </cell>
          <cell r="H413" t="str">
            <v>DSDR Ongoing Maintenance</v>
          </cell>
          <cell r="I413" t="str">
            <v>DSDR</v>
          </cell>
          <cell r="K413">
            <v>228</v>
          </cell>
          <cell r="M413">
            <v>15722</v>
          </cell>
          <cell r="N413">
            <v>380</v>
          </cell>
          <cell r="O413">
            <v>15342</v>
          </cell>
          <cell r="P413">
            <v>0</v>
          </cell>
          <cell r="Q413">
            <v>46722</v>
          </cell>
          <cell r="R413">
            <v>17950</v>
          </cell>
          <cell r="S413">
            <v>28772</v>
          </cell>
        </row>
        <row r="414">
          <cell r="B414">
            <v>1</v>
          </cell>
          <cell r="C414" t="str">
            <v>Capital</v>
          </cell>
          <cell r="D414" t="str">
            <v>Base</v>
          </cell>
          <cell r="E414" t="str">
            <v>DSDR</v>
          </cell>
          <cell r="G414" t="str">
            <v>Other</v>
          </cell>
          <cell r="H414" t="str">
            <v>DSDR Project</v>
          </cell>
          <cell r="I414" t="str">
            <v>DSDR</v>
          </cell>
          <cell r="K414">
            <v>3095</v>
          </cell>
          <cell r="M414">
            <v>-455047</v>
          </cell>
          <cell r="N414">
            <v>31865</v>
          </cell>
          <cell r="O414">
            <v>-486912</v>
          </cell>
          <cell r="P414">
            <v>-320881</v>
          </cell>
          <cell r="Q414">
            <v>-1973858</v>
          </cell>
          <cell r="R414">
            <v>-5525774</v>
          </cell>
          <cell r="S414">
            <v>3551916</v>
          </cell>
        </row>
        <row r="415">
          <cell r="B415">
            <v>1</v>
          </cell>
          <cell r="C415" t="str">
            <v>Capital</v>
          </cell>
          <cell r="D415" t="str">
            <v>Base</v>
          </cell>
          <cell r="E415" t="str">
            <v>DSDR</v>
          </cell>
          <cell r="G415" t="str">
            <v>Management adjustment</v>
          </cell>
          <cell r="H415" t="str">
            <v>DSDR Project</v>
          </cell>
          <cell r="I415" t="str">
            <v>DSDR</v>
          </cell>
          <cell r="K415">
            <v>0</v>
          </cell>
          <cell r="M415">
            <v>0</v>
          </cell>
          <cell r="N415">
            <v>0</v>
          </cell>
          <cell r="O415">
            <v>0</v>
          </cell>
          <cell r="P415">
            <v>2988000</v>
          </cell>
          <cell r="Q415">
            <v>2988000</v>
          </cell>
          <cell r="R415">
            <v>4288154</v>
          </cell>
          <cell r="S415">
            <v>-1300154</v>
          </cell>
        </row>
        <row r="416">
          <cell r="B416">
            <v>1</v>
          </cell>
          <cell r="C416" t="str">
            <v>Capital</v>
          </cell>
          <cell r="D416" t="str">
            <v>Base</v>
          </cell>
          <cell r="E416" t="str">
            <v>DSDR</v>
          </cell>
          <cell r="G416" t="str">
            <v>Transformer &amp; meter credits</v>
          </cell>
          <cell r="H416" t="str">
            <v>DSDR Project</v>
          </cell>
          <cell r="I416" t="str">
            <v>DSDR</v>
          </cell>
          <cell r="K416">
            <v>45802</v>
          </cell>
          <cell r="M416">
            <v>148952</v>
          </cell>
          <cell r="N416">
            <v>322981</v>
          </cell>
          <cell r="O416">
            <v>-174029</v>
          </cell>
          <cell r="P416">
            <v>446856</v>
          </cell>
          <cell r="Q416">
            <v>446856</v>
          </cell>
          <cell r="R416">
            <v>446856</v>
          </cell>
          <cell r="S416">
            <v>0</v>
          </cell>
        </row>
        <row r="417">
          <cell r="B417">
            <v>1</v>
          </cell>
          <cell r="C417" t="str">
            <v>Capital</v>
          </cell>
          <cell r="D417" t="str">
            <v>Base</v>
          </cell>
          <cell r="E417" t="str">
            <v>EDC Indirects</v>
          </cell>
          <cell r="G417" t="str">
            <v>Company Labor</v>
          </cell>
          <cell r="H417" t="str">
            <v>Distribution Control Center</v>
          </cell>
          <cell r="I417" t="str">
            <v>Indirects &amp; Incentives</v>
          </cell>
          <cell r="K417">
            <v>17104</v>
          </cell>
          <cell r="M417">
            <v>82268</v>
          </cell>
          <cell r="N417">
            <v>71873</v>
          </cell>
          <cell r="O417">
            <v>10395</v>
          </cell>
          <cell r="P417">
            <v>237674</v>
          </cell>
          <cell r="Q417">
            <v>237674</v>
          </cell>
          <cell r="R417">
            <v>237674</v>
          </cell>
          <cell r="S417">
            <v>0</v>
          </cell>
        </row>
        <row r="418">
          <cell r="B418">
            <v>1</v>
          </cell>
          <cell r="C418" t="str">
            <v>Capital</v>
          </cell>
          <cell r="D418" t="str">
            <v>Base</v>
          </cell>
          <cell r="E418" t="str">
            <v>EDC Indirects</v>
          </cell>
          <cell r="G418" t="str">
            <v>Company Labor</v>
          </cell>
          <cell r="H418" t="str">
            <v>Energy Information</v>
          </cell>
          <cell r="I418" t="str">
            <v>Indirects &amp; Incentives</v>
          </cell>
          <cell r="K418">
            <v>1749</v>
          </cell>
          <cell r="M418">
            <v>39754</v>
          </cell>
          <cell r="N418">
            <v>12184</v>
          </cell>
          <cell r="O418">
            <v>27570</v>
          </cell>
          <cell r="P418">
            <v>114849</v>
          </cell>
          <cell r="Q418">
            <v>114849</v>
          </cell>
          <cell r="R418">
            <v>114849</v>
          </cell>
          <cell r="S418">
            <v>0</v>
          </cell>
        </row>
        <row r="419">
          <cell r="B419">
            <v>1</v>
          </cell>
          <cell r="C419" t="str">
            <v>Capital</v>
          </cell>
          <cell r="D419" t="str">
            <v>Base</v>
          </cell>
          <cell r="E419" t="str">
            <v>EDC Indirects</v>
          </cell>
          <cell r="G419" t="str">
            <v>Company Labor</v>
          </cell>
          <cell r="H419" t="str">
            <v>Engineering Support</v>
          </cell>
          <cell r="I419" t="str">
            <v>Indirects &amp; Incentives</v>
          </cell>
          <cell r="K419">
            <v>2577</v>
          </cell>
          <cell r="M419">
            <v>0</v>
          </cell>
          <cell r="N419">
            <v>2920</v>
          </cell>
          <cell r="O419">
            <v>-2920</v>
          </cell>
          <cell r="P419">
            <v>0</v>
          </cell>
          <cell r="Q419">
            <v>0</v>
          </cell>
          <cell r="R419">
            <v>0</v>
          </cell>
          <cell r="S419">
            <v>0</v>
          </cell>
        </row>
        <row r="420">
          <cell r="B420">
            <v>1</v>
          </cell>
          <cell r="C420" t="str">
            <v>Capital</v>
          </cell>
          <cell r="D420" t="str">
            <v>Base</v>
          </cell>
          <cell r="E420" t="str">
            <v>EDC Indirects</v>
          </cell>
          <cell r="G420" t="str">
            <v>Company Labor</v>
          </cell>
          <cell r="H420" t="str">
            <v>Indirect Overheads</v>
          </cell>
          <cell r="I420" t="str">
            <v>Indirects &amp; Incentives</v>
          </cell>
          <cell r="K420">
            <v>501286</v>
          </cell>
          <cell r="M420">
            <v>2195469</v>
          </cell>
          <cell r="N420">
            <v>2162722</v>
          </cell>
          <cell r="O420">
            <v>32748</v>
          </cell>
          <cell r="P420">
            <v>6301895</v>
          </cell>
          <cell r="Q420">
            <v>6301895</v>
          </cell>
          <cell r="R420">
            <v>6301896</v>
          </cell>
          <cell r="S420">
            <v>-1</v>
          </cell>
        </row>
        <row r="421">
          <cell r="B421">
            <v>1</v>
          </cell>
          <cell r="C421" t="str">
            <v>Capital</v>
          </cell>
          <cell r="D421" t="str">
            <v>Base</v>
          </cell>
          <cell r="E421" t="str">
            <v>EDC Indirects</v>
          </cell>
          <cell r="G421" t="str">
            <v>Company Labor</v>
          </cell>
          <cell r="H421" t="str">
            <v>Management &amp; Support</v>
          </cell>
          <cell r="I421" t="str">
            <v>Indirects &amp; Incentives</v>
          </cell>
          <cell r="K421">
            <v>85203</v>
          </cell>
          <cell r="M421">
            <v>588726</v>
          </cell>
          <cell r="N421">
            <v>351136</v>
          </cell>
          <cell r="O421">
            <v>237590</v>
          </cell>
          <cell r="P421">
            <v>1753082</v>
          </cell>
          <cell r="Q421">
            <v>1753082</v>
          </cell>
          <cell r="R421">
            <v>1753082</v>
          </cell>
          <cell r="S421">
            <v>0</v>
          </cell>
        </row>
        <row r="422">
          <cell r="B422">
            <v>1</v>
          </cell>
          <cell r="C422" t="str">
            <v>Capital</v>
          </cell>
          <cell r="D422" t="str">
            <v>Base</v>
          </cell>
          <cell r="E422" t="str">
            <v>EDC Indirects</v>
          </cell>
          <cell r="G422" t="str">
            <v>Company Labor</v>
          </cell>
          <cell r="H422" t="str">
            <v>Other</v>
          </cell>
          <cell r="I422" t="str">
            <v>Indirects &amp; Incentives</v>
          </cell>
          <cell r="K422">
            <v>27069</v>
          </cell>
          <cell r="M422">
            <v>232047</v>
          </cell>
          <cell r="N422">
            <v>133407</v>
          </cell>
          <cell r="O422">
            <v>98641</v>
          </cell>
          <cell r="P422">
            <v>669321</v>
          </cell>
          <cell r="Q422">
            <v>669321</v>
          </cell>
          <cell r="R422">
            <v>669321</v>
          </cell>
          <cell r="S422">
            <v>0</v>
          </cell>
        </row>
        <row r="423">
          <cell r="B423">
            <v>1</v>
          </cell>
          <cell r="C423" t="str">
            <v>Capital</v>
          </cell>
          <cell r="D423" t="str">
            <v>Base</v>
          </cell>
          <cell r="E423" t="str">
            <v>EDC Indirects</v>
          </cell>
          <cell r="G423" t="str">
            <v>Company Labor</v>
          </cell>
          <cell r="H423" t="str">
            <v>Distribution Control Center</v>
          </cell>
          <cell r="I423" t="str">
            <v>Indirects &amp; Incentives</v>
          </cell>
          <cell r="K423">
            <v>11290</v>
          </cell>
          <cell r="M423">
            <v>54148</v>
          </cell>
          <cell r="N423">
            <v>47128</v>
          </cell>
          <cell r="O423">
            <v>7020</v>
          </cell>
          <cell r="P423">
            <v>156520</v>
          </cell>
          <cell r="Q423">
            <v>156520</v>
          </cell>
          <cell r="R423">
            <v>156520</v>
          </cell>
          <cell r="S423">
            <v>0</v>
          </cell>
        </row>
        <row r="424">
          <cell r="B424">
            <v>1</v>
          </cell>
          <cell r="C424" t="str">
            <v>Capital</v>
          </cell>
          <cell r="D424" t="str">
            <v>Base</v>
          </cell>
          <cell r="E424" t="str">
            <v>EDC Indirects</v>
          </cell>
          <cell r="G424" t="str">
            <v>Company Labor</v>
          </cell>
          <cell r="H424" t="str">
            <v>Energy Information</v>
          </cell>
          <cell r="I424" t="str">
            <v>Indirects &amp; Incentives</v>
          </cell>
          <cell r="K424">
            <v>1097</v>
          </cell>
          <cell r="M424">
            <v>24925</v>
          </cell>
          <cell r="N424">
            <v>7639</v>
          </cell>
          <cell r="O424">
            <v>17286</v>
          </cell>
          <cell r="P424">
            <v>72010</v>
          </cell>
          <cell r="Q424">
            <v>72010</v>
          </cell>
          <cell r="R424">
            <v>72010</v>
          </cell>
          <cell r="S424">
            <v>0</v>
          </cell>
        </row>
        <row r="425">
          <cell r="B425">
            <v>1</v>
          </cell>
          <cell r="C425" t="str">
            <v>Capital</v>
          </cell>
          <cell r="D425" t="str">
            <v>Base</v>
          </cell>
          <cell r="E425" t="str">
            <v>EDC Indirects</v>
          </cell>
          <cell r="G425" t="str">
            <v>Company Labor</v>
          </cell>
          <cell r="H425" t="str">
            <v>Engineering Support</v>
          </cell>
          <cell r="I425" t="str">
            <v>Indirects &amp; Incentives</v>
          </cell>
          <cell r="K425">
            <v>1626</v>
          </cell>
          <cell r="M425">
            <v>0</v>
          </cell>
          <cell r="N425">
            <v>1841</v>
          </cell>
          <cell r="O425">
            <v>-1841</v>
          </cell>
          <cell r="P425">
            <v>0</v>
          </cell>
          <cell r="Q425">
            <v>0</v>
          </cell>
          <cell r="R425">
            <v>0</v>
          </cell>
          <cell r="S425">
            <v>0</v>
          </cell>
        </row>
        <row r="426">
          <cell r="B426">
            <v>1</v>
          </cell>
          <cell r="C426" t="str">
            <v>Capital</v>
          </cell>
          <cell r="D426" t="str">
            <v>Base</v>
          </cell>
          <cell r="E426" t="str">
            <v>EDC Indirects</v>
          </cell>
          <cell r="G426" t="str">
            <v>Company Labor</v>
          </cell>
          <cell r="H426" t="str">
            <v>Lab &amp; Mat Burdens</v>
          </cell>
          <cell r="I426" t="str">
            <v>Indirects &amp; Incentives</v>
          </cell>
          <cell r="K426">
            <v>336691</v>
          </cell>
          <cell r="M426">
            <v>1525729</v>
          </cell>
          <cell r="N426">
            <v>1458171</v>
          </cell>
          <cell r="O426">
            <v>67558</v>
          </cell>
          <cell r="P426">
            <v>4381640</v>
          </cell>
          <cell r="Q426">
            <v>4381640</v>
          </cell>
          <cell r="R426">
            <v>4381641</v>
          </cell>
          <cell r="S426">
            <v>-1</v>
          </cell>
        </row>
        <row r="427">
          <cell r="B427">
            <v>1</v>
          </cell>
          <cell r="C427" t="str">
            <v>Capital</v>
          </cell>
          <cell r="D427" t="str">
            <v>Base</v>
          </cell>
          <cell r="E427" t="str">
            <v>EDC Indirects</v>
          </cell>
          <cell r="G427" t="str">
            <v>Company Labor</v>
          </cell>
          <cell r="H427" t="str">
            <v>Management &amp; Support</v>
          </cell>
          <cell r="I427" t="str">
            <v>Indirects &amp; Incentives</v>
          </cell>
          <cell r="K427">
            <v>53450</v>
          </cell>
          <cell r="M427">
            <v>369266</v>
          </cell>
          <cell r="N427">
            <v>220318</v>
          </cell>
          <cell r="O427">
            <v>148947</v>
          </cell>
          <cell r="P427">
            <v>1099582</v>
          </cell>
          <cell r="Q427">
            <v>1099582</v>
          </cell>
          <cell r="R427">
            <v>1099582</v>
          </cell>
          <cell r="S427">
            <v>0</v>
          </cell>
        </row>
        <row r="428">
          <cell r="B428">
            <v>1</v>
          </cell>
          <cell r="C428" t="str">
            <v>Capital</v>
          </cell>
          <cell r="D428" t="str">
            <v>Base</v>
          </cell>
          <cell r="E428" t="str">
            <v>EDC Indirects</v>
          </cell>
          <cell r="G428" t="str">
            <v>Company Labor</v>
          </cell>
          <cell r="H428" t="str">
            <v>Distribution Control Center</v>
          </cell>
          <cell r="I428" t="str">
            <v>Indirects &amp; Incentives</v>
          </cell>
          <cell r="K428">
            <v>3108</v>
          </cell>
          <cell r="M428">
            <v>14099</v>
          </cell>
          <cell r="N428">
            <v>11339</v>
          </cell>
          <cell r="O428">
            <v>2760</v>
          </cell>
          <cell r="P428">
            <v>41200</v>
          </cell>
          <cell r="Q428">
            <v>41200</v>
          </cell>
          <cell r="R428">
            <v>41200</v>
          </cell>
          <cell r="S428">
            <v>0</v>
          </cell>
        </row>
        <row r="429">
          <cell r="B429">
            <v>1</v>
          </cell>
          <cell r="C429" t="str">
            <v>Capital</v>
          </cell>
          <cell r="D429" t="str">
            <v>Base</v>
          </cell>
          <cell r="E429" t="str">
            <v>EDC Indirects</v>
          </cell>
          <cell r="G429" t="str">
            <v>Company Labor</v>
          </cell>
          <cell r="H429" t="str">
            <v>Engineering Support</v>
          </cell>
          <cell r="I429" t="str">
            <v>Indirects &amp; Incentives</v>
          </cell>
          <cell r="K429">
            <v>52</v>
          </cell>
          <cell r="M429">
            <v>0</v>
          </cell>
          <cell r="N429">
            <v>52</v>
          </cell>
          <cell r="O429">
            <v>-52</v>
          </cell>
          <cell r="P429">
            <v>0</v>
          </cell>
          <cell r="Q429">
            <v>0</v>
          </cell>
          <cell r="R429">
            <v>0</v>
          </cell>
          <cell r="S429">
            <v>0</v>
          </cell>
        </row>
        <row r="430">
          <cell r="B430">
            <v>1</v>
          </cell>
          <cell r="C430" t="str">
            <v>Capital</v>
          </cell>
          <cell r="D430" t="str">
            <v>Base</v>
          </cell>
          <cell r="E430" t="str">
            <v>EDC Indirects</v>
          </cell>
          <cell r="G430" t="str">
            <v>Company Labor</v>
          </cell>
          <cell r="H430" t="str">
            <v>Indirect Overheads</v>
          </cell>
          <cell r="I430" t="str">
            <v>Indirects &amp; Incentives</v>
          </cell>
          <cell r="K430">
            <v>19687</v>
          </cell>
          <cell r="M430">
            <v>20202</v>
          </cell>
          <cell r="N430">
            <v>84772</v>
          </cell>
          <cell r="O430">
            <v>-64570</v>
          </cell>
          <cell r="P430">
            <v>58727</v>
          </cell>
          <cell r="Q430">
            <v>58727</v>
          </cell>
          <cell r="R430">
            <v>58727</v>
          </cell>
          <cell r="S430">
            <v>0</v>
          </cell>
        </row>
        <row r="431">
          <cell r="B431">
            <v>1</v>
          </cell>
          <cell r="C431" t="str">
            <v>Capital</v>
          </cell>
          <cell r="D431" t="str">
            <v>Base</v>
          </cell>
          <cell r="E431" t="str">
            <v>EDC Indirects</v>
          </cell>
          <cell r="G431" t="str">
            <v>Company Labor</v>
          </cell>
          <cell r="H431" t="str">
            <v>Management &amp; Support</v>
          </cell>
          <cell r="I431" t="str">
            <v>Indirects &amp; Incentives</v>
          </cell>
          <cell r="K431">
            <v>8</v>
          </cell>
          <cell r="M431">
            <v>0</v>
          </cell>
          <cell r="N431">
            <v>165</v>
          </cell>
          <cell r="O431">
            <v>-165</v>
          </cell>
          <cell r="P431">
            <v>0</v>
          </cell>
          <cell r="Q431">
            <v>0</v>
          </cell>
          <cell r="R431">
            <v>0</v>
          </cell>
          <cell r="S431">
            <v>0</v>
          </cell>
        </row>
        <row r="432">
          <cell r="B432">
            <v>1</v>
          </cell>
          <cell r="C432" t="str">
            <v>Capital</v>
          </cell>
          <cell r="D432" t="str">
            <v>Base</v>
          </cell>
          <cell r="E432" t="str">
            <v>EDC Indirects</v>
          </cell>
          <cell r="G432" t="str">
            <v>Company Labor</v>
          </cell>
          <cell r="H432" t="str">
            <v>Other</v>
          </cell>
          <cell r="I432" t="str">
            <v>Indirects &amp; Incentives</v>
          </cell>
          <cell r="K432">
            <v>1160</v>
          </cell>
          <cell r="M432">
            <v>0</v>
          </cell>
          <cell r="N432">
            <v>5799</v>
          </cell>
          <cell r="O432">
            <v>-5799</v>
          </cell>
          <cell r="P432">
            <v>0</v>
          </cell>
          <cell r="Q432">
            <v>0</v>
          </cell>
          <cell r="R432">
            <v>0</v>
          </cell>
          <cell r="S432">
            <v>0</v>
          </cell>
        </row>
        <row r="433">
          <cell r="B433">
            <v>1</v>
          </cell>
          <cell r="C433" t="str">
            <v>Capital</v>
          </cell>
          <cell r="D433" t="str">
            <v>Base</v>
          </cell>
          <cell r="E433" t="str">
            <v>EDC Indirects</v>
          </cell>
          <cell r="G433" t="str">
            <v>Contract Labor</v>
          </cell>
          <cell r="H433" t="str">
            <v>Engineering Support</v>
          </cell>
          <cell r="I433" t="str">
            <v>Indirects &amp; Incentives</v>
          </cell>
          <cell r="K433">
            <v>5775</v>
          </cell>
          <cell r="M433">
            <v>0</v>
          </cell>
          <cell r="N433">
            <v>5775</v>
          </cell>
          <cell r="O433">
            <v>-5775</v>
          </cell>
          <cell r="P433">
            <v>0</v>
          </cell>
          <cell r="Q433">
            <v>0</v>
          </cell>
          <cell r="R433">
            <v>0</v>
          </cell>
          <cell r="S433">
            <v>0</v>
          </cell>
        </row>
        <row r="434">
          <cell r="B434">
            <v>1</v>
          </cell>
          <cell r="C434" t="str">
            <v>Capital</v>
          </cell>
          <cell r="D434" t="str">
            <v>Base</v>
          </cell>
          <cell r="E434" t="str">
            <v>EDC Indirects</v>
          </cell>
          <cell r="G434" t="str">
            <v>Contract Labor</v>
          </cell>
          <cell r="H434" t="str">
            <v>Indirect Overheads</v>
          </cell>
          <cell r="I434" t="str">
            <v>Indirects &amp; Incentives</v>
          </cell>
          <cell r="K434">
            <v>137086</v>
          </cell>
          <cell r="M434">
            <v>173877</v>
          </cell>
          <cell r="N434">
            <v>495324</v>
          </cell>
          <cell r="O434">
            <v>-321447</v>
          </cell>
          <cell r="P434">
            <v>869400</v>
          </cell>
          <cell r="Q434">
            <v>869394</v>
          </cell>
          <cell r="R434">
            <v>716882</v>
          </cell>
          <cell r="S434">
            <v>152512</v>
          </cell>
        </row>
        <row r="435">
          <cell r="B435">
            <v>1</v>
          </cell>
          <cell r="C435" t="str">
            <v>Capital</v>
          </cell>
          <cell r="D435" t="str">
            <v>Base</v>
          </cell>
          <cell r="E435" t="str">
            <v>EDC Indirects</v>
          </cell>
          <cell r="G435" t="str">
            <v>Contract Labor</v>
          </cell>
          <cell r="H435" t="str">
            <v>Management &amp; Support</v>
          </cell>
          <cell r="I435" t="str">
            <v>Indirects &amp; Incentives</v>
          </cell>
          <cell r="K435">
            <v>17078</v>
          </cell>
          <cell r="M435">
            <v>46667</v>
          </cell>
          <cell r="N435">
            <v>64420</v>
          </cell>
          <cell r="O435">
            <v>-17754</v>
          </cell>
          <cell r="P435">
            <v>140000</v>
          </cell>
          <cell r="Q435">
            <v>140000</v>
          </cell>
          <cell r="R435">
            <v>140000</v>
          </cell>
          <cell r="S435">
            <v>0</v>
          </cell>
        </row>
        <row r="436">
          <cell r="B436">
            <v>1</v>
          </cell>
          <cell r="C436" t="str">
            <v>Capital</v>
          </cell>
          <cell r="D436" t="str">
            <v>Base</v>
          </cell>
          <cell r="E436" t="str">
            <v>EDC Indirects</v>
          </cell>
          <cell r="G436" t="str">
            <v>Contract Labor</v>
          </cell>
          <cell r="H436" t="str">
            <v>Other</v>
          </cell>
          <cell r="I436" t="str">
            <v>Indirects &amp; Incentives</v>
          </cell>
          <cell r="K436">
            <v>21729</v>
          </cell>
          <cell r="M436">
            <v>0</v>
          </cell>
          <cell r="N436">
            <v>657028</v>
          </cell>
          <cell r="O436">
            <v>-657028</v>
          </cell>
          <cell r="P436">
            <v>0</v>
          </cell>
          <cell r="Q436">
            <v>0</v>
          </cell>
          <cell r="R436">
            <v>0</v>
          </cell>
          <cell r="S436">
            <v>0</v>
          </cell>
        </row>
        <row r="437">
          <cell r="B437">
            <v>1</v>
          </cell>
          <cell r="C437" t="str">
            <v>Capital</v>
          </cell>
          <cell r="D437" t="str">
            <v>Base</v>
          </cell>
          <cell r="E437" t="str">
            <v>EDC Indirects</v>
          </cell>
          <cell r="G437" t="str">
            <v>Fleet</v>
          </cell>
          <cell r="H437" t="str">
            <v>Engineering Support</v>
          </cell>
          <cell r="I437" t="str">
            <v>Indirects &amp; Incentives</v>
          </cell>
          <cell r="K437">
            <v>951</v>
          </cell>
          <cell r="M437">
            <v>0</v>
          </cell>
          <cell r="N437">
            <v>951</v>
          </cell>
          <cell r="O437">
            <v>-951</v>
          </cell>
          <cell r="P437">
            <v>0</v>
          </cell>
          <cell r="Q437">
            <v>0</v>
          </cell>
          <cell r="R437">
            <v>0</v>
          </cell>
          <cell r="S437">
            <v>0</v>
          </cell>
        </row>
        <row r="438">
          <cell r="B438">
            <v>1</v>
          </cell>
          <cell r="C438" t="str">
            <v>Capital</v>
          </cell>
          <cell r="D438" t="str">
            <v>Base</v>
          </cell>
          <cell r="E438" t="str">
            <v>EDC Indirects</v>
          </cell>
          <cell r="G438" t="str">
            <v>Fleet</v>
          </cell>
          <cell r="H438" t="str">
            <v>Indirect Overheads</v>
          </cell>
          <cell r="I438" t="str">
            <v>Indirects &amp; Incentives</v>
          </cell>
          <cell r="K438">
            <v>90057</v>
          </cell>
          <cell r="M438">
            <v>368966</v>
          </cell>
          <cell r="N438">
            <v>400921</v>
          </cell>
          <cell r="O438">
            <v>-31955</v>
          </cell>
          <cell r="P438">
            <v>1072253</v>
          </cell>
          <cell r="Q438">
            <v>1072253</v>
          </cell>
          <cell r="R438">
            <v>1072253</v>
          </cell>
          <cell r="S438">
            <v>0</v>
          </cell>
        </row>
        <row r="439">
          <cell r="B439">
            <v>1</v>
          </cell>
          <cell r="C439" t="str">
            <v>Capital</v>
          </cell>
          <cell r="D439" t="str">
            <v>Base</v>
          </cell>
          <cell r="E439" t="str">
            <v>EDC Indirects</v>
          </cell>
          <cell r="G439" t="str">
            <v>Fleet</v>
          </cell>
          <cell r="H439" t="str">
            <v>Management &amp; Support</v>
          </cell>
          <cell r="I439" t="str">
            <v>Indirects &amp; Incentives</v>
          </cell>
          <cell r="K439">
            <v>4049</v>
          </cell>
          <cell r="M439">
            <v>13390</v>
          </cell>
          <cell r="N439">
            <v>17490</v>
          </cell>
          <cell r="O439">
            <v>-4100</v>
          </cell>
          <cell r="P439">
            <v>38698</v>
          </cell>
          <cell r="Q439">
            <v>38698</v>
          </cell>
          <cell r="R439">
            <v>38698</v>
          </cell>
          <cell r="S439">
            <v>0</v>
          </cell>
        </row>
        <row r="440">
          <cell r="B440">
            <v>1</v>
          </cell>
          <cell r="C440" t="str">
            <v>Capital</v>
          </cell>
          <cell r="D440" t="str">
            <v>Base</v>
          </cell>
          <cell r="E440" t="str">
            <v>EDC Indirects</v>
          </cell>
          <cell r="G440" t="str">
            <v>Meals/Travel</v>
          </cell>
          <cell r="H440" t="str">
            <v>Distribution Control Center</v>
          </cell>
          <cell r="I440" t="str">
            <v>Indirects &amp; Incentives</v>
          </cell>
          <cell r="K440">
            <v>72</v>
          </cell>
          <cell r="M440">
            <v>0</v>
          </cell>
          <cell r="N440">
            <v>216</v>
          </cell>
          <cell r="O440">
            <v>-216</v>
          </cell>
          <cell r="P440">
            <v>0</v>
          </cell>
          <cell r="Q440">
            <v>0</v>
          </cell>
          <cell r="R440">
            <v>0</v>
          </cell>
          <cell r="S440">
            <v>0</v>
          </cell>
        </row>
        <row r="441">
          <cell r="B441">
            <v>1</v>
          </cell>
          <cell r="C441" t="str">
            <v>Capital</v>
          </cell>
          <cell r="D441" t="str">
            <v>Base</v>
          </cell>
          <cell r="E441" t="str">
            <v>EDC Indirects</v>
          </cell>
          <cell r="G441" t="str">
            <v>Meals/Travel</v>
          </cell>
          <cell r="H441" t="str">
            <v>Indirect Overheads</v>
          </cell>
          <cell r="I441" t="str">
            <v>Indirects &amp; Incentives</v>
          </cell>
          <cell r="K441">
            <v>321</v>
          </cell>
          <cell r="M441">
            <v>0</v>
          </cell>
          <cell r="N441">
            <v>993</v>
          </cell>
          <cell r="O441">
            <v>-993</v>
          </cell>
          <cell r="P441">
            <v>0</v>
          </cell>
          <cell r="Q441">
            <v>0</v>
          </cell>
          <cell r="R441">
            <v>0</v>
          </cell>
          <cell r="S441">
            <v>0</v>
          </cell>
        </row>
        <row r="442">
          <cell r="B442">
            <v>1</v>
          </cell>
          <cell r="C442" t="str">
            <v>Capital</v>
          </cell>
          <cell r="D442" t="str">
            <v>Base</v>
          </cell>
          <cell r="E442" t="str">
            <v>EDC Indirects</v>
          </cell>
          <cell r="G442" t="str">
            <v>Meals/Travel</v>
          </cell>
          <cell r="H442" t="str">
            <v>Management &amp; Support</v>
          </cell>
          <cell r="I442" t="str">
            <v>Indirects &amp; Incentives</v>
          </cell>
          <cell r="K442">
            <v>1014</v>
          </cell>
          <cell r="M442">
            <v>3333</v>
          </cell>
          <cell r="N442">
            <v>5749</v>
          </cell>
          <cell r="O442">
            <v>-2415</v>
          </cell>
          <cell r="P442">
            <v>10000</v>
          </cell>
          <cell r="Q442">
            <v>10000</v>
          </cell>
          <cell r="R442">
            <v>10000</v>
          </cell>
          <cell r="S442">
            <v>0</v>
          </cell>
        </row>
        <row r="443">
          <cell r="B443">
            <v>1</v>
          </cell>
          <cell r="C443" t="str">
            <v>Capital</v>
          </cell>
          <cell r="D443" t="str">
            <v>Base</v>
          </cell>
          <cell r="E443" t="str">
            <v>EDC Indirects</v>
          </cell>
          <cell r="G443" t="str">
            <v>Materials</v>
          </cell>
          <cell r="H443" t="str">
            <v>Engineering Support</v>
          </cell>
          <cell r="I443" t="str">
            <v>Indirects &amp; Incentives</v>
          </cell>
          <cell r="K443">
            <v>56</v>
          </cell>
          <cell r="M443">
            <v>0</v>
          </cell>
          <cell r="N443">
            <v>56</v>
          </cell>
          <cell r="O443">
            <v>-56</v>
          </cell>
          <cell r="P443">
            <v>0</v>
          </cell>
          <cell r="Q443">
            <v>0</v>
          </cell>
          <cell r="R443">
            <v>0</v>
          </cell>
          <cell r="S443">
            <v>0</v>
          </cell>
        </row>
        <row r="444">
          <cell r="B444">
            <v>1</v>
          </cell>
          <cell r="C444" t="str">
            <v>Capital</v>
          </cell>
          <cell r="D444" t="str">
            <v>Base</v>
          </cell>
          <cell r="E444" t="str">
            <v>EDC Indirects</v>
          </cell>
          <cell r="G444" t="str">
            <v>Materials</v>
          </cell>
          <cell r="H444" t="str">
            <v>Group Admin Other</v>
          </cell>
          <cell r="I444" t="str">
            <v>Indirects &amp; Incentives</v>
          </cell>
          <cell r="K444">
            <v>0</v>
          </cell>
          <cell r="M444">
            <v>0</v>
          </cell>
          <cell r="N444">
            <v>718</v>
          </cell>
          <cell r="O444">
            <v>-718</v>
          </cell>
          <cell r="P444">
            <v>0</v>
          </cell>
          <cell r="Q444">
            <v>0</v>
          </cell>
          <cell r="R444">
            <v>0</v>
          </cell>
          <cell r="S444">
            <v>0</v>
          </cell>
        </row>
        <row r="445">
          <cell r="B445">
            <v>1</v>
          </cell>
          <cell r="C445" t="str">
            <v>Capital</v>
          </cell>
          <cell r="D445" t="str">
            <v>Base</v>
          </cell>
          <cell r="E445" t="str">
            <v>EDC Indirects</v>
          </cell>
          <cell r="G445" t="str">
            <v>Materials</v>
          </cell>
          <cell r="H445" t="str">
            <v>Indirect Overheads</v>
          </cell>
          <cell r="I445" t="str">
            <v>Indirects &amp; Incentives</v>
          </cell>
          <cell r="K445">
            <v>21759</v>
          </cell>
          <cell r="M445">
            <v>0</v>
          </cell>
          <cell r="N445">
            <v>35670</v>
          </cell>
          <cell r="O445">
            <v>-35670</v>
          </cell>
          <cell r="P445">
            <v>0</v>
          </cell>
          <cell r="Q445">
            <v>0</v>
          </cell>
          <cell r="R445">
            <v>0</v>
          </cell>
          <cell r="S445">
            <v>0</v>
          </cell>
        </row>
        <row r="446">
          <cell r="B446">
            <v>1</v>
          </cell>
          <cell r="C446" t="str">
            <v>Capital</v>
          </cell>
          <cell r="D446" t="str">
            <v>Base</v>
          </cell>
          <cell r="E446" t="str">
            <v>EDC Indirects</v>
          </cell>
          <cell r="G446" t="str">
            <v>Materials</v>
          </cell>
          <cell r="H446" t="str">
            <v>Lab &amp; Mat Burdens</v>
          </cell>
          <cell r="I446" t="str">
            <v>Indirects &amp; Incentives</v>
          </cell>
          <cell r="K446">
            <v>34204</v>
          </cell>
          <cell r="M446">
            <v>96427</v>
          </cell>
          <cell r="N446">
            <v>143412</v>
          </cell>
          <cell r="O446">
            <v>-46985</v>
          </cell>
          <cell r="P446">
            <v>280311</v>
          </cell>
          <cell r="Q446">
            <v>280311</v>
          </cell>
          <cell r="R446">
            <v>314850</v>
          </cell>
          <cell r="S446">
            <v>-34538</v>
          </cell>
        </row>
        <row r="447">
          <cell r="B447">
            <v>1</v>
          </cell>
          <cell r="C447" t="str">
            <v>Capital</v>
          </cell>
          <cell r="D447" t="str">
            <v>Base</v>
          </cell>
          <cell r="E447" t="str">
            <v>EDC Indirects</v>
          </cell>
          <cell r="G447" t="str">
            <v>Materials</v>
          </cell>
          <cell r="H447" t="str">
            <v>Management &amp; Support</v>
          </cell>
          <cell r="I447" t="str">
            <v>Indirects &amp; Incentives</v>
          </cell>
          <cell r="K447">
            <v>5967</v>
          </cell>
          <cell r="M447">
            <v>10775</v>
          </cell>
          <cell r="N447">
            <v>8999</v>
          </cell>
          <cell r="O447">
            <v>1776</v>
          </cell>
          <cell r="P447">
            <v>10775</v>
          </cell>
          <cell r="Q447">
            <v>10775</v>
          </cell>
          <cell r="R447">
            <v>10775</v>
          </cell>
          <cell r="S447">
            <v>0</v>
          </cell>
        </row>
        <row r="448">
          <cell r="B448">
            <v>1</v>
          </cell>
          <cell r="C448" t="str">
            <v>Capital</v>
          </cell>
          <cell r="D448" t="str">
            <v>Base</v>
          </cell>
          <cell r="E448" t="str">
            <v>EDC Indirects</v>
          </cell>
          <cell r="G448" t="str">
            <v>Other</v>
          </cell>
          <cell r="H448" t="str">
            <v>Cap Indir Alloc</v>
          </cell>
          <cell r="I448" t="str">
            <v>Indirects &amp; Incentives</v>
          </cell>
          <cell r="K448">
            <v>-142795</v>
          </cell>
          <cell r="M448">
            <v>-625861</v>
          </cell>
          <cell r="N448">
            <v>-701579</v>
          </cell>
          <cell r="O448">
            <v>75718</v>
          </cell>
          <cell r="P448">
            <v>-1906069</v>
          </cell>
          <cell r="Q448">
            <v>-1886582</v>
          </cell>
          <cell r="R448">
            <v>-725878</v>
          </cell>
          <cell r="S448">
            <v>-1160705</v>
          </cell>
        </row>
        <row r="449">
          <cell r="B449">
            <v>1</v>
          </cell>
          <cell r="C449" t="str">
            <v>Capital</v>
          </cell>
          <cell r="D449" t="str">
            <v>Base</v>
          </cell>
          <cell r="E449" t="str">
            <v>EDC Indirects</v>
          </cell>
          <cell r="G449" t="str">
            <v>Other</v>
          </cell>
          <cell r="H449" t="str">
            <v>Indirect Overheads</v>
          </cell>
          <cell r="I449" t="str">
            <v>Indirects &amp; Incentives</v>
          </cell>
          <cell r="K449">
            <v>100</v>
          </cell>
          <cell r="M449">
            <v>0</v>
          </cell>
          <cell r="N449">
            <v>2314</v>
          </cell>
          <cell r="O449">
            <v>-2314</v>
          </cell>
          <cell r="P449">
            <v>0</v>
          </cell>
          <cell r="Q449">
            <v>0</v>
          </cell>
          <cell r="R449">
            <v>0</v>
          </cell>
          <cell r="S449">
            <v>0</v>
          </cell>
        </row>
        <row r="450">
          <cell r="B450">
            <v>1</v>
          </cell>
          <cell r="C450" t="str">
            <v>Capital</v>
          </cell>
          <cell r="D450" t="str">
            <v>Base</v>
          </cell>
          <cell r="E450" t="str">
            <v>EDC Indirects</v>
          </cell>
          <cell r="G450" t="str">
            <v>Other</v>
          </cell>
          <cell r="H450" t="str">
            <v>Management &amp; Support</v>
          </cell>
          <cell r="I450" t="str">
            <v>Indirects &amp; Incentives</v>
          </cell>
          <cell r="K450">
            <v>4531</v>
          </cell>
          <cell r="M450">
            <v>-472681</v>
          </cell>
          <cell r="N450">
            <v>17828</v>
          </cell>
          <cell r="O450">
            <v>-490509</v>
          </cell>
          <cell r="P450">
            <v>-1370000</v>
          </cell>
          <cell r="Q450">
            <v>-1370000</v>
          </cell>
          <cell r="R450">
            <v>-1370000</v>
          </cell>
          <cell r="S450">
            <v>0</v>
          </cell>
        </row>
        <row r="451">
          <cell r="B451">
            <v>1</v>
          </cell>
          <cell r="C451" t="str">
            <v>Capital</v>
          </cell>
          <cell r="D451" t="str">
            <v>Base</v>
          </cell>
          <cell r="E451" t="str">
            <v>EDC Indirects</v>
          </cell>
          <cell r="G451" t="str">
            <v>Other</v>
          </cell>
          <cell r="H451" t="str">
            <v>Mgmt &amp; Support</v>
          </cell>
          <cell r="I451" t="str">
            <v>Indirects &amp; Incentives</v>
          </cell>
          <cell r="K451">
            <v>0</v>
          </cell>
          <cell r="M451">
            <v>-1421</v>
          </cell>
          <cell r="N451">
            <v>0</v>
          </cell>
          <cell r="O451">
            <v>-1421</v>
          </cell>
          <cell r="P451">
            <v>-4860</v>
          </cell>
          <cell r="Q451">
            <v>-4860</v>
          </cell>
          <cell r="R451">
            <v>-4860</v>
          </cell>
          <cell r="S451">
            <v>0</v>
          </cell>
        </row>
        <row r="452">
          <cell r="B452">
            <v>1</v>
          </cell>
          <cell r="C452" t="str">
            <v>Capital</v>
          </cell>
          <cell r="D452" t="str">
            <v>Base</v>
          </cell>
          <cell r="E452" t="str">
            <v>EDC Major Storm</v>
          </cell>
          <cell r="G452" t="str">
            <v>Other</v>
          </cell>
          <cell r="H452" t="str">
            <v>EDC Major Storm</v>
          </cell>
          <cell r="I452" t="str">
            <v>EDC Major Storm</v>
          </cell>
          <cell r="K452">
            <v>0</v>
          </cell>
          <cell r="M452">
            <v>0</v>
          </cell>
          <cell r="N452">
            <v>-17842</v>
          </cell>
          <cell r="O452">
            <v>17842</v>
          </cell>
          <cell r="P452">
            <v>0</v>
          </cell>
          <cell r="Q452">
            <v>0</v>
          </cell>
          <cell r="R452">
            <v>0</v>
          </cell>
          <cell r="S452">
            <v>0</v>
          </cell>
        </row>
        <row r="453">
          <cell r="B453">
            <v>1</v>
          </cell>
          <cell r="C453" t="str">
            <v>Capital</v>
          </cell>
          <cell r="D453" t="str">
            <v>Base</v>
          </cell>
          <cell r="E453" t="str">
            <v>EDC Major Storm</v>
          </cell>
          <cell r="G453" t="str">
            <v>EDC Major Storm</v>
          </cell>
          <cell r="H453" t="str">
            <v>EDC Major Storm</v>
          </cell>
          <cell r="I453" t="str">
            <v>EDC Major Storm</v>
          </cell>
          <cell r="K453">
            <v>2150</v>
          </cell>
          <cell r="M453">
            <v>1556</v>
          </cell>
          <cell r="N453">
            <v>46446</v>
          </cell>
          <cell r="O453">
            <v>-44890</v>
          </cell>
          <cell r="P453">
            <v>1556</v>
          </cell>
          <cell r="Q453">
            <v>1556</v>
          </cell>
          <cell r="R453">
            <v>-53</v>
          </cell>
          <cell r="S453">
            <v>1609</v>
          </cell>
        </row>
        <row r="454">
          <cell r="B454">
            <v>1</v>
          </cell>
          <cell r="C454" t="str">
            <v>Capital</v>
          </cell>
          <cell r="D454" t="str">
            <v>Base</v>
          </cell>
          <cell r="E454" t="str">
            <v>Highway Conflicts</v>
          </cell>
          <cell r="G454" t="str">
            <v>Company Labor</v>
          </cell>
          <cell r="H454" t="str">
            <v>Distribution Application Support</v>
          </cell>
          <cell r="I454" t="str">
            <v>Highway Conflicts &amp; Streetscapes</v>
          </cell>
          <cell r="K454">
            <v>33026</v>
          </cell>
          <cell r="M454">
            <v>167780</v>
          </cell>
          <cell r="N454">
            <v>153461</v>
          </cell>
          <cell r="O454">
            <v>14319</v>
          </cell>
          <cell r="P454">
            <v>487733</v>
          </cell>
          <cell r="Q454">
            <v>487733</v>
          </cell>
          <cell r="R454">
            <v>487733</v>
          </cell>
          <cell r="S454">
            <v>0</v>
          </cell>
        </row>
        <row r="455">
          <cell r="B455">
            <v>1</v>
          </cell>
          <cell r="C455" t="str">
            <v>Capital</v>
          </cell>
          <cell r="D455" t="str">
            <v>Base</v>
          </cell>
          <cell r="E455" t="str">
            <v>Highway Conflicts</v>
          </cell>
          <cell r="G455" t="str">
            <v>Company Labor</v>
          </cell>
          <cell r="H455" t="str">
            <v>Distribution Application Support</v>
          </cell>
          <cell r="I455" t="str">
            <v>Highway Conflicts &amp; Streetscapes</v>
          </cell>
          <cell r="K455">
            <v>20957</v>
          </cell>
          <cell r="M455">
            <v>105198</v>
          </cell>
          <cell r="N455">
            <v>97011</v>
          </cell>
          <cell r="O455">
            <v>8187</v>
          </cell>
          <cell r="P455">
            <v>305809</v>
          </cell>
          <cell r="Q455">
            <v>305809</v>
          </cell>
          <cell r="R455">
            <v>305809</v>
          </cell>
          <cell r="S455">
            <v>0</v>
          </cell>
        </row>
        <row r="456">
          <cell r="B456">
            <v>1</v>
          </cell>
          <cell r="C456" t="str">
            <v>Capital</v>
          </cell>
          <cell r="D456" t="str">
            <v>Base</v>
          </cell>
          <cell r="E456" t="str">
            <v>Highway Conflicts</v>
          </cell>
          <cell r="G456" t="str">
            <v>Company Labor</v>
          </cell>
          <cell r="H456" t="str">
            <v>Distribution Application Support</v>
          </cell>
          <cell r="I456" t="str">
            <v>Highway Conflicts &amp; Streetscapes</v>
          </cell>
          <cell r="K456">
            <v>1366</v>
          </cell>
          <cell r="M456">
            <v>0</v>
          </cell>
          <cell r="N456">
            <v>4338</v>
          </cell>
          <cell r="O456">
            <v>-4338</v>
          </cell>
          <cell r="P456">
            <v>0</v>
          </cell>
          <cell r="Q456">
            <v>0</v>
          </cell>
          <cell r="R456">
            <v>0</v>
          </cell>
          <cell r="S456">
            <v>0</v>
          </cell>
        </row>
        <row r="457">
          <cell r="B457">
            <v>1</v>
          </cell>
          <cell r="C457" t="str">
            <v>Capital</v>
          </cell>
          <cell r="D457" t="str">
            <v>Base</v>
          </cell>
          <cell r="E457" t="str">
            <v>Highway Conflicts</v>
          </cell>
          <cell r="G457" t="str">
            <v>Contract Labor</v>
          </cell>
          <cell r="H457" t="str">
            <v>Distribution Application Support</v>
          </cell>
          <cell r="I457" t="str">
            <v>Highway Conflicts &amp; Streetscapes</v>
          </cell>
          <cell r="K457">
            <v>264807</v>
          </cell>
          <cell r="M457">
            <v>1170701</v>
          </cell>
          <cell r="N457">
            <v>995070</v>
          </cell>
          <cell r="O457">
            <v>175631</v>
          </cell>
          <cell r="P457">
            <v>3512102</v>
          </cell>
          <cell r="Q457">
            <v>3512102</v>
          </cell>
          <cell r="R457">
            <v>3512102</v>
          </cell>
          <cell r="S457">
            <v>0</v>
          </cell>
        </row>
        <row r="458">
          <cell r="B458">
            <v>1</v>
          </cell>
          <cell r="C458" t="str">
            <v>Capital</v>
          </cell>
          <cell r="D458" t="str">
            <v>Base</v>
          </cell>
          <cell r="E458" t="str">
            <v>Highway Conflicts</v>
          </cell>
          <cell r="G458" t="str">
            <v>Fleet</v>
          </cell>
          <cell r="H458" t="str">
            <v>Distribution Application Support</v>
          </cell>
          <cell r="I458" t="str">
            <v>Highway Conflicts &amp; Streetscapes</v>
          </cell>
          <cell r="K458">
            <v>2635</v>
          </cell>
          <cell r="M458">
            <v>21438</v>
          </cell>
          <cell r="N458">
            <v>13229</v>
          </cell>
          <cell r="O458">
            <v>8208</v>
          </cell>
          <cell r="P458">
            <v>62319</v>
          </cell>
          <cell r="Q458">
            <v>62319</v>
          </cell>
          <cell r="R458">
            <v>62319</v>
          </cell>
          <cell r="S458">
            <v>0</v>
          </cell>
        </row>
        <row r="459">
          <cell r="B459">
            <v>1</v>
          </cell>
          <cell r="C459" t="str">
            <v>Capital</v>
          </cell>
          <cell r="D459" t="str">
            <v>Base</v>
          </cell>
          <cell r="E459" t="str">
            <v>Highway Conflicts</v>
          </cell>
          <cell r="G459" t="str">
            <v>Meals/Travel</v>
          </cell>
          <cell r="H459" t="str">
            <v>Distribution Application Support</v>
          </cell>
          <cell r="I459" t="str">
            <v>Highway Conflicts &amp; Streetscapes</v>
          </cell>
          <cell r="K459">
            <v>996</v>
          </cell>
          <cell r="M459">
            <v>0</v>
          </cell>
          <cell r="N459">
            <v>1117</v>
          </cell>
          <cell r="O459">
            <v>-1117</v>
          </cell>
          <cell r="P459">
            <v>0</v>
          </cell>
          <cell r="Q459">
            <v>0</v>
          </cell>
          <cell r="R459">
            <v>0</v>
          </cell>
          <cell r="S459">
            <v>0</v>
          </cell>
        </row>
        <row r="460">
          <cell r="B460">
            <v>1</v>
          </cell>
          <cell r="C460" t="str">
            <v>Capital</v>
          </cell>
          <cell r="D460" t="str">
            <v>Base</v>
          </cell>
          <cell r="E460" t="str">
            <v>Highway Conflicts</v>
          </cell>
          <cell r="G460" t="str">
            <v>Materials</v>
          </cell>
          <cell r="H460" t="str">
            <v>Distribution Application Support</v>
          </cell>
          <cell r="I460" t="str">
            <v>Highway Conflicts &amp; Streetscapes</v>
          </cell>
          <cell r="K460">
            <v>48365</v>
          </cell>
          <cell r="M460">
            <v>249281</v>
          </cell>
          <cell r="N460">
            <v>174879</v>
          </cell>
          <cell r="O460">
            <v>74402</v>
          </cell>
          <cell r="P460">
            <v>747843</v>
          </cell>
          <cell r="Q460">
            <v>747843</v>
          </cell>
          <cell r="R460">
            <v>747843</v>
          </cell>
          <cell r="S460">
            <v>0</v>
          </cell>
        </row>
        <row r="461">
          <cell r="B461">
            <v>1</v>
          </cell>
          <cell r="C461" t="str">
            <v>Capital</v>
          </cell>
          <cell r="D461" t="str">
            <v>Base</v>
          </cell>
          <cell r="E461" t="str">
            <v>Highway Conflicts</v>
          </cell>
          <cell r="G461" t="str">
            <v>Other</v>
          </cell>
          <cell r="H461" t="str">
            <v>Distribution Application Support</v>
          </cell>
          <cell r="I461" t="str">
            <v>Highway Conflicts &amp; Streetscapes</v>
          </cell>
          <cell r="K461">
            <v>10828</v>
          </cell>
          <cell r="M461">
            <v>0</v>
          </cell>
          <cell r="N461">
            <v>22083</v>
          </cell>
          <cell r="O461">
            <v>-22083</v>
          </cell>
          <cell r="P461">
            <v>0</v>
          </cell>
          <cell r="Q461">
            <v>0</v>
          </cell>
          <cell r="R461">
            <v>0</v>
          </cell>
          <cell r="S461">
            <v>0</v>
          </cell>
        </row>
        <row r="462">
          <cell r="B462">
            <v>1</v>
          </cell>
          <cell r="C462" t="str">
            <v>Capital</v>
          </cell>
          <cell r="D462" t="str">
            <v>Base</v>
          </cell>
          <cell r="E462" t="str">
            <v>Highway Conflicts</v>
          </cell>
          <cell r="G462" t="str">
            <v>Other</v>
          </cell>
          <cell r="H462" t="str">
            <v>Highway Cap Indirects</v>
          </cell>
          <cell r="I462" t="str">
            <v>Highway Conflicts &amp; Streetscapes</v>
          </cell>
          <cell r="K462">
            <v>116984</v>
          </cell>
          <cell r="M462">
            <v>445147</v>
          </cell>
          <cell r="N462">
            <v>568943</v>
          </cell>
          <cell r="O462">
            <v>-123796</v>
          </cell>
          <cell r="P462">
            <v>1392941</v>
          </cell>
          <cell r="Q462">
            <v>1344168</v>
          </cell>
          <cell r="R462">
            <v>522998</v>
          </cell>
          <cell r="S462">
            <v>821170</v>
          </cell>
        </row>
        <row r="463">
          <cell r="B463">
            <v>1</v>
          </cell>
          <cell r="C463" t="str">
            <v>Capital</v>
          </cell>
          <cell r="D463" t="str">
            <v>Base</v>
          </cell>
          <cell r="E463" t="str">
            <v>Highway Reimbursements</v>
          </cell>
          <cell r="G463" t="str">
            <v>Ciac</v>
          </cell>
          <cell r="H463" t="str">
            <v>Distribution Application Support</v>
          </cell>
          <cell r="I463" t="str">
            <v>Highway Conflicts &amp; Streetscapes</v>
          </cell>
          <cell r="K463">
            <v>-437590</v>
          </cell>
          <cell r="M463">
            <v>-1814364</v>
          </cell>
          <cell r="N463">
            <v>-1373432</v>
          </cell>
          <cell r="O463">
            <v>-440932</v>
          </cell>
          <cell r="P463">
            <v>-5443092</v>
          </cell>
          <cell r="Q463">
            <v>-5443092</v>
          </cell>
          <cell r="R463">
            <v>-5443092</v>
          </cell>
          <cell r="S463">
            <v>0</v>
          </cell>
        </row>
        <row r="464">
          <cell r="B464">
            <v>1</v>
          </cell>
          <cell r="C464" t="str">
            <v>Capital</v>
          </cell>
          <cell r="D464" t="str">
            <v>Base</v>
          </cell>
          <cell r="E464" t="str">
            <v>Joint Use</v>
          </cell>
          <cell r="G464" t="str">
            <v>Company Labor</v>
          </cell>
          <cell r="H464" t="str">
            <v>Joint Use</v>
          </cell>
          <cell r="I464" t="str">
            <v>Other</v>
          </cell>
          <cell r="K464">
            <v>2582</v>
          </cell>
          <cell r="M464">
            <v>0</v>
          </cell>
          <cell r="N464">
            <v>3214</v>
          </cell>
          <cell r="O464">
            <v>-3214</v>
          </cell>
          <cell r="P464">
            <v>0</v>
          </cell>
          <cell r="Q464">
            <v>0</v>
          </cell>
          <cell r="R464">
            <v>0</v>
          </cell>
          <cell r="S464">
            <v>0</v>
          </cell>
        </row>
        <row r="465">
          <cell r="B465">
            <v>1</v>
          </cell>
          <cell r="C465" t="str">
            <v>Capital</v>
          </cell>
          <cell r="D465" t="str">
            <v>Base</v>
          </cell>
          <cell r="E465" t="str">
            <v>Joint Use</v>
          </cell>
          <cell r="G465" t="str">
            <v>Company Labor</v>
          </cell>
          <cell r="H465" t="str">
            <v>Joint Use/Locates</v>
          </cell>
          <cell r="I465" t="str">
            <v>Other</v>
          </cell>
          <cell r="K465">
            <v>7817</v>
          </cell>
          <cell r="M465">
            <v>0</v>
          </cell>
          <cell r="N465">
            <v>20793</v>
          </cell>
          <cell r="O465">
            <v>-20793</v>
          </cell>
          <cell r="P465">
            <v>0</v>
          </cell>
          <cell r="Q465">
            <v>0</v>
          </cell>
          <cell r="R465">
            <v>0</v>
          </cell>
          <cell r="S465">
            <v>0</v>
          </cell>
        </row>
        <row r="466">
          <cell r="B466">
            <v>1</v>
          </cell>
          <cell r="C466" t="str">
            <v>Capital</v>
          </cell>
          <cell r="D466" t="str">
            <v>Base</v>
          </cell>
          <cell r="E466" t="str">
            <v>Joint Use</v>
          </cell>
          <cell r="G466" t="str">
            <v>Company Labor</v>
          </cell>
          <cell r="H466" t="str">
            <v>Joint Use/Locates</v>
          </cell>
          <cell r="I466" t="str">
            <v>Other</v>
          </cell>
          <cell r="K466">
            <v>4935</v>
          </cell>
          <cell r="M466">
            <v>0</v>
          </cell>
          <cell r="N466">
            <v>13301</v>
          </cell>
          <cell r="O466">
            <v>-13301</v>
          </cell>
          <cell r="P466">
            <v>0</v>
          </cell>
          <cell r="Q466">
            <v>0</v>
          </cell>
          <cell r="R466">
            <v>0</v>
          </cell>
          <cell r="S466">
            <v>0</v>
          </cell>
        </row>
        <row r="467">
          <cell r="B467">
            <v>1</v>
          </cell>
          <cell r="C467" t="str">
            <v>Capital</v>
          </cell>
          <cell r="D467" t="str">
            <v>Base</v>
          </cell>
          <cell r="E467" t="str">
            <v>Joint Use</v>
          </cell>
          <cell r="G467" t="str">
            <v>Company Labor</v>
          </cell>
          <cell r="H467" t="str">
            <v>Joint Use/Locates</v>
          </cell>
          <cell r="I467" t="str">
            <v>Other</v>
          </cell>
          <cell r="K467">
            <v>186</v>
          </cell>
          <cell r="M467">
            <v>0</v>
          </cell>
          <cell r="N467">
            <v>1459</v>
          </cell>
          <cell r="O467">
            <v>-1459</v>
          </cell>
          <cell r="P467">
            <v>0</v>
          </cell>
          <cell r="Q467">
            <v>0</v>
          </cell>
          <cell r="R467">
            <v>0</v>
          </cell>
          <cell r="S467">
            <v>0</v>
          </cell>
        </row>
        <row r="468">
          <cell r="B468">
            <v>1</v>
          </cell>
          <cell r="C468" t="str">
            <v>Capital</v>
          </cell>
          <cell r="D468" t="str">
            <v>Base</v>
          </cell>
          <cell r="E468" t="str">
            <v>Joint Use</v>
          </cell>
          <cell r="G468" t="str">
            <v>Contract Labor</v>
          </cell>
          <cell r="H468" t="str">
            <v>Joint Use</v>
          </cell>
          <cell r="I468" t="str">
            <v>Other</v>
          </cell>
          <cell r="K468">
            <v>8710</v>
          </cell>
          <cell r="M468">
            <v>0</v>
          </cell>
          <cell r="N468">
            <v>8710</v>
          </cell>
          <cell r="O468">
            <v>-8710</v>
          </cell>
          <cell r="P468">
            <v>0</v>
          </cell>
          <cell r="Q468">
            <v>0</v>
          </cell>
          <cell r="R468">
            <v>0</v>
          </cell>
          <cell r="S468">
            <v>0</v>
          </cell>
        </row>
        <row r="469">
          <cell r="B469">
            <v>1</v>
          </cell>
          <cell r="C469" t="str">
            <v>Capital</v>
          </cell>
          <cell r="D469" t="str">
            <v>Base</v>
          </cell>
          <cell r="E469" t="str">
            <v>Joint Use</v>
          </cell>
          <cell r="G469" t="str">
            <v>Contract Labor</v>
          </cell>
          <cell r="H469" t="str">
            <v>Joint Use/Locates</v>
          </cell>
          <cell r="I469" t="str">
            <v>Other</v>
          </cell>
          <cell r="K469">
            <v>19590</v>
          </cell>
          <cell r="M469">
            <v>224667</v>
          </cell>
          <cell r="N469">
            <v>122024</v>
          </cell>
          <cell r="O469">
            <v>102643</v>
          </cell>
          <cell r="P469">
            <v>674000</v>
          </cell>
          <cell r="Q469">
            <v>674000</v>
          </cell>
          <cell r="R469">
            <v>674000</v>
          </cell>
          <cell r="S469">
            <v>0</v>
          </cell>
        </row>
        <row r="470">
          <cell r="B470">
            <v>1</v>
          </cell>
          <cell r="C470" t="str">
            <v>Capital</v>
          </cell>
          <cell r="D470" t="str">
            <v>Base</v>
          </cell>
          <cell r="E470" t="str">
            <v>Joint Use</v>
          </cell>
          <cell r="G470" t="str">
            <v>Fleet</v>
          </cell>
          <cell r="H470" t="str">
            <v>Joint Use</v>
          </cell>
          <cell r="I470" t="str">
            <v>Other</v>
          </cell>
          <cell r="K470">
            <v>233</v>
          </cell>
          <cell r="M470">
            <v>0</v>
          </cell>
          <cell r="N470">
            <v>273</v>
          </cell>
          <cell r="O470">
            <v>-273</v>
          </cell>
          <cell r="P470">
            <v>0</v>
          </cell>
          <cell r="Q470">
            <v>0</v>
          </cell>
          <cell r="R470">
            <v>0</v>
          </cell>
          <cell r="S470">
            <v>0</v>
          </cell>
        </row>
        <row r="471">
          <cell r="B471">
            <v>1</v>
          </cell>
          <cell r="C471" t="str">
            <v>Capital</v>
          </cell>
          <cell r="D471" t="str">
            <v>Base</v>
          </cell>
          <cell r="E471" t="str">
            <v>Joint Use</v>
          </cell>
          <cell r="G471" t="str">
            <v>Fleet</v>
          </cell>
          <cell r="H471" t="str">
            <v>Joint Use/Locates</v>
          </cell>
          <cell r="I471" t="str">
            <v>Other</v>
          </cell>
          <cell r="K471">
            <v>2382</v>
          </cell>
          <cell r="M471">
            <v>0</v>
          </cell>
          <cell r="N471">
            <v>7458</v>
          </cell>
          <cell r="O471">
            <v>-7458</v>
          </cell>
          <cell r="P471">
            <v>0</v>
          </cell>
          <cell r="Q471">
            <v>0</v>
          </cell>
          <cell r="R471">
            <v>0</v>
          </cell>
          <cell r="S471">
            <v>0</v>
          </cell>
        </row>
        <row r="472">
          <cell r="B472">
            <v>1</v>
          </cell>
          <cell r="C472" t="str">
            <v>Capital</v>
          </cell>
          <cell r="D472" t="str">
            <v>Base</v>
          </cell>
          <cell r="E472" t="str">
            <v>Joint Use</v>
          </cell>
          <cell r="G472" t="str">
            <v>Meals/Travel</v>
          </cell>
          <cell r="H472" t="str">
            <v>Joint Use/Locates</v>
          </cell>
          <cell r="I472" t="str">
            <v>Other</v>
          </cell>
          <cell r="K472">
            <v>0</v>
          </cell>
          <cell r="M472">
            <v>0</v>
          </cell>
          <cell r="N472">
            <v>37</v>
          </cell>
          <cell r="O472">
            <v>-37</v>
          </cell>
          <cell r="P472">
            <v>0</v>
          </cell>
          <cell r="Q472">
            <v>0</v>
          </cell>
          <cell r="R472">
            <v>0</v>
          </cell>
          <cell r="S472">
            <v>0</v>
          </cell>
        </row>
        <row r="473">
          <cell r="B473">
            <v>1</v>
          </cell>
          <cell r="C473" t="str">
            <v>Capital</v>
          </cell>
          <cell r="D473" t="str">
            <v>Base</v>
          </cell>
          <cell r="E473" t="str">
            <v>Joint Use</v>
          </cell>
          <cell r="G473" t="str">
            <v>Materials</v>
          </cell>
          <cell r="H473" t="str">
            <v>Joint Use</v>
          </cell>
          <cell r="I473" t="str">
            <v>Other</v>
          </cell>
          <cell r="K473">
            <v>1846</v>
          </cell>
          <cell r="M473">
            <v>0</v>
          </cell>
          <cell r="N473">
            <v>3236</v>
          </cell>
          <cell r="O473">
            <v>-3236</v>
          </cell>
          <cell r="P473">
            <v>0</v>
          </cell>
          <cell r="Q473">
            <v>0</v>
          </cell>
          <cell r="R473">
            <v>0</v>
          </cell>
          <cell r="S473">
            <v>0</v>
          </cell>
        </row>
        <row r="474">
          <cell r="B474">
            <v>1</v>
          </cell>
          <cell r="C474" t="str">
            <v>Capital</v>
          </cell>
          <cell r="D474" t="str">
            <v>Base</v>
          </cell>
          <cell r="E474" t="str">
            <v>Joint Use</v>
          </cell>
          <cell r="G474" t="str">
            <v>Materials</v>
          </cell>
          <cell r="H474" t="str">
            <v>Joint Use/Locates</v>
          </cell>
          <cell r="I474" t="str">
            <v>Other</v>
          </cell>
          <cell r="K474">
            <v>6106</v>
          </cell>
          <cell r="M474">
            <v>0</v>
          </cell>
          <cell r="N474">
            <v>32218</v>
          </cell>
          <cell r="O474">
            <v>-32218</v>
          </cell>
          <cell r="P474">
            <v>0</v>
          </cell>
          <cell r="Q474">
            <v>0</v>
          </cell>
          <cell r="R474">
            <v>0</v>
          </cell>
          <cell r="S474">
            <v>0</v>
          </cell>
        </row>
        <row r="475">
          <cell r="B475">
            <v>1</v>
          </cell>
          <cell r="C475" t="str">
            <v>Capital</v>
          </cell>
          <cell r="D475" t="str">
            <v>Base</v>
          </cell>
          <cell r="E475" t="str">
            <v>Joint Use</v>
          </cell>
          <cell r="G475" t="str">
            <v>Ciac</v>
          </cell>
          <cell r="H475" t="str">
            <v>Joint Use/Locates</v>
          </cell>
          <cell r="I475" t="str">
            <v>Other</v>
          </cell>
          <cell r="K475">
            <v>-11637</v>
          </cell>
          <cell r="M475">
            <v>-224667</v>
          </cell>
          <cell r="N475">
            <v>-175884</v>
          </cell>
          <cell r="O475">
            <v>-48783</v>
          </cell>
          <cell r="P475">
            <v>-674000</v>
          </cell>
          <cell r="Q475">
            <v>-674000</v>
          </cell>
          <cell r="R475">
            <v>-674000</v>
          </cell>
          <cell r="S475">
            <v>0</v>
          </cell>
        </row>
        <row r="476">
          <cell r="B476">
            <v>1</v>
          </cell>
          <cell r="C476" t="str">
            <v>Capital</v>
          </cell>
          <cell r="D476" t="str">
            <v>Base</v>
          </cell>
          <cell r="E476" t="str">
            <v>Joint Use</v>
          </cell>
          <cell r="G476" t="str">
            <v>Other</v>
          </cell>
          <cell r="H476" t="str">
            <v>Joint Use</v>
          </cell>
          <cell r="I476" t="str">
            <v>Other</v>
          </cell>
          <cell r="K476">
            <v>0</v>
          </cell>
          <cell r="M476">
            <v>0</v>
          </cell>
          <cell r="N476">
            <v>240</v>
          </cell>
          <cell r="O476">
            <v>-240</v>
          </cell>
          <cell r="P476">
            <v>0</v>
          </cell>
          <cell r="Q476">
            <v>0</v>
          </cell>
          <cell r="R476">
            <v>0</v>
          </cell>
          <cell r="S476">
            <v>0</v>
          </cell>
        </row>
        <row r="477">
          <cell r="B477">
            <v>1</v>
          </cell>
          <cell r="C477" t="str">
            <v>Capital</v>
          </cell>
          <cell r="D477" t="str">
            <v>Base</v>
          </cell>
          <cell r="E477" t="str">
            <v>Joint Use</v>
          </cell>
          <cell r="G477" t="str">
            <v>Other</v>
          </cell>
          <cell r="H477" t="str">
            <v>Joint Use/Locates</v>
          </cell>
          <cell r="I477" t="str">
            <v>Other</v>
          </cell>
          <cell r="K477">
            <v>0</v>
          </cell>
          <cell r="M477">
            <v>0</v>
          </cell>
          <cell r="N477">
            <v>125</v>
          </cell>
          <cell r="O477">
            <v>-125</v>
          </cell>
          <cell r="P477">
            <v>0</v>
          </cell>
          <cell r="Q477">
            <v>0</v>
          </cell>
          <cell r="R477">
            <v>0</v>
          </cell>
          <cell r="S477">
            <v>0</v>
          </cell>
        </row>
        <row r="478">
          <cell r="B478">
            <v>1</v>
          </cell>
          <cell r="C478" t="str">
            <v>Capital</v>
          </cell>
          <cell r="D478" t="str">
            <v>Base</v>
          </cell>
          <cell r="E478" t="str">
            <v>Lighting Maintenance</v>
          </cell>
          <cell r="G478" t="str">
            <v>Company Labor</v>
          </cell>
          <cell r="H478" t="str">
            <v>Maintenance</v>
          </cell>
          <cell r="I478" t="str">
            <v>Region Maintenance</v>
          </cell>
          <cell r="K478">
            <v>26435</v>
          </cell>
          <cell r="M478">
            <v>0</v>
          </cell>
          <cell r="N478">
            <v>123344</v>
          </cell>
          <cell r="O478">
            <v>-123344</v>
          </cell>
          <cell r="P478">
            <v>0</v>
          </cell>
          <cell r="Q478">
            <v>0</v>
          </cell>
          <cell r="R478">
            <v>0</v>
          </cell>
          <cell r="S478">
            <v>0</v>
          </cell>
        </row>
        <row r="479">
          <cell r="B479">
            <v>1</v>
          </cell>
          <cell r="C479" t="str">
            <v>Capital</v>
          </cell>
          <cell r="D479" t="str">
            <v>Base</v>
          </cell>
          <cell r="E479" t="str">
            <v>Lighting Maintenance</v>
          </cell>
          <cell r="G479" t="str">
            <v>Company Labor</v>
          </cell>
          <cell r="H479" t="str">
            <v>Maintenance</v>
          </cell>
          <cell r="I479" t="str">
            <v>Region Maintenance</v>
          </cell>
          <cell r="K479">
            <v>16703</v>
          </cell>
          <cell r="M479">
            <v>857</v>
          </cell>
          <cell r="N479">
            <v>78318</v>
          </cell>
          <cell r="O479">
            <v>-77461</v>
          </cell>
          <cell r="P479">
            <v>3184</v>
          </cell>
          <cell r="Q479">
            <v>3184</v>
          </cell>
          <cell r="R479">
            <v>3184</v>
          </cell>
          <cell r="S479">
            <v>0</v>
          </cell>
        </row>
        <row r="480">
          <cell r="B480">
            <v>1</v>
          </cell>
          <cell r="C480" t="str">
            <v>Capital</v>
          </cell>
          <cell r="D480" t="str">
            <v>Base</v>
          </cell>
          <cell r="E480" t="str">
            <v>Lighting Maintenance</v>
          </cell>
          <cell r="G480" t="str">
            <v>Company Labor</v>
          </cell>
          <cell r="H480" t="str">
            <v>Maintenance</v>
          </cell>
          <cell r="I480" t="str">
            <v>Region Maintenance</v>
          </cell>
          <cell r="K480">
            <v>657</v>
          </cell>
          <cell r="M480">
            <v>4707</v>
          </cell>
          <cell r="N480">
            <v>5215</v>
          </cell>
          <cell r="O480">
            <v>-508</v>
          </cell>
          <cell r="P480">
            <v>17496</v>
          </cell>
          <cell r="Q480">
            <v>17496</v>
          </cell>
          <cell r="R480">
            <v>17496</v>
          </cell>
          <cell r="S480">
            <v>0</v>
          </cell>
        </row>
        <row r="481">
          <cell r="B481">
            <v>1</v>
          </cell>
          <cell r="C481" t="str">
            <v>Capital</v>
          </cell>
          <cell r="D481" t="str">
            <v>Base</v>
          </cell>
          <cell r="E481" t="str">
            <v>Lighting Maintenance</v>
          </cell>
          <cell r="G481" t="str">
            <v>Contract Labor</v>
          </cell>
          <cell r="H481" t="str">
            <v>Maintenance</v>
          </cell>
          <cell r="I481" t="str">
            <v>Region Maintenance</v>
          </cell>
          <cell r="K481">
            <v>50860</v>
          </cell>
          <cell r="M481">
            <v>268650</v>
          </cell>
          <cell r="N481">
            <v>339782</v>
          </cell>
          <cell r="O481">
            <v>-71132</v>
          </cell>
          <cell r="P481">
            <v>850211</v>
          </cell>
          <cell r="Q481">
            <v>850211</v>
          </cell>
          <cell r="R481">
            <v>850211</v>
          </cell>
          <cell r="S481">
            <v>0</v>
          </cell>
        </row>
        <row r="482">
          <cell r="B482">
            <v>1</v>
          </cell>
          <cell r="C482" t="str">
            <v>Capital</v>
          </cell>
          <cell r="D482" t="str">
            <v>Base</v>
          </cell>
          <cell r="E482" t="str">
            <v>Lighting Maintenance</v>
          </cell>
          <cell r="G482" t="str">
            <v>Fleet</v>
          </cell>
          <cell r="H482" t="str">
            <v>Maintenance</v>
          </cell>
          <cell r="I482" t="str">
            <v>Region Maintenance</v>
          </cell>
          <cell r="K482">
            <v>13011</v>
          </cell>
          <cell r="M482">
            <v>37845</v>
          </cell>
          <cell r="N482">
            <v>58155</v>
          </cell>
          <cell r="O482">
            <v>-20310</v>
          </cell>
          <cell r="P482">
            <v>116305</v>
          </cell>
          <cell r="Q482">
            <v>116305</v>
          </cell>
          <cell r="R482">
            <v>116305</v>
          </cell>
          <cell r="S482">
            <v>0</v>
          </cell>
        </row>
        <row r="483">
          <cell r="B483">
            <v>1</v>
          </cell>
          <cell r="C483" t="str">
            <v>Capital</v>
          </cell>
          <cell r="D483" t="str">
            <v>Base</v>
          </cell>
          <cell r="E483" t="str">
            <v>Lighting Maintenance</v>
          </cell>
          <cell r="G483" t="str">
            <v>Meals/Travel</v>
          </cell>
          <cell r="H483" t="str">
            <v>Maintenance</v>
          </cell>
          <cell r="I483" t="str">
            <v>Region Maintenance</v>
          </cell>
          <cell r="K483">
            <v>0</v>
          </cell>
          <cell r="M483">
            <v>0</v>
          </cell>
          <cell r="N483">
            <v>14</v>
          </cell>
          <cell r="O483">
            <v>-14</v>
          </cell>
          <cell r="P483">
            <v>0</v>
          </cell>
          <cell r="Q483">
            <v>0</v>
          </cell>
          <cell r="R483">
            <v>0</v>
          </cell>
          <cell r="S483">
            <v>0</v>
          </cell>
        </row>
        <row r="484">
          <cell r="B484">
            <v>1</v>
          </cell>
          <cell r="C484" t="str">
            <v>Capital</v>
          </cell>
          <cell r="D484" t="str">
            <v>Base</v>
          </cell>
          <cell r="E484" t="str">
            <v>Lighting Maintenance</v>
          </cell>
          <cell r="G484" t="str">
            <v>Materials</v>
          </cell>
          <cell r="H484" t="str">
            <v>Maintenance</v>
          </cell>
          <cell r="I484" t="str">
            <v>Region Maintenance</v>
          </cell>
          <cell r="K484">
            <v>81153</v>
          </cell>
          <cell r="M484">
            <v>256064</v>
          </cell>
          <cell r="N484">
            <v>388574</v>
          </cell>
          <cell r="O484">
            <v>-132510</v>
          </cell>
          <cell r="P484">
            <v>789416</v>
          </cell>
          <cell r="Q484">
            <v>789416</v>
          </cell>
          <cell r="R484">
            <v>789416</v>
          </cell>
          <cell r="S484">
            <v>0</v>
          </cell>
        </row>
        <row r="485">
          <cell r="B485">
            <v>1</v>
          </cell>
          <cell r="C485" t="str">
            <v>Capital</v>
          </cell>
          <cell r="D485" t="str">
            <v>Base</v>
          </cell>
          <cell r="E485" t="str">
            <v>Lighting Maintenance</v>
          </cell>
          <cell r="G485" t="str">
            <v>Ciac</v>
          </cell>
          <cell r="H485" t="str">
            <v>Maintenance</v>
          </cell>
          <cell r="I485" t="str">
            <v>Region Maintenance</v>
          </cell>
          <cell r="K485">
            <v>-15046</v>
          </cell>
          <cell r="M485">
            <v>-21907</v>
          </cell>
          <cell r="N485">
            <v>-60063</v>
          </cell>
          <cell r="O485">
            <v>38155</v>
          </cell>
          <cell r="P485">
            <v>-114175</v>
          </cell>
          <cell r="Q485">
            <v>-114175</v>
          </cell>
          <cell r="R485">
            <v>-114175</v>
          </cell>
          <cell r="S485">
            <v>0</v>
          </cell>
        </row>
        <row r="486">
          <cell r="B486">
            <v>1</v>
          </cell>
          <cell r="C486" t="str">
            <v>Capital</v>
          </cell>
          <cell r="D486" t="str">
            <v>Base</v>
          </cell>
          <cell r="E486" t="str">
            <v>Maintenance - Restore</v>
          </cell>
          <cell r="G486" t="str">
            <v>Company Labor</v>
          </cell>
          <cell r="H486" t="str">
            <v>Maintenance</v>
          </cell>
          <cell r="I486" t="str">
            <v>Restore</v>
          </cell>
          <cell r="K486">
            <v>458</v>
          </cell>
          <cell r="M486">
            <v>22607</v>
          </cell>
          <cell r="N486">
            <v>9585</v>
          </cell>
          <cell r="O486">
            <v>13022</v>
          </cell>
          <cell r="P486">
            <v>65711</v>
          </cell>
          <cell r="Q486">
            <v>65711</v>
          </cell>
          <cell r="R486">
            <v>65711</v>
          </cell>
          <cell r="S486">
            <v>0</v>
          </cell>
        </row>
        <row r="487">
          <cell r="B487">
            <v>1</v>
          </cell>
          <cell r="C487" t="str">
            <v>Capital</v>
          </cell>
          <cell r="D487" t="str">
            <v>Base</v>
          </cell>
          <cell r="E487" t="str">
            <v>Maintenance - Restore</v>
          </cell>
          <cell r="G487" t="str">
            <v>Company Labor</v>
          </cell>
          <cell r="H487" t="str">
            <v>Maintenance</v>
          </cell>
          <cell r="I487" t="str">
            <v>Restore</v>
          </cell>
          <cell r="K487">
            <v>366</v>
          </cell>
          <cell r="M487">
            <v>16432</v>
          </cell>
          <cell r="N487">
            <v>6318</v>
          </cell>
          <cell r="O487">
            <v>10114</v>
          </cell>
          <cell r="P487">
            <v>47764</v>
          </cell>
          <cell r="Q487">
            <v>47764</v>
          </cell>
          <cell r="R487">
            <v>47764</v>
          </cell>
          <cell r="S487">
            <v>0</v>
          </cell>
        </row>
        <row r="488">
          <cell r="B488">
            <v>1</v>
          </cell>
          <cell r="C488" t="str">
            <v>Capital</v>
          </cell>
          <cell r="D488" t="str">
            <v>Base</v>
          </cell>
          <cell r="E488" t="str">
            <v>Maintenance - Restore</v>
          </cell>
          <cell r="G488" t="str">
            <v>Company Labor</v>
          </cell>
          <cell r="H488" t="str">
            <v>Maintenance</v>
          </cell>
          <cell r="I488" t="str">
            <v>Restore</v>
          </cell>
          <cell r="K488">
            <v>433</v>
          </cell>
          <cell r="M488">
            <v>12401</v>
          </cell>
          <cell r="N488">
            <v>1691</v>
          </cell>
          <cell r="O488">
            <v>10710</v>
          </cell>
          <cell r="P488">
            <v>36054</v>
          </cell>
          <cell r="Q488">
            <v>36054</v>
          </cell>
          <cell r="R488">
            <v>36054</v>
          </cell>
          <cell r="S488">
            <v>0</v>
          </cell>
        </row>
        <row r="489">
          <cell r="B489">
            <v>1</v>
          </cell>
          <cell r="C489" t="str">
            <v>Capital</v>
          </cell>
          <cell r="D489" t="str">
            <v>Base</v>
          </cell>
          <cell r="E489" t="str">
            <v>Maintenance - Restore</v>
          </cell>
          <cell r="G489" t="str">
            <v>Contract Labor</v>
          </cell>
          <cell r="H489" t="str">
            <v>Maintenance</v>
          </cell>
          <cell r="I489" t="str">
            <v>Restore</v>
          </cell>
          <cell r="K489">
            <v>36929</v>
          </cell>
          <cell r="M489">
            <v>52989</v>
          </cell>
          <cell r="N489">
            <v>138307</v>
          </cell>
          <cell r="O489">
            <v>-85318</v>
          </cell>
          <cell r="P489">
            <v>154037</v>
          </cell>
          <cell r="Q489">
            <v>154037</v>
          </cell>
          <cell r="R489">
            <v>154037</v>
          </cell>
          <cell r="S489">
            <v>0</v>
          </cell>
        </row>
        <row r="490">
          <cell r="B490">
            <v>1</v>
          </cell>
          <cell r="C490" t="str">
            <v>Capital</v>
          </cell>
          <cell r="D490" t="str">
            <v>Base</v>
          </cell>
          <cell r="E490" t="str">
            <v>Maintenance - Restore</v>
          </cell>
          <cell r="G490" t="str">
            <v>Fleet</v>
          </cell>
          <cell r="H490" t="str">
            <v>Maintenance</v>
          </cell>
          <cell r="I490" t="str">
            <v>Restore</v>
          </cell>
          <cell r="K490">
            <v>209</v>
          </cell>
          <cell r="M490">
            <v>12243</v>
          </cell>
          <cell r="N490">
            <v>4894</v>
          </cell>
          <cell r="O490">
            <v>7349</v>
          </cell>
          <cell r="P490">
            <v>35586</v>
          </cell>
          <cell r="Q490">
            <v>35586</v>
          </cell>
          <cell r="R490">
            <v>35586</v>
          </cell>
          <cell r="S490">
            <v>0</v>
          </cell>
        </row>
        <row r="491">
          <cell r="B491">
            <v>1</v>
          </cell>
          <cell r="C491" t="str">
            <v>Capital</v>
          </cell>
          <cell r="D491" t="str">
            <v>Base</v>
          </cell>
          <cell r="E491" t="str">
            <v>Maintenance - Restore</v>
          </cell>
          <cell r="G491" t="str">
            <v>Materials</v>
          </cell>
          <cell r="H491" t="str">
            <v>Maintenance</v>
          </cell>
          <cell r="I491" t="str">
            <v>Restore</v>
          </cell>
          <cell r="K491">
            <v>5957</v>
          </cell>
          <cell r="M491">
            <v>27859</v>
          </cell>
          <cell r="N491">
            <v>9369</v>
          </cell>
          <cell r="O491">
            <v>18490</v>
          </cell>
          <cell r="P491">
            <v>80981</v>
          </cell>
          <cell r="Q491">
            <v>80981</v>
          </cell>
          <cell r="R491">
            <v>80981</v>
          </cell>
          <cell r="S491">
            <v>0</v>
          </cell>
        </row>
        <row r="492">
          <cell r="B492">
            <v>1</v>
          </cell>
          <cell r="C492" t="str">
            <v>Capital</v>
          </cell>
          <cell r="D492" t="str">
            <v>Base</v>
          </cell>
          <cell r="E492" t="str">
            <v>Maintenance - Restore</v>
          </cell>
          <cell r="G492" t="str">
            <v>Ciac</v>
          </cell>
          <cell r="H492" t="str">
            <v>Maintenance</v>
          </cell>
          <cell r="I492" t="str">
            <v>Restore</v>
          </cell>
          <cell r="K492">
            <v>-3154</v>
          </cell>
          <cell r="M492">
            <v>-18752</v>
          </cell>
          <cell r="N492">
            <v>-9497</v>
          </cell>
          <cell r="O492">
            <v>-9255</v>
          </cell>
          <cell r="P492">
            <v>-54510</v>
          </cell>
          <cell r="Q492">
            <v>-54510</v>
          </cell>
          <cell r="R492">
            <v>-54510</v>
          </cell>
          <cell r="S492">
            <v>0</v>
          </cell>
        </row>
        <row r="493">
          <cell r="B493">
            <v>1</v>
          </cell>
          <cell r="C493" t="str">
            <v>Capital</v>
          </cell>
          <cell r="D493" t="str">
            <v>Base</v>
          </cell>
          <cell r="E493" t="str">
            <v>Maintenance - Routine</v>
          </cell>
          <cell r="G493" t="str">
            <v>Company Labor</v>
          </cell>
          <cell r="H493" t="str">
            <v>Maintenance</v>
          </cell>
          <cell r="I493" t="str">
            <v>Region Maintenance</v>
          </cell>
          <cell r="K493">
            <v>127204</v>
          </cell>
          <cell r="M493">
            <v>323218</v>
          </cell>
          <cell r="N493">
            <v>572985</v>
          </cell>
          <cell r="O493">
            <v>-249767</v>
          </cell>
          <cell r="P493">
            <v>939584</v>
          </cell>
          <cell r="Q493">
            <v>939584</v>
          </cell>
          <cell r="R493">
            <v>939584</v>
          </cell>
          <cell r="S493">
            <v>0</v>
          </cell>
        </row>
        <row r="494">
          <cell r="B494">
            <v>1</v>
          </cell>
          <cell r="C494" t="str">
            <v>Capital</v>
          </cell>
          <cell r="D494" t="str">
            <v>Base</v>
          </cell>
          <cell r="E494" t="str">
            <v>Maintenance - Routine</v>
          </cell>
          <cell r="G494" t="str">
            <v>Company Labor</v>
          </cell>
          <cell r="H494" t="str">
            <v>Maintenance</v>
          </cell>
          <cell r="I494" t="str">
            <v>Region Maintenance</v>
          </cell>
          <cell r="K494">
            <v>83438</v>
          </cell>
          <cell r="M494">
            <v>222221</v>
          </cell>
          <cell r="N494">
            <v>372151</v>
          </cell>
          <cell r="O494">
            <v>-149929</v>
          </cell>
          <cell r="P494">
            <v>645989</v>
          </cell>
          <cell r="Q494">
            <v>645989</v>
          </cell>
          <cell r="R494">
            <v>645989</v>
          </cell>
          <cell r="S494">
            <v>0</v>
          </cell>
        </row>
        <row r="495">
          <cell r="B495">
            <v>1</v>
          </cell>
          <cell r="C495" t="str">
            <v>Capital</v>
          </cell>
          <cell r="D495" t="str">
            <v>Base</v>
          </cell>
          <cell r="E495" t="str">
            <v>Maintenance - Routine</v>
          </cell>
          <cell r="G495" t="str">
            <v>Company Labor</v>
          </cell>
          <cell r="H495" t="str">
            <v>Maintenance</v>
          </cell>
          <cell r="I495" t="str">
            <v>Region Maintenance</v>
          </cell>
          <cell r="K495">
            <v>20151</v>
          </cell>
          <cell r="M495">
            <v>107490</v>
          </cell>
          <cell r="N495">
            <v>70607</v>
          </cell>
          <cell r="O495">
            <v>36883</v>
          </cell>
          <cell r="P495">
            <v>312463</v>
          </cell>
          <cell r="Q495">
            <v>312463</v>
          </cell>
          <cell r="R495">
            <v>312463</v>
          </cell>
          <cell r="S495">
            <v>0</v>
          </cell>
        </row>
        <row r="496">
          <cell r="B496">
            <v>1</v>
          </cell>
          <cell r="C496" t="str">
            <v>Capital</v>
          </cell>
          <cell r="D496" t="str">
            <v>Base</v>
          </cell>
          <cell r="E496" t="str">
            <v>Maintenance - Routine</v>
          </cell>
          <cell r="G496" t="str">
            <v>Contract Labor</v>
          </cell>
          <cell r="H496" t="str">
            <v>Maintenance</v>
          </cell>
          <cell r="I496" t="str">
            <v>Region Maintenance</v>
          </cell>
          <cell r="K496">
            <v>283019</v>
          </cell>
          <cell r="M496">
            <v>855378</v>
          </cell>
          <cell r="N496">
            <v>1753237</v>
          </cell>
          <cell r="O496">
            <v>-897859</v>
          </cell>
          <cell r="P496">
            <v>2486559</v>
          </cell>
          <cell r="Q496">
            <v>2486559</v>
          </cell>
          <cell r="R496">
            <v>2486559</v>
          </cell>
          <cell r="S496">
            <v>0</v>
          </cell>
        </row>
        <row r="497">
          <cell r="B497">
            <v>1</v>
          </cell>
          <cell r="C497" t="str">
            <v>Capital</v>
          </cell>
          <cell r="D497" t="str">
            <v>Base</v>
          </cell>
          <cell r="E497" t="str">
            <v>Maintenance - Routine</v>
          </cell>
          <cell r="G497" t="str">
            <v>Fleet</v>
          </cell>
          <cell r="H497" t="str">
            <v>Maintenance</v>
          </cell>
          <cell r="I497" t="str">
            <v>Region Maintenance</v>
          </cell>
          <cell r="K497">
            <v>58761</v>
          </cell>
          <cell r="M497">
            <v>135440</v>
          </cell>
          <cell r="N497">
            <v>239201</v>
          </cell>
          <cell r="O497">
            <v>-103761</v>
          </cell>
          <cell r="P497">
            <v>393730</v>
          </cell>
          <cell r="Q497">
            <v>393730</v>
          </cell>
          <cell r="R497">
            <v>393730</v>
          </cell>
          <cell r="S497">
            <v>0</v>
          </cell>
        </row>
        <row r="498">
          <cell r="B498">
            <v>1</v>
          </cell>
          <cell r="C498" t="str">
            <v>Capital</v>
          </cell>
          <cell r="D498" t="str">
            <v>Base</v>
          </cell>
          <cell r="E498" t="str">
            <v>Maintenance - Routine</v>
          </cell>
          <cell r="G498" t="str">
            <v>Meals/Travel</v>
          </cell>
          <cell r="H498" t="str">
            <v>Maintenance</v>
          </cell>
          <cell r="I498" t="str">
            <v>Region Maintenance</v>
          </cell>
          <cell r="K498">
            <v>62</v>
          </cell>
          <cell r="M498">
            <v>0</v>
          </cell>
          <cell r="N498">
            <v>-3385</v>
          </cell>
          <cell r="O498">
            <v>3385</v>
          </cell>
          <cell r="P498">
            <v>0</v>
          </cell>
          <cell r="Q498">
            <v>0</v>
          </cell>
          <cell r="R498">
            <v>0</v>
          </cell>
          <cell r="S498">
            <v>0</v>
          </cell>
        </row>
        <row r="499">
          <cell r="B499">
            <v>1</v>
          </cell>
          <cell r="C499" t="str">
            <v>Capital</v>
          </cell>
          <cell r="D499" t="str">
            <v>Base</v>
          </cell>
          <cell r="E499" t="str">
            <v>Maintenance - Routine</v>
          </cell>
          <cell r="G499" t="str">
            <v>Materials</v>
          </cell>
          <cell r="H499" t="str">
            <v>Maintenance</v>
          </cell>
          <cell r="I499" t="str">
            <v>Region Maintenance</v>
          </cell>
          <cell r="K499">
            <v>163500</v>
          </cell>
          <cell r="M499">
            <v>637290</v>
          </cell>
          <cell r="N499">
            <v>649859</v>
          </cell>
          <cell r="O499">
            <v>-12569</v>
          </cell>
          <cell r="P499">
            <v>1852588</v>
          </cell>
          <cell r="Q499">
            <v>1852588</v>
          </cell>
          <cell r="R499">
            <v>1852588</v>
          </cell>
          <cell r="S499">
            <v>0</v>
          </cell>
        </row>
        <row r="500">
          <cell r="B500">
            <v>1</v>
          </cell>
          <cell r="C500" t="str">
            <v>Capital</v>
          </cell>
          <cell r="D500" t="str">
            <v>Base</v>
          </cell>
          <cell r="E500" t="str">
            <v>Maintenance - Routine</v>
          </cell>
          <cell r="G500" t="str">
            <v>Ciac</v>
          </cell>
          <cell r="H500" t="str">
            <v>Maintenance</v>
          </cell>
          <cell r="I500" t="str">
            <v>Region Maintenance</v>
          </cell>
          <cell r="K500">
            <v>-92802</v>
          </cell>
          <cell r="M500">
            <v>-228493</v>
          </cell>
          <cell r="N500">
            <v>-337858</v>
          </cell>
          <cell r="O500">
            <v>109365</v>
          </cell>
          <cell r="P500">
            <v>-664223</v>
          </cell>
          <cell r="Q500">
            <v>-664223</v>
          </cell>
          <cell r="R500">
            <v>-664223</v>
          </cell>
          <cell r="S500">
            <v>0</v>
          </cell>
        </row>
        <row r="501">
          <cell r="B501">
            <v>1</v>
          </cell>
          <cell r="C501" t="str">
            <v>Capital</v>
          </cell>
          <cell r="D501" t="str">
            <v>Base</v>
          </cell>
          <cell r="E501" t="str">
            <v>Maintenance - Routine</v>
          </cell>
          <cell r="G501" t="str">
            <v>Other</v>
          </cell>
          <cell r="H501" t="str">
            <v>Maintenance</v>
          </cell>
          <cell r="I501" t="str">
            <v>Region Maintenance</v>
          </cell>
          <cell r="K501">
            <v>0</v>
          </cell>
          <cell r="M501">
            <v>-8072</v>
          </cell>
          <cell r="N501">
            <v>150</v>
          </cell>
          <cell r="O501">
            <v>-8222</v>
          </cell>
          <cell r="P501">
            <v>-23467</v>
          </cell>
          <cell r="Q501">
            <v>-23467</v>
          </cell>
          <cell r="R501">
            <v>-23467</v>
          </cell>
          <cell r="S501">
            <v>0</v>
          </cell>
        </row>
        <row r="502">
          <cell r="B502">
            <v>1</v>
          </cell>
          <cell r="C502" t="str">
            <v>Capital</v>
          </cell>
          <cell r="D502" t="str">
            <v>Base</v>
          </cell>
          <cell r="E502" t="str">
            <v>Other</v>
          </cell>
          <cell r="G502" t="str">
            <v>Company Labor</v>
          </cell>
          <cell r="H502" t="str">
            <v>Company Labor</v>
          </cell>
          <cell r="I502" t="str">
            <v>Other</v>
          </cell>
          <cell r="K502">
            <v>0</v>
          </cell>
          <cell r="M502">
            <v>0</v>
          </cell>
          <cell r="N502">
            <v>76</v>
          </cell>
          <cell r="O502">
            <v>-76</v>
          </cell>
          <cell r="P502">
            <v>0</v>
          </cell>
          <cell r="Q502">
            <v>0</v>
          </cell>
          <cell r="R502">
            <v>0</v>
          </cell>
          <cell r="S502">
            <v>0</v>
          </cell>
        </row>
        <row r="503">
          <cell r="B503">
            <v>1</v>
          </cell>
          <cell r="C503" t="str">
            <v>Capital</v>
          </cell>
          <cell r="D503" t="str">
            <v>Base</v>
          </cell>
          <cell r="E503" t="str">
            <v>Other</v>
          </cell>
          <cell r="G503" t="str">
            <v>Company Labor</v>
          </cell>
          <cell r="H503" t="str">
            <v>Joint Use/Locates</v>
          </cell>
          <cell r="I503" t="str">
            <v>Other</v>
          </cell>
          <cell r="K503">
            <v>1771</v>
          </cell>
          <cell r="M503">
            <v>0</v>
          </cell>
          <cell r="N503">
            <v>4912</v>
          </cell>
          <cell r="O503">
            <v>-4912</v>
          </cell>
          <cell r="P503">
            <v>0</v>
          </cell>
          <cell r="Q503">
            <v>0</v>
          </cell>
          <cell r="R503">
            <v>0</v>
          </cell>
          <cell r="S503">
            <v>0</v>
          </cell>
        </row>
        <row r="504">
          <cell r="B504">
            <v>1</v>
          </cell>
          <cell r="C504" t="str">
            <v>Capital</v>
          </cell>
          <cell r="D504" t="str">
            <v>Base</v>
          </cell>
          <cell r="E504" t="str">
            <v>Other</v>
          </cell>
          <cell r="G504" t="str">
            <v>Company Labor</v>
          </cell>
          <cell r="H504" t="str">
            <v>Mgmt &amp; Support</v>
          </cell>
          <cell r="I504" t="str">
            <v>Other</v>
          </cell>
          <cell r="K504">
            <v>2235</v>
          </cell>
          <cell r="M504">
            <v>0</v>
          </cell>
          <cell r="N504">
            <v>3590</v>
          </cell>
          <cell r="O504">
            <v>-3590</v>
          </cell>
          <cell r="P504">
            <v>0</v>
          </cell>
          <cell r="Q504">
            <v>0</v>
          </cell>
          <cell r="R504">
            <v>0</v>
          </cell>
          <cell r="S504">
            <v>0</v>
          </cell>
        </row>
        <row r="505">
          <cell r="B505">
            <v>1</v>
          </cell>
          <cell r="C505" t="str">
            <v>Capital</v>
          </cell>
          <cell r="D505" t="str">
            <v>Base</v>
          </cell>
          <cell r="E505" t="str">
            <v>Other</v>
          </cell>
          <cell r="G505" t="str">
            <v>Company Labor</v>
          </cell>
          <cell r="H505" t="str">
            <v>Rev Construction - C&amp;I</v>
          </cell>
          <cell r="I505" t="str">
            <v>Other</v>
          </cell>
          <cell r="K505">
            <v>0</v>
          </cell>
          <cell r="M505">
            <v>0</v>
          </cell>
          <cell r="N505">
            <v>128</v>
          </cell>
          <cell r="O505">
            <v>-128</v>
          </cell>
          <cell r="P505">
            <v>0</v>
          </cell>
          <cell r="Q505">
            <v>0</v>
          </cell>
          <cell r="R505">
            <v>0</v>
          </cell>
          <cell r="S505">
            <v>0</v>
          </cell>
        </row>
        <row r="506">
          <cell r="B506">
            <v>1</v>
          </cell>
          <cell r="C506" t="str">
            <v>Capital</v>
          </cell>
          <cell r="D506" t="str">
            <v>Base</v>
          </cell>
          <cell r="E506" t="str">
            <v>Other</v>
          </cell>
          <cell r="G506" t="str">
            <v>Company Labor</v>
          </cell>
          <cell r="H506" t="str">
            <v>Company Labor</v>
          </cell>
          <cell r="I506" t="str">
            <v>Other</v>
          </cell>
          <cell r="K506">
            <v>0</v>
          </cell>
          <cell r="M506">
            <v>0</v>
          </cell>
          <cell r="N506">
            <v>48</v>
          </cell>
          <cell r="O506">
            <v>-48</v>
          </cell>
          <cell r="P506">
            <v>0</v>
          </cell>
          <cell r="Q506">
            <v>0</v>
          </cell>
          <cell r="R506">
            <v>0</v>
          </cell>
          <cell r="S506">
            <v>0</v>
          </cell>
        </row>
        <row r="507">
          <cell r="B507">
            <v>1</v>
          </cell>
          <cell r="C507" t="str">
            <v>Capital</v>
          </cell>
          <cell r="D507" t="str">
            <v>Base</v>
          </cell>
          <cell r="E507" t="str">
            <v>Other</v>
          </cell>
          <cell r="G507" t="str">
            <v>Company Labor</v>
          </cell>
          <cell r="H507" t="str">
            <v>Joint Use/Locates</v>
          </cell>
          <cell r="I507" t="str">
            <v>Other</v>
          </cell>
          <cell r="K507">
            <v>1115</v>
          </cell>
          <cell r="M507">
            <v>0</v>
          </cell>
          <cell r="N507">
            <v>3084</v>
          </cell>
          <cell r="O507">
            <v>-3084</v>
          </cell>
          <cell r="P507">
            <v>0</v>
          </cell>
          <cell r="Q507">
            <v>0</v>
          </cell>
          <cell r="R507">
            <v>0</v>
          </cell>
          <cell r="S507">
            <v>0</v>
          </cell>
        </row>
        <row r="508">
          <cell r="B508">
            <v>1</v>
          </cell>
          <cell r="C508" t="str">
            <v>Capital</v>
          </cell>
          <cell r="D508" t="str">
            <v>Base</v>
          </cell>
          <cell r="E508" t="str">
            <v>Other</v>
          </cell>
          <cell r="G508" t="str">
            <v>Company Labor</v>
          </cell>
          <cell r="H508" t="str">
            <v>Lab &amp; Mat Burdens</v>
          </cell>
          <cell r="I508" t="str">
            <v>Other</v>
          </cell>
          <cell r="K508">
            <v>0</v>
          </cell>
          <cell r="M508">
            <v>0</v>
          </cell>
          <cell r="N508">
            <v>89</v>
          </cell>
          <cell r="O508">
            <v>-89</v>
          </cell>
          <cell r="P508">
            <v>0</v>
          </cell>
          <cell r="Q508">
            <v>0</v>
          </cell>
          <cell r="R508">
            <v>0</v>
          </cell>
          <cell r="S508">
            <v>0</v>
          </cell>
        </row>
        <row r="509">
          <cell r="B509">
            <v>1</v>
          </cell>
          <cell r="C509" t="str">
            <v>Capital</v>
          </cell>
          <cell r="D509" t="str">
            <v>Base</v>
          </cell>
          <cell r="E509" t="str">
            <v>Other</v>
          </cell>
          <cell r="G509" t="str">
            <v>Company Labor</v>
          </cell>
          <cell r="H509" t="str">
            <v>Mgmt &amp; Support</v>
          </cell>
          <cell r="I509" t="str">
            <v>Other</v>
          </cell>
          <cell r="K509">
            <v>1417</v>
          </cell>
          <cell r="M509">
            <v>0</v>
          </cell>
          <cell r="N509">
            <v>2267</v>
          </cell>
          <cell r="O509">
            <v>-2267</v>
          </cell>
          <cell r="P509">
            <v>0</v>
          </cell>
          <cell r="Q509">
            <v>0</v>
          </cell>
          <cell r="R509">
            <v>0</v>
          </cell>
          <cell r="S509">
            <v>0</v>
          </cell>
        </row>
        <row r="510">
          <cell r="B510">
            <v>1</v>
          </cell>
          <cell r="C510" t="str">
            <v>Capital</v>
          </cell>
          <cell r="D510" t="str">
            <v>Base</v>
          </cell>
          <cell r="E510" t="str">
            <v>Other</v>
          </cell>
          <cell r="G510" t="str">
            <v>Company Labor</v>
          </cell>
          <cell r="H510" t="str">
            <v>Joint Use/Locates</v>
          </cell>
          <cell r="I510" t="str">
            <v>Other</v>
          </cell>
          <cell r="K510">
            <v>26</v>
          </cell>
          <cell r="M510">
            <v>0</v>
          </cell>
          <cell r="N510">
            <v>26</v>
          </cell>
          <cell r="O510">
            <v>-26</v>
          </cell>
          <cell r="P510">
            <v>0</v>
          </cell>
          <cell r="Q510">
            <v>0</v>
          </cell>
          <cell r="R510">
            <v>0</v>
          </cell>
          <cell r="S510">
            <v>0</v>
          </cell>
        </row>
        <row r="511">
          <cell r="B511">
            <v>1</v>
          </cell>
          <cell r="C511" t="str">
            <v>Capital</v>
          </cell>
          <cell r="D511" t="str">
            <v>Base</v>
          </cell>
          <cell r="E511" t="str">
            <v>Other</v>
          </cell>
          <cell r="G511" t="str">
            <v>Company Labor</v>
          </cell>
          <cell r="H511" t="str">
            <v>Mgmt &amp; Support</v>
          </cell>
          <cell r="I511" t="str">
            <v>Other</v>
          </cell>
          <cell r="K511">
            <v>89</v>
          </cell>
          <cell r="M511">
            <v>0</v>
          </cell>
          <cell r="N511">
            <v>89</v>
          </cell>
          <cell r="O511">
            <v>-89</v>
          </cell>
          <cell r="P511">
            <v>0</v>
          </cell>
          <cell r="Q511">
            <v>0</v>
          </cell>
          <cell r="R511">
            <v>0</v>
          </cell>
          <cell r="S511">
            <v>0</v>
          </cell>
        </row>
        <row r="512">
          <cell r="B512">
            <v>1</v>
          </cell>
          <cell r="C512" t="str">
            <v>Capital</v>
          </cell>
          <cell r="D512" t="str">
            <v>Base</v>
          </cell>
          <cell r="E512" t="str">
            <v>Other</v>
          </cell>
          <cell r="G512" t="str">
            <v>Company Labor</v>
          </cell>
          <cell r="H512" t="str">
            <v>Rev Construction - C&amp;I</v>
          </cell>
          <cell r="I512" t="str">
            <v>Other</v>
          </cell>
          <cell r="K512">
            <v>0</v>
          </cell>
          <cell r="M512">
            <v>0</v>
          </cell>
          <cell r="N512">
            <v>48</v>
          </cell>
          <cell r="O512">
            <v>-48</v>
          </cell>
          <cell r="P512">
            <v>0</v>
          </cell>
          <cell r="Q512">
            <v>0</v>
          </cell>
          <cell r="R512">
            <v>0</v>
          </cell>
          <cell r="S512">
            <v>0</v>
          </cell>
        </row>
        <row r="513">
          <cell r="B513">
            <v>1</v>
          </cell>
          <cell r="C513" t="str">
            <v>Capital</v>
          </cell>
          <cell r="D513" t="str">
            <v>Base</v>
          </cell>
          <cell r="E513" t="str">
            <v>Other</v>
          </cell>
          <cell r="G513" t="str">
            <v>Contract Labor</v>
          </cell>
          <cell r="H513" t="str">
            <v>Contract Labor</v>
          </cell>
          <cell r="I513" t="str">
            <v>Other</v>
          </cell>
          <cell r="K513">
            <v>0</v>
          </cell>
          <cell r="M513">
            <v>0</v>
          </cell>
          <cell r="N513">
            <v>7812</v>
          </cell>
          <cell r="O513">
            <v>-7812</v>
          </cell>
          <cell r="P513">
            <v>0</v>
          </cell>
          <cell r="Q513">
            <v>0</v>
          </cell>
          <cell r="R513">
            <v>0</v>
          </cell>
          <cell r="S513">
            <v>0</v>
          </cell>
        </row>
        <row r="514">
          <cell r="B514">
            <v>1</v>
          </cell>
          <cell r="C514" t="str">
            <v>Capital</v>
          </cell>
          <cell r="D514" t="str">
            <v>Base</v>
          </cell>
          <cell r="E514" t="str">
            <v>Other</v>
          </cell>
          <cell r="G514" t="str">
            <v>Contract Labor</v>
          </cell>
          <cell r="H514" t="str">
            <v>Joint Use/Locates</v>
          </cell>
          <cell r="I514" t="str">
            <v>Other</v>
          </cell>
          <cell r="K514">
            <v>6510</v>
          </cell>
          <cell r="M514">
            <v>0</v>
          </cell>
          <cell r="N514">
            <v>19981</v>
          </cell>
          <cell r="O514">
            <v>-19981</v>
          </cell>
          <cell r="P514">
            <v>0</v>
          </cell>
          <cell r="Q514">
            <v>0</v>
          </cell>
          <cell r="R514">
            <v>0</v>
          </cell>
          <cell r="S514">
            <v>0</v>
          </cell>
        </row>
        <row r="515">
          <cell r="B515">
            <v>1</v>
          </cell>
          <cell r="C515" t="str">
            <v>Capital</v>
          </cell>
          <cell r="D515" t="str">
            <v>Base</v>
          </cell>
          <cell r="E515" t="str">
            <v>Other</v>
          </cell>
          <cell r="G515" t="str">
            <v>Contract Labor</v>
          </cell>
          <cell r="H515" t="str">
            <v>Management &amp; Support</v>
          </cell>
          <cell r="I515" t="str">
            <v>Other</v>
          </cell>
          <cell r="K515">
            <v>46155</v>
          </cell>
          <cell r="M515">
            <v>226667</v>
          </cell>
          <cell r="N515">
            <v>151347</v>
          </cell>
          <cell r="O515">
            <v>75320</v>
          </cell>
          <cell r="P515">
            <v>680000</v>
          </cell>
          <cell r="Q515">
            <v>680000</v>
          </cell>
          <cell r="R515">
            <v>319000</v>
          </cell>
          <cell r="S515">
            <v>361000</v>
          </cell>
        </row>
        <row r="516">
          <cell r="B516">
            <v>1</v>
          </cell>
          <cell r="C516" t="str">
            <v>Capital</v>
          </cell>
          <cell r="D516" t="str">
            <v>Base</v>
          </cell>
          <cell r="E516" t="str">
            <v>Other</v>
          </cell>
          <cell r="G516" t="str">
            <v>Fleet</v>
          </cell>
          <cell r="H516" t="str">
            <v>Group Admin Other</v>
          </cell>
          <cell r="I516" t="str">
            <v>Other</v>
          </cell>
          <cell r="K516">
            <v>0</v>
          </cell>
          <cell r="M516">
            <v>0</v>
          </cell>
          <cell r="N516">
            <v>39</v>
          </cell>
          <cell r="O516">
            <v>-39</v>
          </cell>
          <cell r="P516">
            <v>0</v>
          </cell>
          <cell r="Q516">
            <v>0</v>
          </cell>
          <cell r="R516">
            <v>0</v>
          </cell>
          <cell r="S516">
            <v>0</v>
          </cell>
        </row>
        <row r="517">
          <cell r="B517">
            <v>1</v>
          </cell>
          <cell r="C517" t="str">
            <v>Capital</v>
          </cell>
          <cell r="D517" t="str">
            <v>Base</v>
          </cell>
          <cell r="E517" t="str">
            <v>Other</v>
          </cell>
          <cell r="G517" t="str">
            <v>Fleet</v>
          </cell>
          <cell r="H517" t="str">
            <v>Joint Use/Locates</v>
          </cell>
          <cell r="I517" t="str">
            <v>Other</v>
          </cell>
          <cell r="K517">
            <v>696</v>
          </cell>
          <cell r="M517">
            <v>0</v>
          </cell>
          <cell r="N517">
            <v>1970</v>
          </cell>
          <cell r="O517">
            <v>-1970</v>
          </cell>
          <cell r="P517">
            <v>0</v>
          </cell>
          <cell r="Q517">
            <v>0</v>
          </cell>
          <cell r="R517">
            <v>0</v>
          </cell>
          <cell r="S517">
            <v>0</v>
          </cell>
        </row>
        <row r="518">
          <cell r="B518">
            <v>1</v>
          </cell>
          <cell r="C518" t="str">
            <v>Capital</v>
          </cell>
          <cell r="D518" t="str">
            <v>Base</v>
          </cell>
          <cell r="E518" t="str">
            <v>Other</v>
          </cell>
          <cell r="G518" t="str">
            <v>Fleet</v>
          </cell>
          <cell r="H518" t="str">
            <v>Mgmt &amp; Support</v>
          </cell>
          <cell r="I518" t="str">
            <v>Other</v>
          </cell>
          <cell r="K518">
            <v>777</v>
          </cell>
          <cell r="M518">
            <v>0</v>
          </cell>
          <cell r="N518">
            <v>1300</v>
          </cell>
          <cell r="O518">
            <v>-1300</v>
          </cell>
          <cell r="P518">
            <v>0</v>
          </cell>
          <cell r="Q518">
            <v>0</v>
          </cell>
          <cell r="R518">
            <v>0</v>
          </cell>
          <cell r="S518">
            <v>0</v>
          </cell>
        </row>
        <row r="519">
          <cell r="B519">
            <v>1</v>
          </cell>
          <cell r="C519" t="str">
            <v>Capital</v>
          </cell>
          <cell r="D519" t="str">
            <v>Base</v>
          </cell>
          <cell r="E519" t="str">
            <v>Other</v>
          </cell>
          <cell r="G519" t="str">
            <v>Meals/Travel</v>
          </cell>
          <cell r="H519" t="str">
            <v>Management &amp; Support</v>
          </cell>
          <cell r="I519" t="str">
            <v>Other</v>
          </cell>
          <cell r="K519">
            <v>105</v>
          </cell>
          <cell r="M519">
            <v>0</v>
          </cell>
          <cell r="N519">
            <v>105</v>
          </cell>
          <cell r="O519">
            <v>-105</v>
          </cell>
          <cell r="P519">
            <v>0</v>
          </cell>
          <cell r="Q519">
            <v>0</v>
          </cell>
          <cell r="R519">
            <v>0</v>
          </cell>
          <cell r="S519">
            <v>0</v>
          </cell>
        </row>
        <row r="520">
          <cell r="B520">
            <v>1</v>
          </cell>
          <cell r="C520" t="str">
            <v>Capital</v>
          </cell>
          <cell r="D520" t="str">
            <v>Base</v>
          </cell>
          <cell r="E520" t="str">
            <v>Other</v>
          </cell>
          <cell r="G520" t="str">
            <v>Materials</v>
          </cell>
          <cell r="H520" t="str">
            <v>Joint Use/Locates</v>
          </cell>
          <cell r="I520" t="str">
            <v>Other</v>
          </cell>
          <cell r="K520">
            <v>2985</v>
          </cell>
          <cell r="M520">
            <v>0</v>
          </cell>
          <cell r="N520">
            <v>5849</v>
          </cell>
          <cell r="O520">
            <v>-5849</v>
          </cell>
          <cell r="P520">
            <v>0</v>
          </cell>
          <cell r="Q520">
            <v>0</v>
          </cell>
          <cell r="R520">
            <v>0</v>
          </cell>
          <cell r="S520">
            <v>0</v>
          </cell>
        </row>
        <row r="521">
          <cell r="B521">
            <v>1</v>
          </cell>
          <cell r="C521" t="str">
            <v>Capital</v>
          </cell>
          <cell r="D521" t="str">
            <v>Base</v>
          </cell>
          <cell r="E521" t="str">
            <v>Other</v>
          </cell>
          <cell r="G521" t="str">
            <v>Materials</v>
          </cell>
          <cell r="H521" t="str">
            <v>Management &amp; Support</v>
          </cell>
          <cell r="I521" t="str">
            <v>Other</v>
          </cell>
          <cell r="K521">
            <v>-7736</v>
          </cell>
          <cell r="M521">
            <v>0</v>
          </cell>
          <cell r="N521">
            <v>23685</v>
          </cell>
          <cell r="O521">
            <v>-23685</v>
          </cell>
          <cell r="P521">
            <v>0</v>
          </cell>
          <cell r="Q521">
            <v>0</v>
          </cell>
          <cell r="R521">
            <v>0</v>
          </cell>
          <cell r="S521">
            <v>0</v>
          </cell>
        </row>
        <row r="522">
          <cell r="B522">
            <v>1</v>
          </cell>
          <cell r="C522" t="str">
            <v>Capital</v>
          </cell>
          <cell r="D522" t="str">
            <v>Base</v>
          </cell>
          <cell r="E522" t="str">
            <v>Other</v>
          </cell>
          <cell r="G522" t="str">
            <v>Materials</v>
          </cell>
          <cell r="H522" t="str">
            <v>Mgmt &amp; Support</v>
          </cell>
          <cell r="I522" t="str">
            <v>Other</v>
          </cell>
          <cell r="K522">
            <v>0</v>
          </cell>
          <cell r="M522">
            <v>1421</v>
          </cell>
          <cell r="N522">
            <v>1341</v>
          </cell>
          <cell r="O522">
            <v>79</v>
          </cell>
          <cell r="P522">
            <v>4860</v>
          </cell>
          <cell r="Q522">
            <v>4860</v>
          </cell>
          <cell r="R522">
            <v>4860</v>
          </cell>
          <cell r="S522">
            <v>0</v>
          </cell>
        </row>
        <row r="523">
          <cell r="B523">
            <v>1</v>
          </cell>
          <cell r="C523" t="str">
            <v>Capital</v>
          </cell>
          <cell r="D523" t="str">
            <v>Base</v>
          </cell>
          <cell r="E523" t="str">
            <v>Other</v>
          </cell>
          <cell r="G523" t="str">
            <v>Ciac</v>
          </cell>
          <cell r="H523" t="str">
            <v>Joint Use/Locates</v>
          </cell>
          <cell r="I523" t="str">
            <v>Other</v>
          </cell>
          <cell r="K523">
            <v>-5724</v>
          </cell>
          <cell r="M523">
            <v>0</v>
          </cell>
          <cell r="N523">
            <v>-12396</v>
          </cell>
          <cell r="O523">
            <v>12396</v>
          </cell>
          <cell r="P523">
            <v>0</v>
          </cell>
          <cell r="Q523">
            <v>0</v>
          </cell>
          <cell r="R523">
            <v>0</v>
          </cell>
          <cell r="S523">
            <v>0</v>
          </cell>
        </row>
        <row r="524">
          <cell r="B524">
            <v>1</v>
          </cell>
          <cell r="C524" t="str">
            <v>Capital</v>
          </cell>
          <cell r="D524" t="str">
            <v>Base</v>
          </cell>
          <cell r="E524" t="str">
            <v>Other</v>
          </cell>
          <cell r="G524" t="str">
            <v>Other</v>
          </cell>
          <cell r="H524" t="str">
            <v>Group Admin Other</v>
          </cell>
          <cell r="I524" t="str">
            <v>Other</v>
          </cell>
          <cell r="K524">
            <v>0</v>
          </cell>
          <cell r="M524">
            <v>0</v>
          </cell>
          <cell r="N524">
            <v>484</v>
          </cell>
          <cell r="O524">
            <v>-484</v>
          </cell>
          <cell r="P524">
            <v>0</v>
          </cell>
          <cell r="Q524">
            <v>0</v>
          </cell>
          <cell r="R524">
            <v>0</v>
          </cell>
          <cell r="S524">
            <v>0</v>
          </cell>
        </row>
        <row r="525">
          <cell r="B525">
            <v>1</v>
          </cell>
          <cell r="C525" t="str">
            <v>Capital</v>
          </cell>
          <cell r="D525" t="str">
            <v>Base</v>
          </cell>
          <cell r="E525" t="str">
            <v>Other</v>
          </cell>
          <cell r="G525" t="str">
            <v>Other</v>
          </cell>
          <cell r="H525" t="str">
            <v>Rev Construction - C&amp;I</v>
          </cell>
          <cell r="I525" t="str">
            <v>Other</v>
          </cell>
          <cell r="K525">
            <v>0</v>
          </cell>
          <cell r="M525">
            <v>0</v>
          </cell>
          <cell r="N525">
            <v>9</v>
          </cell>
          <cell r="O525">
            <v>-9</v>
          </cell>
          <cell r="P525">
            <v>0</v>
          </cell>
          <cell r="Q525">
            <v>0</v>
          </cell>
          <cell r="R525">
            <v>0</v>
          </cell>
          <cell r="S525">
            <v>0</v>
          </cell>
        </row>
        <row r="526">
          <cell r="B526">
            <v>1</v>
          </cell>
          <cell r="C526" t="str">
            <v>Capital</v>
          </cell>
          <cell r="D526" t="str">
            <v>Base</v>
          </cell>
          <cell r="E526" t="str">
            <v>Other Technology Initiatives</v>
          </cell>
          <cell r="G526" t="str">
            <v>Company Labor</v>
          </cell>
          <cell r="H526" t="str">
            <v>Distribution Application Support</v>
          </cell>
          <cell r="I526" t="str">
            <v>Other</v>
          </cell>
          <cell r="K526">
            <v>3806</v>
          </cell>
          <cell r="M526">
            <v>0</v>
          </cell>
          <cell r="N526">
            <v>6384</v>
          </cell>
          <cell r="O526">
            <v>-6384</v>
          </cell>
          <cell r="P526">
            <v>0</v>
          </cell>
          <cell r="Q526">
            <v>0</v>
          </cell>
          <cell r="R526">
            <v>0</v>
          </cell>
          <cell r="S526">
            <v>0</v>
          </cell>
        </row>
        <row r="527">
          <cell r="B527">
            <v>1</v>
          </cell>
          <cell r="C527" t="str">
            <v>Capital</v>
          </cell>
          <cell r="D527" t="str">
            <v>Base</v>
          </cell>
          <cell r="E527" t="str">
            <v>Other Technology Initiatives</v>
          </cell>
          <cell r="G527" t="str">
            <v>Company Labor</v>
          </cell>
          <cell r="H527" t="str">
            <v>Distribution Application Support</v>
          </cell>
          <cell r="I527" t="str">
            <v>Other</v>
          </cell>
          <cell r="K527">
            <v>2387</v>
          </cell>
          <cell r="M527">
            <v>0</v>
          </cell>
          <cell r="N527">
            <v>4003</v>
          </cell>
          <cell r="O527">
            <v>-4003</v>
          </cell>
          <cell r="P527">
            <v>0</v>
          </cell>
          <cell r="Q527">
            <v>0</v>
          </cell>
          <cell r="R527">
            <v>0</v>
          </cell>
          <cell r="S527">
            <v>0</v>
          </cell>
        </row>
        <row r="528">
          <cell r="B528">
            <v>1</v>
          </cell>
          <cell r="C528" t="str">
            <v>Capital</v>
          </cell>
          <cell r="D528" t="str">
            <v>Base</v>
          </cell>
          <cell r="E528" t="str">
            <v>Other Technology Initiatives</v>
          </cell>
          <cell r="G528" t="str">
            <v>Contract Labor</v>
          </cell>
          <cell r="H528" t="str">
            <v>Distribution Application Support</v>
          </cell>
          <cell r="I528" t="str">
            <v>Other</v>
          </cell>
          <cell r="K528">
            <v>0</v>
          </cell>
          <cell r="M528">
            <v>450379</v>
          </cell>
          <cell r="N528">
            <v>10176</v>
          </cell>
          <cell r="O528">
            <v>440203</v>
          </cell>
          <cell r="P528">
            <v>1351136</v>
          </cell>
          <cell r="Q528">
            <v>1351136</v>
          </cell>
          <cell r="R528">
            <v>1351136</v>
          </cell>
          <cell r="S528">
            <v>0</v>
          </cell>
        </row>
        <row r="529">
          <cell r="B529">
            <v>1</v>
          </cell>
          <cell r="C529" t="str">
            <v>Capital</v>
          </cell>
          <cell r="D529" t="str">
            <v>Base</v>
          </cell>
          <cell r="E529" t="str">
            <v>Other Technology Initiatives</v>
          </cell>
          <cell r="G529" t="str">
            <v>Materials</v>
          </cell>
          <cell r="H529" t="str">
            <v>Distribution Application Support</v>
          </cell>
          <cell r="I529" t="str">
            <v>Other</v>
          </cell>
          <cell r="K529">
            <v>0</v>
          </cell>
          <cell r="M529">
            <v>0</v>
          </cell>
          <cell r="N529">
            <v>2998</v>
          </cell>
          <cell r="O529">
            <v>-2998</v>
          </cell>
          <cell r="P529">
            <v>0</v>
          </cell>
          <cell r="Q529">
            <v>0</v>
          </cell>
          <cell r="R529">
            <v>0</v>
          </cell>
          <cell r="S529">
            <v>0</v>
          </cell>
        </row>
        <row r="530">
          <cell r="B530">
            <v>1</v>
          </cell>
          <cell r="C530" t="str">
            <v>Capital</v>
          </cell>
          <cell r="D530" t="str">
            <v>Base</v>
          </cell>
          <cell r="E530" t="str">
            <v>Other Technology Initiatives</v>
          </cell>
          <cell r="G530" t="str">
            <v>Hardware/Software</v>
          </cell>
          <cell r="H530" t="str">
            <v>Distribution Application Support</v>
          </cell>
          <cell r="I530" t="str">
            <v>Other</v>
          </cell>
          <cell r="K530">
            <v>0</v>
          </cell>
          <cell r="M530">
            <v>0</v>
          </cell>
          <cell r="N530">
            <v>50393</v>
          </cell>
          <cell r="O530">
            <v>-50393</v>
          </cell>
          <cell r="P530">
            <v>0</v>
          </cell>
          <cell r="Q530">
            <v>0</v>
          </cell>
          <cell r="R530">
            <v>0</v>
          </cell>
          <cell r="S530">
            <v>0</v>
          </cell>
        </row>
        <row r="531">
          <cell r="B531">
            <v>1</v>
          </cell>
          <cell r="C531" t="str">
            <v>Capital</v>
          </cell>
          <cell r="D531" t="str">
            <v>Base</v>
          </cell>
          <cell r="E531" t="str">
            <v>Pre-charge Material</v>
          </cell>
          <cell r="G531" t="str">
            <v>Materials</v>
          </cell>
          <cell r="H531" t="str">
            <v>Lab &amp; Mat Burdens</v>
          </cell>
          <cell r="I531" t="str">
            <v>Region Maintenance</v>
          </cell>
          <cell r="K531">
            <v>589167</v>
          </cell>
          <cell r="M531">
            <v>1746221</v>
          </cell>
          <cell r="N531">
            <v>2528307</v>
          </cell>
          <cell r="O531">
            <v>-782086</v>
          </cell>
          <cell r="P531">
            <v>5076224</v>
          </cell>
          <cell r="Q531">
            <v>5076224</v>
          </cell>
          <cell r="R531">
            <v>5701686</v>
          </cell>
          <cell r="S531">
            <v>-625462</v>
          </cell>
        </row>
        <row r="532">
          <cell r="B532">
            <v>1</v>
          </cell>
          <cell r="C532" t="str">
            <v>Capital</v>
          </cell>
          <cell r="D532" t="str">
            <v>Base</v>
          </cell>
          <cell r="E532" t="str">
            <v>Pre-charge Material</v>
          </cell>
          <cell r="G532" t="str">
            <v>Materials</v>
          </cell>
          <cell r="H532" t="str">
            <v>Pre-charge Material</v>
          </cell>
          <cell r="I532" t="str">
            <v>Region Maintenance</v>
          </cell>
          <cell r="K532">
            <v>-3160</v>
          </cell>
          <cell r="M532">
            <v>0</v>
          </cell>
          <cell r="N532">
            <v>56182</v>
          </cell>
          <cell r="O532">
            <v>-56182</v>
          </cell>
          <cell r="P532">
            <v>0</v>
          </cell>
          <cell r="Q532">
            <v>0</v>
          </cell>
          <cell r="R532">
            <v>0</v>
          </cell>
          <cell r="S532">
            <v>0</v>
          </cell>
        </row>
        <row r="533">
          <cell r="B533">
            <v>1</v>
          </cell>
          <cell r="C533" t="str">
            <v>Capital</v>
          </cell>
          <cell r="D533" t="str">
            <v>Base</v>
          </cell>
          <cell r="E533" t="str">
            <v>Pre-charge Material</v>
          </cell>
          <cell r="G533" t="str">
            <v>Other</v>
          </cell>
          <cell r="H533" t="str">
            <v>Lab &amp; Mat Burdens</v>
          </cell>
          <cell r="I533" t="str">
            <v>Region Maintenance</v>
          </cell>
          <cell r="K533">
            <v>0</v>
          </cell>
          <cell r="M533">
            <v>0</v>
          </cell>
          <cell r="N533">
            <v>310</v>
          </cell>
          <cell r="O533">
            <v>-310</v>
          </cell>
          <cell r="P533">
            <v>0</v>
          </cell>
          <cell r="Q533">
            <v>0</v>
          </cell>
          <cell r="R533">
            <v>0</v>
          </cell>
          <cell r="S533">
            <v>0</v>
          </cell>
        </row>
        <row r="534">
          <cell r="B534">
            <v>1</v>
          </cell>
          <cell r="C534" t="str">
            <v>Capital</v>
          </cell>
          <cell r="D534" t="str">
            <v>Base</v>
          </cell>
          <cell r="E534" t="str">
            <v>Pre-charge Material</v>
          </cell>
          <cell r="G534" t="str">
            <v>Other</v>
          </cell>
          <cell r="H534" t="str">
            <v>Pre-charge Material</v>
          </cell>
          <cell r="I534" t="str">
            <v>Region Maintenance</v>
          </cell>
          <cell r="K534">
            <v>0</v>
          </cell>
          <cell r="M534">
            <v>0</v>
          </cell>
          <cell r="N534">
            <v>-20</v>
          </cell>
          <cell r="O534">
            <v>20</v>
          </cell>
          <cell r="P534">
            <v>0</v>
          </cell>
          <cell r="Q534">
            <v>0</v>
          </cell>
          <cell r="R534">
            <v>0</v>
          </cell>
          <cell r="S534">
            <v>0</v>
          </cell>
        </row>
        <row r="535">
          <cell r="B535">
            <v>1</v>
          </cell>
          <cell r="C535" t="str">
            <v>Capital</v>
          </cell>
          <cell r="D535" t="str">
            <v>Base</v>
          </cell>
          <cell r="E535" t="str">
            <v>Restore</v>
          </cell>
          <cell r="G535" t="str">
            <v>Company Labor</v>
          </cell>
          <cell r="H535" t="str">
            <v>Restore</v>
          </cell>
          <cell r="I535" t="str">
            <v>Restore</v>
          </cell>
          <cell r="K535">
            <v>10368</v>
          </cell>
          <cell r="M535">
            <v>102074</v>
          </cell>
          <cell r="N535">
            <v>67354</v>
          </cell>
          <cell r="O535">
            <v>34720</v>
          </cell>
          <cell r="P535">
            <v>303998</v>
          </cell>
          <cell r="Q535">
            <v>303998</v>
          </cell>
          <cell r="R535">
            <v>288214</v>
          </cell>
          <cell r="S535">
            <v>15784</v>
          </cell>
        </row>
        <row r="536">
          <cell r="B536">
            <v>1</v>
          </cell>
          <cell r="C536" t="str">
            <v>Capital</v>
          </cell>
          <cell r="D536" t="str">
            <v>Base</v>
          </cell>
          <cell r="E536" t="str">
            <v>Restore</v>
          </cell>
          <cell r="G536" t="str">
            <v>Company Labor</v>
          </cell>
          <cell r="H536" t="str">
            <v>Restore</v>
          </cell>
          <cell r="I536" t="str">
            <v>Restore</v>
          </cell>
          <cell r="K536">
            <v>13362</v>
          </cell>
          <cell r="M536">
            <v>122549</v>
          </cell>
          <cell r="N536">
            <v>74282</v>
          </cell>
          <cell r="O536">
            <v>48267</v>
          </cell>
          <cell r="P536">
            <v>364966</v>
          </cell>
          <cell r="Q536">
            <v>364966</v>
          </cell>
          <cell r="R536">
            <v>339733</v>
          </cell>
          <cell r="S536">
            <v>25233</v>
          </cell>
        </row>
        <row r="537">
          <cell r="B537">
            <v>1</v>
          </cell>
          <cell r="C537" t="str">
            <v>Capital</v>
          </cell>
          <cell r="D537" t="str">
            <v>Base</v>
          </cell>
          <cell r="E537" t="str">
            <v>Restore</v>
          </cell>
          <cell r="G537" t="str">
            <v>Company Labor</v>
          </cell>
          <cell r="H537" t="str">
            <v>Restore</v>
          </cell>
          <cell r="I537" t="str">
            <v>Restore</v>
          </cell>
          <cell r="K537">
            <v>37698</v>
          </cell>
          <cell r="M537">
            <v>321694</v>
          </cell>
          <cell r="N537">
            <v>176087</v>
          </cell>
          <cell r="O537">
            <v>145607</v>
          </cell>
          <cell r="P537">
            <v>958009</v>
          </cell>
          <cell r="Q537">
            <v>958009</v>
          </cell>
          <cell r="R537">
            <v>873745</v>
          </cell>
          <cell r="S537">
            <v>84264</v>
          </cell>
        </row>
        <row r="538">
          <cell r="B538">
            <v>1</v>
          </cell>
          <cell r="C538" t="str">
            <v>Capital</v>
          </cell>
          <cell r="D538" t="str">
            <v>Base</v>
          </cell>
          <cell r="E538" t="str">
            <v>Restore</v>
          </cell>
          <cell r="G538" t="str">
            <v>Contract Labor</v>
          </cell>
          <cell r="H538" t="str">
            <v>Restore</v>
          </cell>
          <cell r="I538" t="str">
            <v>Restore</v>
          </cell>
          <cell r="K538">
            <v>47899</v>
          </cell>
          <cell r="M538">
            <v>324118</v>
          </cell>
          <cell r="N538">
            <v>311678</v>
          </cell>
          <cell r="O538">
            <v>12440</v>
          </cell>
          <cell r="P538">
            <v>989061</v>
          </cell>
          <cell r="Q538">
            <v>989061</v>
          </cell>
          <cell r="R538">
            <v>1062785</v>
          </cell>
          <cell r="S538">
            <v>-73724</v>
          </cell>
        </row>
        <row r="539">
          <cell r="B539">
            <v>1</v>
          </cell>
          <cell r="C539" t="str">
            <v>Capital</v>
          </cell>
          <cell r="D539" t="str">
            <v>Base</v>
          </cell>
          <cell r="E539" t="str">
            <v>Restore</v>
          </cell>
          <cell r="G539" t="str">
            <v>Fleet</v>
          </cell>
          <cell r="H539" t="str">
            <v>Restore</v>
          </cell>
          <cell r="I539" t="str">
            <v>Restore</v>
          </cell>
          <cell r="K539">
            <v>14108</v>
          </cell>
          <cell r="M539">
            <v>110820</v>
          </cell>
          <cell r="N539">
            <v>82316</v>
          </cell>
          <cell r="O539">
            <v>28504</v>
          </cell>
          <cell r="P539">
            <v>330706</v>
          </cell>
          <cell r="Q539">
            <v>330706</v>
          </cell>
          <cell r="R539">
            <v>317053</v>
          </cell>
          <cell r="S539">
            <v>13653</v>
          </cell>
        </row>
        <row r="540">
          <cell r="B540">
            <v>1</v>
          </cell>
          <cell r="C540" t="str">
            <v>Capital</v>
          </cell>
          <cell r="D540" t="str">
            <v>Base</v>
          </cell>
          <cell r="E540" t="str">
            <v>Restore</v>
          </cell>
          <cell r="G540" t="str">
            <v>Meals/Travel</v>
          </cell>
          <cell r="H540" t="str">
            <v>Restore</v>
          </cell>
          <cell r="I540" t="str">
            <v>Restore</v>
          </cell>
          <cell r="K540">
            <v>68</v>
          </cell>
          <cell r="M540">
            <v>1114</v>
          </cell>
          <cell r="N540">
            <v>247</v>
          </cell>
          <cell r="O540">
            <v>867</v>
          </cell>
          <cell r="P540">
            <v>3274</v>
          </cell>
          <cell r="Q540">
            <v>3274</v>
          </cell>
          <cell r="R540">
            <v>2862</v>
          </cell>
          <cell r="S540">
            <v>412</v>
          </cell>
        </row>
        <row r="541">
          <cell r="B541">
            <v>1</v>
          </cell>
          <cell r="C541" t="str">
            <v>Capital</v>
          </cell>
          <cell r="D541" t="str">
            <v>Base</v>
          </cell>
          <cell r="E541" t="str">
            <v>Restore</v>
          </cell>
          <cell r="G541" t="str">
            <v>Materials</v>
          </cell>
          <cell r="H541" t="str">
            <v>Restore</v>
          </cell>
          <cell r="I541" t="str">
            <v>Restore</v>
          </cell>
          <cell r="K541">
            <v>29285</v>
          </cell>
          <cell r="M541">
            <v>174773</v>
          </cell>
          <cell r="N541">
            <v>98655</v>
          </cell>
          <cell r="O541">
            <v>76119</v>
          </cell>
          <cell r="P541">
            <v>522369</v>
          </cell>
          <cell r="Q541">
            <v>522369</v>
          </cell>
          <cell r="R541">
            <v>490132</v>
          </cell>
          <cell r="S541">
            <v>32236</v>
          </cell>
        </row>
        <row r="542">
          <cell r="B542">
            <v>1</v>
          </cell>
          <cell r="C542" t="str">
            <v>Capital</v>
          </cell>
          <cell r="D542" t="str">
            <v>Base</v>
          </cell>
          <cell r="E542" t="str">
            <v>Restore</v>
          </cell>
          <cell r="G542" t="str">
            <v>Ciac</v>
          </cell>
          <cell r="H542" t="str">
            <v>Restore</v>
          </cell>
          <cell r="I542" t="str">
            <v>Restore</v>
          </cell>
          <cell r="K542">
            <v>-34410</v>
          </cell>
          <cell r="M542">
            <v>-282748</v>
          </cell>
          <cell r="N542">
            <v>-153310</v>
          </cell>
          <cell r="O542">
            <v>-129438</v>
          </cell>
          <cell r="P542">
            <v>-844812</v>
          </cell>
          <cell r="Q542">
            <v>-844812</v>
          </cell>
          <cell r="R542">
            <v>-775550</v>
          </cell>
          <cell r="S542">
            <v>-69262</v>
          </cell>
        </row>
        <row r="543">
          <cell r="B543">
            <v>1</v>
          </cell>
          <cell r="C543" t="str">
            <v>Capital</v>
          </cell>
          <cell r="D543" t="str">
            <v>Base</v>
          </cell>
          <cell r="E543" t="str">
            <v>Restore</v>
          </cell>
          <cell r="G543" t="str">
            <v>Other</v>
          </cell>
          <cell r="H543" t="str">
            <v>Restore</v>
          </cell>
          <cell r="I543" t="str">
            <v>Restore</v>
          </cell>
          <cell r="K543">
            <v>0</v>
          </cell>
          <cell r="M543">
            <v>5776</v>
          </cell>
          <cell r="N543">
            <v>0</v>
          </cell>
          <cell r="O543">
            <v>5776</v>
          </cell>
          <cell r="P543">
            <v>16600</v>
          </cell>
          <cell r="Q543">
            <v>16600</v>
          </cell>
          <cell r="R543">
            <v>14035</v>
          </cell>
          <cell r="S543">
            <v>2565</v>
          </cell>
        </row>
        <row r="544">
          <cell r="B544">
            <v>1</v>
          </cell>
          <cell r="C544" t="str">
            <v>Capital</v>
          </cell>
          <cell r="D544" t="str">
            <v>Base</v>
          </cell>
          <cell r="E544" t="str">
            <v>Streetscape Reimbursements</v>
          </cell>
          <cell r="G544" t="str">
            <v>Ciac</v>
          </cell>
          <cell r="H544" t="str">
            <v>Distribution Application Support</v>
          </cell>
          <cell r="I544" t="str">
            <v>Highway Conflicts &amp; Streetscapes</v>
          </cell>
          <cell r="K544">
            <v>0</v>
          </cell>
          <cell r="M544">
            <v>0</v>
          </cell>
          <cell r="N544">
            <v>-30000</v>
          </cell>
          <cell r="O544">
            <v>30000</v>
          </cell>
          <cell r="P544">
            <v>0</v>
          </cell>
          <cell r="Q544">
            <v>0</v>
          </cell>
          <cell r="R544">
            <v>0</v>
          </cell>
          <cell r="S544">
            <v>0</v>
          </cell>
        </row>
        <row r="545">
          <cell r="B545">
            <v>1</v>
          </cell>
          <cell r="C545" t="str">
            <v>Capital</v>
          </cell>
          <cell r="D545" t="str">
            <v>Base</v>
          </cell>
          <cell r="E545" t="str">
            <v>Streetscape Reimbursements</v>
          </cell>
          <cell r="G545" t="str">
            <v>Ciac</v>
          </cell>
          <cell r="H545" t="str">
            <v>Other</v>
          </cell>
          <cell r="I545" t="str">
            <v>Highway Conflicts &amp; Streetscapes</v>
          </cell>
          <cell r="K545">
            <v>-2630</v>
          </cell>
          <cell r="M545">
            <v>-732770</v>
          </cell>
          <cell r="N545">
            <v>-386958</v>
          </cell>
          <cell r="O545">
            <v>-345812</v>
          </cell>
          <cell r="P545">
            <v>-2198311</v>
          </cell>
          <cell r="Q545">
            <v>-2198311</v>
          </cell>
          <cell r="R545">
            <v>-2198311</v>
          </cell>
          <cell r="S545">
            <v>0</v>
          </cell>
        </row>
        <row r="546">
          <cell r="B546">
            <v>1</v>
          </cell>
          <cell r="C546" t="str">
            <v>Capital</v>
          </cell>
          <cell r="D546" t="str">
            <v>Base</v>
          </cell>
          <cell r="E546" t="str">
            <v>Streetscapes/Revitalizations</v>
          </cell>
          <cell r="G546" t="str">
            <v>Company Labor</v>
          </cell>
          <cell r="H546" t="str">
            <v>Other</v>
          </cell>
          <cell r="I546" t="str">
            <v>Highway Conflicts &amp; Streetscapes</v>
          </cell>
          <cell r="K546">
            <v>5458</v>
          </cell>
          <cell r="M546">
            <v>59630</v>
          </cell>
          <cell r="N546">
            <v>18393</v>
          </cell>
          <cell r="O546">
            <v>41237</v>
          </cell>
          <cell r="P546">
            <v>173343</v>
          </cell>
          <cell r="Q546">
            <v>173343</v>
          </cell>
          <cell r="R546">
            <v>173343</v>
          </cell>
          <cell r="S546">
            <v>0</v>
          </cell>
        </row>
        <row r="547">
          <cell r="B547">
            <v>1</v>
          </cell>
          <cell r="C547" t="str">
            <v>Capital</v>
          </cell>
          <cell r="D547" t="str">
            <v>Base</v>
          </cell>
          <cell r="E547" t="str">
            <v>Streetscapes/Revitalizations</v>
          </cell>
          <cell r="G547" t="str">
            <v>Company Labor</v>
          </cell>
          <cell r="H547" t="str">
            <v>Streetscapes/Revitalizations</v>
          </cell>
          <cell r="I547" t="str">
            <v>Highway Conflicts &amp; Streetscapes</v>
          </cell>
          <cell r="K547">
            <v>918</v>
          </cell>
          <cell r="M547">
            <v>0</v>
          </cell>
          <cell r="N547">
            <v>3988</v>
          </cell>
          <cell r="O547">
            <v>-3988</v>
          </cell>
          <cell r="P547">
            <v>0</v>
          </cell>
          <cell r="Q547">
            <v>0</v>
          </cell>
          <cell r="R547">
            <v>0</v>
          </cell>
          <cell r="S547">
            <v>0</v>
          </cell>
        </row>
        <row r="548">
          <cell r="B548">
            <v>1</v>
          </cell>
          <cell r="C548" t="str">
            <v>Capital</v>
          </cell>
          <cell r="D548" t="str">
            <v>Base</v>
          </cell>
          <cell r="E548" t="str">
            <v>Streetscapes/Revitalizations</v>
          </cell>
          <cell r="G548" t="str">
            <v>Company Labor</v>
          </cell>
          <cell r="H548" t="str">
            <v>Other</v>
          </cell>
          <cell r="I548" t="str">
            <v>Highway Conflicts &amp; Streetscapes</v>
          </cell>
          <cell r="K548">
            <v>3612</v>
          </cell>
          <cell r="M548">
            <v>37388</v>
          </cell>
          <cell r="N548">
            <v>11771</v>
          </cell>
          <cell r="O548">
            <v>25617</v>
          </cell>
          <cell r="P548">
            <v>108686</v>
          </cell>
          <cell r="Q548">
            <v>108686</v>
          </cell>
          <cell r="R548">
            <v>108686</v>
          </cell>
          <cell r="S548">
            <v>0</v>
          </cell>
        </row>
        <row r="549">
          <cell r="B549">
            <v>1</v>
          </cell>
          <cell r="C549" t="str">
            <v>Capital</v>
          </cell>
          <cell r="D549" t="str">
            <v>Base</v>
          </cell>
          <cell r="E549" t="str">
            <v>Streetscapes/Revitalizations</v>
          </cell>
          <cell r="G549" t="str">
            <v>Company Labor</v>
          </cell>
          <cell r="H549" t="str">
            <v>Streetscapes/Revitalizations</v>
          </cell>
          <cell r="I549" t="str">
            <v>Highway Conflicts &amp; Streetscapes</v>
          </cell>
          <cell r="K549">
            <v>575</v>
          </cell>
          <cell r="M549">
            <v>0</v>
          </cell>
          <cell r="N549">
            <v>2500</v>
          </cell>
          <cell r="O549">
            <v>-2500</v>
          </cell>
          <cell r="P549">
            <v>0</v>
          </cell>
          <cell r="Q549">
            <v>0</v>
          </cell>
          <cell r="R549">
            <v>0</v>
          </cell>
          <cell r="S549">
            <v>0</v>
          </cell>
        </row>
        <row r="550">
          <cell r="B550">
            <v>1</v>
          </cell>
          <cell r="C550" t="str">
            <v>Capital</v>
          </cell>
          <cell r="D550" t="str">
            <v>Base</v>
          </cell>
          <cell r="E550" t="str">
            <v>Streetscapes/Revitalizations</v>
          </cell>
          <cell r="G550" t="str">
            <v>Company Labor</v>
          </cell>
          <cell r="H550" t="str">
            <v>Other</v>
          </cell>
          <cell r="I550" t="str">
            <v>Highway Conflicts &amp; Streetscapes</v>
          </cell>
          <cell r="K550">
            <v>1045</v>
          </cell>
          <cell r="M550">
            <v>0</v>
          </cell>
          <cell r="N550">
            <v>1313</v>
          </cell>
          <cell r="O550">
            <v>-1313</v>
          </cell>
          <cell r="P550">
            <v>0</v>
          </cell>
          <cell r="Q550">
            <v>0</v>
          </cell>
          <cell r="R550">
            <v>0</v>
          </cell>
          <cell r="S550">
            <v>0</v>
          </cell>
        </row>
        <row r="551">
          <cell r="B551">
            <v>1</v>
          </cell>
          <cell r="C551" t="str">
            <v>Capital</v>
          </cell>
          <cell r="D551" t="str">
            <v>Base</v>
          </cell>
          <cell r="E551" t="str">
            <v>Streetscapes/Revitalizations</v>
          </cell>
          <cell r="G551" t="str">
            <v>Contract Labor</v>
          </cell>
          <cell r="H551" t="str">
            <v>Other</v>
          </cell>
          <cell r="I551" t="str">
            <v>Highway Conflicts &amp; Streetscapes</v>
          </cell>
          <cell r="K551">
            <v>-19803</v>
          </cell>
          <cell r="M551">
            <v>438870</v>
          </cell>
          <cell r="N551">
            <v>244602</v>
          </cell>
          <cell r="O551">
            <v>194268</v>
          </cell>
          <cell r="P551">
            <v>1316610</v>
          </cell>
          <cell r="Q551">
            <v>1316610</v>
          </cell>
          <cell r="R551">
            <v>1316610</v>
          </cell>
          <cell r="S551">
            <v>0</v>
          </cell>
        </row>
        <row r="552">
          <cell r="B552">
            <v>1</v>
          </cell>
          <cell r="C552" t="str">
            <v>Capital</v>
          </cell>
          <cell r="D552" t="str">
            <v>Base</v>
          </cell>
          <cell r="E552" t="str">
            <v>Streetscapes/Revitalizations</v>
          </cell>
          <cell r="G552" t="str">
            <v>Fleet</v>
          </cell>
          <cell r="H552" t="str">
            <v>Other</v>
          </cell>
          <cell r="I552" t="str">
            <v>Highway Conflicts &amp; Streetscapes</v>
          </cell>
          <cell r="K552">
            <v>808</v>
          </cell>
          <cell r="M552">
            <v>8357</v>
          </cell>
          <cell r="N552">
            <v>2740</v>
          </cell>
          <cell r="O552">
            <v>5617</v>
          </cell>
          <cell r="P552">
            <v>24293</v>
          </cell>
          <cell r="Q552">
            <v>24293</v>
          </cell>
          <cell r="R552">
            <v>24293</v>
          </cell>
          <cell r="S552">
            <v>0</v>
          </cell>
        </row>
        <row r="553">
          <cell r="B553">
            <v>1</v>
          </cell>
          <cell r="C553" t="str">
            <v>Capital</v>
          </cell>
          <cell r="D553" t="str">
            <v>Base</v>
          </cell>
          <cell r="E553" t="str">
            <v>Streetscapes/Revitalizations</v>
          </cell>
          <cell r="G553" t="str">
            <v>Fleet</v>
          </cell>
          <cell r="H553" t="str">
            <v>Streetscapes/Revitalizations</v>
          </cell>
          <cell r="I553" t="str">
            <v>Highway Conflicts &amp; Streetscapes</v>
          </cell>
          <cell r="K553">
            <v>26</v>
          </cell>
          <cell r="M553">
            <v>0</v>
          </cell>
          <cell r="N553">
            <v>155</v>
          </cell>
          <cell r="O553">
            <v>-155</v>
          </cell>
          <cell r="P553">
            <v>0</v>
          </cell>
          <cell r="Q553">
            <v>0</v>
          </cell>
          <cell r="R553">
            <v>0</v>
          </cell>
          <cell r="S553">
            <v>0</v>
          </cell>
        </row>
        <row r="554">
          <cell r="B554">
            <v>1</v>
          </cell>
          <cell r="C554" t="str">
            <v>Capital</v>
          </cell>
          <cell r="D554" t="str">
            <v>Base</v>
          </cell>
          <cell r="E554" t="str">
            <v>Streetscapes/Revitalizations</v>
          </cell>
          <cell r="G554" t="str">
            <v>Meals/Travel</v>
          </cell>
          <cell r="H554" t="str">
            <v>Other</v>
          </cell>
          <cell r="I554" t="str">
            <v>Highway Conflicts &amp; Streetscapes</v>
          </cell>
          <cell r="K554">
            <v>0</v>
          </cell>
          <cell r="M554">
            <v>0</v>
          </cell>
          <cell r="N554">
            <v>-55</v>
          </cell>
          <cell r="O554">
            <v>55</v>
          </cell>
          <cell r="P554">
            <v>0</v>
          </cell>
          <cell r="Q554">
            <v>0</v>
          </cell>
          <cell r="R554">
            <v>0</v>
          </cell>
          <cell r="S554">
            <v>0</v>
          </cell>
        </row>
        <row r="555">
          <cell r="B555">
            <v>1</v>
          </cell>
          <cell r="C555" t="str">
            <v>Capital</v>
          </cell>
          <cell r="D555" t="str">
            <v>Base</v>
          </cell>
          <cell r="E555" t="str">
            <v>Streetscapes/Revitalizations</v>
          </cell>
          <cell r="G555" t="str">
            <v>Meals/Travel</v>
          </cell>
          <cell r="H555" t="str">
            <v>Streetscapes/Revitalizations</v>
          </cell>
          <cell r="I555" t="str">
            <v>Highway Conflicts &amp; Streetscapes</v>
          </cell>
          <cell r="K555">
            <v>0</v>
          </cell>
          <cell r="M555">
            <v>0</v>
          </cell>
          <cell r="N555">
            <v>40</v>
          </cell>
          <cell r="O555">
            <v>-40</v>
          </cell>
          <cell r="P555">
            <v>0</v>
          </cell>
          <cell r="Q555">
            <v>0</v>
          </cell>
          <cell r="R555">
            <v>0</v>
          </cell>
          <cell r="S555">
            <v>0</v>
          </cell>
        </row>
        <row r="556">
          <cell r="B556">
            <v>1</v>
          </cell>
          <cell r="C556" t="str">
            <v>Capital</v>
          </cell>
          <cell r="D556" t="str">
            <v>Base</v>
          </cell>
          <cell r="E556" t="str">
            <v>Streetscapes/Revitalizations</v>
          </cell>
          <cell r="G556" t="str">
            <v>Materials</v>
          </cell>
          <cell r="H556" t="str">
            <v>Other</v>
          </cell>
          <cell r="I556" t="str">
            <v>Highway Conflicts &amp; Streetscapes</v>
          </cell>
          <cell r="K556">
            <v>13277</v>
          </cell>
          <cell r="M556">
            <v>139915</v>
          </cell>
          <cell r="N556">
            <v>51148</v>
          </cell>
          <cell r="O556">
            <v>88767</v>
          </cell>
          <cell r="P556">
            <v>419745</v>
          </cell>
          <cell r="Q556">
            <v>419745</v>
          </cell>
          <cell r="R556">
            <v>419745</v>
          </cell>
          <cell r="S556">
            <v>0</v>
          </cell>
        </row>
        <row r="557">
          <cell r="B557">
            <v>1</v>
          </cell>
          <cell r="C557" t="str">
            <v>Capital</v>
          </cell>
          <cell r="D557" t="str">
            <v>Base</v>
          </cell>
          <cell r="E557" t="str">
            <v>Streetscapes/Revitalizations</v>
          </cell>
          <cell r="G557" t="str">
            <v>Other</v>
          </cell>
          <cell r="H557" t="str">
            <v>Streetscape Capital Indirects</v>
          </cell>
          <cell r="I557" t="str">
            <v>Highway Conflicts &amp; Streetscapes</v>
          </cell>
          <cell r="K557">
            <v>24827</v>
          </cell>
          <cell r="M557">
            <v>166413</v>
          </cell>
          <cell r="N557">
            <v>128862</v>
          </cell>
          <cell r="O557">
            <v>37551</v>
          </cell>
          <cell r="P557">
            <v>517989</v>
          </cell>
          <cell r="Q557">
            <v>500552</v>
          </cell>
          <cell r="R557">
            <v>189790</v>
          </cell>
          <cell r="S557">
            <v>310762</v>
          </cell>
        </row>
        <row r="558">
          <cell r="B558">
            <v>1</v>
          </cell>
          <cell r="C558" t="str">
            <v>Capital</v>
          </cell>
          <cell r="D558" t="str">
            <v>Base</v>
          </cell>
          <cell r="E558" t="str">
            <v>Tools &amp; Test Equipment</v>
          </cell>
          <cell r="G558" t="str">
            <v>Contract Labor</v>
          </cell>
          <cell r="H558" t="str">
            <v>Engineering Support</v>
          </cell>
          <cell r="I558" t="str">
            <v>Other</v>
          </cell>
          <cell r="K558">
            <v>745</v>
          </cell>
          <cell r="M558">
            <v>95350</v>
          </cell>
          <cell r="N558">
            <v>745</v>
          </cell>
          <cell r="O558">
            <v>94605</v>
          </cell>
          <cell r="P558">
            <v>856050</v>
          </cell>
          <cell r="Q558">
            <v>286050</v>
          </cell>
          <cell r="R558">
            <v>286050</v>
          </cell>
          <cell r="S558">
            <v>0</v>
          </cell>
        </row>
        <row r="559">
          <cell r="B559">
            <v>1</v>
          </cell>
          <cell r="C559" t="str">
            <v>Capital</v>
          </cell>
          <cell r="D559" t="str">
            <v>Base</v>
          </cell>
          <cell r="E559" t="str">
            <v>Tools &amp; Test Equipment</v>
          </cell>
          <cell r="G559" t="str">
            <v>Materials</v>
          </cell>
          <cell r="H559" t="str">
            <v>Engineering Support</v>
          </cell>
          <cell r="I559" t="str">
            <v>Other</v>
          </cell>
          <cell r="K559">
            <v>7334</v>
          </cell>
          <cell r="M559">
            <v>68000</v>
          </cell>
          <cell r="N559">
            <v>133887</v>
          </cell>
          <cell r="O559">
            <v>-65887</v>
          </cell>
          <cell r="P559">
            <v>390000</v>
          </cell>
          <cell r="Q559">
            <v>290000</v>
          </cell>
          <cell r="R559">
            <v>289998</v>
          </cell>
          <cell r="S559">
            <v>2</v>
          </cell>
        </row>
        <row r="560">
          <cell r="B560">
            <v>1</v>
          </cell>
          <cell r="C560" t="str">
            <v>Capital</v>
          </cell>
          <cell r="D560" t="str">
            <v>Base</v>
          </cell>
          <cell r="E560" t="str">
            <v>Wayne County</v>
          </cell>
          <cell r="G560" t="str">
            <v>Company Labor</v>
          </cell>
          <cell r="H560" t="str">
            <v>Wayne County</v>
          </cell>
          <cell r="I560" t="str">
            <v>Wayne County</v>
          </cell>
          <cell r="K560">
            <v>7797</v>
          </cell>
          <cell r="M560">
            <v>82581</v>
          </cell>
          <cell r="N560">
            <v>89701</v>
          </cell>
          <cell r="O560">
            <v>-7120</v>
          </cell>
          <cell r="P560">
            <v>93413</v>
          </cell>
          <cell r="Q560">
            <v>93413</v>
          </cell>
          <cell r="R560">
            <v>102353</v>
          </cell>
          <cell r="S560">
            <v>-8940</v>
          </cell>
        </row>
        <row r="561">
          <cell r="B561">
            <v>1</v>
          </cell>
          <cell r="C561" t="str">
            <v>Capital</v>
          </cell>
          <cell r="D561" t="str">
            <v>Base</v>
          </cell>
          <cell r="E561" t="str">
            <v>Wayne County</v>
          </cell>
          <cell r="G561" t="str">
            <v>Company Labor</v>
          </cell>
          <cell r="H561" t="str">
            <v>Wayne County</v>
          </cell>
          <cell r="I561" t="str">
            <v>Wayne County</v>
          </cell>
          <cell r="K561">
            <v>5067</v>
          </cell>
          <cell r="M561">
            <v>51778</v>
          </cell>
          <cell r="N561">
            <v>58575</v>
          </cell>
          <cell r="O561">
            <v>-6797</v>
          </cell>
          <cell r="P561">
            <v>58570</v>
          </cell>
          <cell r="Q561">
            <v>58570</v>
          </cell>
          <cell r="R561">
            <v>66330</v>
          </cell>
          <cell r="S561">
            <v>-7760</v>
          </cell>
        </row>
        <row r="562">
          <cell r="B562">
            <v>1</v>
          </cell>
          <cell r="C562" t="str">
            <v>Capital</v>
          </cell>
          <cell r="D562" t="str">
            <v>Base</v>
          </cell>
          <cell r="E562" t="str">
            <v>Wayne County</v>
          </cell>
          <cell r="G562" t="str">
            <v>Company Labor</v>
          </cell>
          <cell r="H562" t="str">
            <v>Wayne County</v>
          </cell>
          <cell r="I562" t="str">
            <v>Wayne County</v>
          </cell>
          <cell r="K562">
            <v>979</v>
          </cell>
          <cell r="M562">
            <v>0</v>
          </cell>
          <cell r="N562">
            <v>12818</v>
          </cell>
          <cell r="O562">
            <v>-12818</v>
          </cell>
          <cell r="P562">
            <v>0</v>
          </cell>
          <cell r="Q562">
            <v>0</v>
          </cell>
          <cell r="R562">
            <v>11839</v>
          </cell>
          <cell r="S562">
            <v>-11839</v>
          </cell>
        </row>
        <row r="563">
          <cell r="B563">
            <v>1</v>
          </cell>
          <cell r="C563" t="str">
            <v>Capital</v>
          </cell>
          <cell r="D563" t="str">
            <v>Base</v>
          </cell>
          <cell r="E563" t="str">
            <v>Wayne County</v>
          </cell>
          <cell r="G563" t="str">
            <v>Contract Labor</v>
          </cell>
          <cell r="H563" t="str">
            <v>Wayne County</v>
          </cell>
          <cell r="I563" t="str">
            <v>Wayne County</v>
          </cell>
          <cell r="K563">
            <v>15087</v>
          </cell>
          <cell r="M563">
            <v>219665</v>
          </cell>
          <cell r="N563">
            <v>186573</v>
          </cell>
          <cell r="O563">
            <v>33092</v>
          </cell>
          <cell r="P563">
            <v>284707</v>
          </cell>
          <cell r="Q563">
            <v>284707</v>
          </cell>
          <cell r="R563">
            <v>256099</v>
          </cell>
          <cell r="S563">
            <v>28608</v>
          </cell>
        </row>
        <row r="564">
          <cell r="B564">
            <v>1</v>
          </cell>
          <cell r="C564" t="str">
            <v>Capital</v>
          </cell>
          <cell r="D564" t="str">
            <v>Base</v>
          </cell>
          <cell r="E564" t="str">
            <v>Wayne County</v>
          </cell>
          <cell r="G564" t="str">
            <v>Fleet</v>
          </cell>
          <cell r="H564" t="str">
            <v>Wayne County</v>
          </cell>
          <cell r="I564" t="str">
            <v>Wayne County</v>
          </cell>
          <cell r="K564">
            <v>1970</v>
          </cell>
          <cell r="M564">
            <v>11265</v>
          </cell>
          <cell r="N564">
            <v>27154</v>
          </cell>
          <cell r="O564">
            <v>-15889</v>
          </cell>
          <cell r="P564">
            <v>26813</v>
          </cell>
          <cell r="Q564">
            <v>26813</v>
          </cell>
          <cell r="R564">
            <v>30523</v>
          </cell>
          <cell r="S564">
            <v>-3710</v>
          </cell>
        </row>
        <row r="565">
          <cell r="B565">
            <v>1</v>
          </cell>
          <cell r="C565" t="str">
            <v>Capital</v>
          </cell>
          <cell r="D565" t="str">
            <v>Base</v>
          </cell>
          <cell r="E565" t="str">
            <v>Wayne County</v>
          </cell>
          <cell r="G565" t="str">
            <v>Meals/Travel</v>
          </cell>
          <cell r="H565" t="str">
            <v>Wayne County</v>
          </cell>
          <cell r="I565" t="str">
            <v>Wayne County</v>
          </cell>
          <cell r="K565">
            <v>183</v>
          </cell>
          <cell r="M565">
            <v>0</v>
          </cell>
          <cell r="N565">
            <v>500</v>
          </cell>
          <cell r="O565">
            <v>-500</v>
          </cell>
          <cell r="P565">
            <v>0</v>
          </cell>
          <cell r="Q565">
            <v>0</v>
          </cell>
          <cell r="R565">
            <v>0</v>
          </cell>
          <cell r="S565">
            <v>0</v>
          </cell>
        </row>
        <row r="566">
          <cell r="B566">
            <v>1</v>
          </cell>
          <cell r="C566" t="str">
            <v>Capital</v>
          </cell>
          <cell r="D566" t="str">
            <v>Base</v>
          </cell>
          <cell r="E566" t="str">
            <v>Wayne County</v>
          </cell>
          <cell r="G566" t="str">
            <v>Materials</v>
          </cell>
          <cell r="H566" t="str">
            <v>Wayne County</v>
          </cell>
          <cell r="I566" t="str">
            <v>Wayne County</v>
          </cell>
          <cell r="K566">
            <v>2040</v>
          </cell>
          <cell r="M566">
            <v>0</v>
          </cell>
          <cell r="N566">
            <v>132437</v>
          </cell>
          <cell r="O566">
            <v>-132437</v>
          </cell>
          <cell r="P566">
            <v>0</v>
          </cell>
          <cell r="Q566">
            <v>0</v>
          </cell>
          <cell r="R566">
            <v>138629</v>
          </cell>
          <cell r="S566">
            <v>-138629</v>
          </cell>
        </row>
        <row r="567">
          <cell r="B567">
            <v>1</v>
          </cell>
          <cell r="C567" t="str">
            <v>Capital</v>
          </cell>
          <cell r="D567" t="str">
            <v>Base</v>
          </cell>
          <cell r="E567" t="str">
            <v>Wayne County</v>
          </cell>
          <cell r="G567" t="str">
            <v>Rent/utilities</v>
          </cell>
          <cell r="H567" t="str">
            <v>Wayne County</v>
          </cell>
          <cell r="I567" t="str">
            <v>Wayne County</v>
          </cell>
          <cell r="K567">
            <v>43182</v>
          </cell>
          <cell r="M567">
            <v>0</v>
          </cell>
          <cell r="N567">
            <v>51156</v>
          </cell>
          <cell r="O567">
            <v>-51156</v>
          </cell>
          <cell r="P567">
            <v>0</v>
          </cell>
          <cell r="Q567">
            <v>0</v>
          </cell>
          <cell r="R567">
            <v>7974</v>
          </cell>
          <cell r="S567">
            <v>-7974</v>
          </cell>
        </row>
        <row r="568">
          <cell r="B568">
            <v>1</v>
          </cell>
          <cell r="C568" t="str">
            <v>Capital</v>
          </cell>
          <cell r="D568" t="str">
            <v>Base</v>
          </cell>
          <cell r="E568" t="str">
            <v>Wayne County</v>
          </cell>
          <cell r="G568" t="str">
            <v>Other</v>
          </cell>
          <cell r="H568" t="str">
            <v>Wayne County</v>
          </cell>
          <cell r="I568" t="str">
            <v>Wayne County</v>
          </cell>
          <cell r="K568">
            <v>8266</v>
          </cell>
          <cell r="M568">
            <v>38264</v>
          </cell>
          <cell r="N568">
            <v>40107</v>
          </cell>
          <cell r="O568">
            <v>-1843</v>
          </cell>
          <cell r="P568">
            <v>50055</v>
          </cell>
          <cell r="Q568">
            <v>49462</v>
          </cell>
          <cell r="R568">
            <v>36757</v>
          </cell>
          <cell r="S568">
            <v>12705</v>
          </cell>
        </row>
        <row r="569">
          <cell r="B569">
            <v>60</v>
          </cell>
          <cell r="C569" t="str">
            <v>Capital</v>
          </cell>
          <cell r="D569" t="str">
            <v>Base</v>
          </cell>
          <cell r="E569" t="str">
            <v>Florida C&amp;MS</v>
          </cell>
          <cell r="G569" t="str">
            <v>Other</v>
          </cell>
          <cell r="H569" t="str">
            <v>CMS Other Miscellaneous</v>
          </cell>
          <cell r="I569" t="str">
            <v>Florida C&amp;MS</v>
          </cell>
          <cell r="K569">
            <v>0</v>
          </cell>
          <cell r="M569">
            <v>0</v>
          </cell>
          <cell r="N569">
            <v>0</v>
          </cell>
          <cell r="O569">
            <v>0</v>
          </cell>
          <cell r="P569">
            <v>270000</v>
          </cell>
          <cell r="Q569">
            <v>270000</v>
          </cell>
          <cell r="R569">
            <v>270000</v>
          </cell>
          <cell r="S569">
            <v>0</v>
          </cell>
        </row>
        <row r="570">
          <cell r="B570">
            <v>1</v>
          </cell>
          <cell r="C570" t="str">
            <v>O&amp;M</v>
          </cell>
          <cell r="D570" t="str">
            <v>Workers Comp - Off System</v>
          </cell>
          <cell r="E570" t="str">
            <v>Workers Comp - Off System</v>
          </cell>
          <cell r="G570" t="str">
            <v>Workers Comp - Off System</v>
          </cell>
          <cell r="H570" t="str">
            <v>Workers Comp - Off System</v>
          </cell>
          <cell r="I570">
            <v>0</v>
          </cell>
          <cell r="K570">
            <v>0</v>
          </cell>
          <cell r="M570">
            <v>0</v>
          </cell>
          <cell r="N570">
            <v>1220588</v>
          </cell>
          <cell r="O570">
            <v>-1220588</v>
          </cell>
          <cell r="P570">
            <v>0</v>
          </cell>
          <cell r="Q570">
            <v>0</v>
          </cell>
          <cell r="R570">
            <v>1221000</v>
          </cell>
          <cell r="S570">
            <v>-1221000</v>
          </cell>
        </row>
        <row r="571">
          <cell r="B571">
            <v>1</v>
          </cell>
          <cell r="C571" t="str">
            <v>Capital</v>
          </cell>
          <cell r="D571" t="str">
            <v>Program</v>
          </cell>
          <cell r="E571" t="str">
            <v>Corrective Maintenance - Distribution</v>
          </cell>
          <cell r="G571" t="str">
            <v>Company Labor</v>
          </cell>
          <cell r="H571" t="str">
            <v>Components and Process Engineering</v>
          </cell>
          <cell r="I571" t="str">
            <v>Asset Programs</v>
          </cell>
          <cell r="K571">
            <v>22408</v>
          </cell>
          <cell r="M571">
            <v>203929</v>
          </cell>
          <cell r="N571">
            <v>87443</v>
          </cell>
          <cell r="O571">
            <v>116487</v>
          </cell>
          <cell r="P571">
            <v>570276</v>
          </cell>
          <cell r="Q571">
            <v>570276</v>
          </cell>
          <cell r="R571">
            <v>570276</v>
          </cell>
          <cell r="S571">
            <v>0</v>
          </cell>
        </row>
        <row r="572">
          <cell r="B572">
            <v>1</v>
          </cell>
          <cell r="C572" t="str">
            <v>Capital</v>
          </cell>
          <cell r="D572" t="str">
            <v>Program</v>
          </cell>
          <cell r="E572" t="str">
            <v>Corrective Maintenance - Distribution</v>
          </cell>
          <cell r="G572" t="str">
            <v>Company Labor</v>
          </cell>
          <cell r="H572" t="str">
            <v>Components and Process Engineering</v>
          </cell>
          <cell r="I572" t="str">
            <v>Asset Programs</v>
          </cell>
          <cell r="K572">
            <v>14295</v>
          </cell>
          <cell r="M572">
            <v>127864</v>
          </cell>
          <cell r="N572">
            <v>55453</v>
          </cell>
          <cell r="O572">
            <v>72411</v>
          </cell>
          <cell r="P572">
            <v>357564</v>
          </cell>
          <cell r="Q572">
            <v>357564</v>
          </cell>
          <cell r="R572">
            <v>357564</v>
          </cell>
          <cell r="S572">
            <v>0</v>
          </cell>
        </row>
        <row r="573">
          <cell r="B573">
            <v>1</v>
          </cell>
          <cell r="C573" t="str">
            <v>Capital</v>
          </cell>
          <cell r="D573" t="str">
            <v>Program</v>
          </cell>
          <cell r="E573" t="str">
            <v>Corrective Maintenance - Distribution</v>
          </cell>
          <cell r="G573" t="str">
            <v>Company Labor</v>
          </cell>
          <cell r="H573" t="str">
            <v>Components and Process Engineering</v>
          </cell>
          <cell r="I573" t="str">
            <v>Asset Programs</v>
          </cell>
          <cell r="K573">
            <v>1321</v>
          </cell>
          <cell r="M573">
            <v>0</v>
          </cell>
          <cell r="N573">
            <v>3415</v>
          </cell>
          <cell r="O573">
            <v>-3415</v>
          </cell>
          <cell r="P573">
            <v>0</v>
          </cell>
          <cell r="Q573">
            <v>0</v>
          </cell>
          <cell r="R573">
            <v>0</v>
          </cell>
          <cell r="S573">
            <v>0</v>
          </cell>
        </row>
        <row r="574">
          <cell r="B574">
            <v>1</v>
          </cell>
          <cell r="C574" t="str">
            <v>Capital</v>
          </cell>
          <cell r="D574" t="str">
            <v>Program</v>
          </cell>
          <cell r="E574" t="str">
            <v>Corrective Maintenance - Distribution</v>
          </cell>
          <cell r="G574" t="str">
            <v>Contract Labor</v>
          </cell>
          <cell r="H574" t="str">
            <v>Components and Process Engineering</v>
          </cell>
          <cell r="I574" t="str">
            <v>Asset Programs</v>
          </cell>
          <cell r="K574">
            <v>82885</v>
          </cell>
          <cell r="M574">
            <v>468631</v>
          </cell>
          <cell r="N574">
            <v>459429</v>
          </cell>
          <cell r="O574">
            <v>9202</v>
          </cell>
          <cell r="P574">
            <v>1405893</v>
          </cell>
          <cell r="Q574">
            <v>1405893</v>
          </cell>
          <cell r="R574">
            <v>1405893</v>
          </cell>
          <cell r="S574">
            <v>0</v>
          </cell>
        </row>
        <row r="575">
          <cell r="B575">
            <v>1</v>
          </cell>
          <cell r="C575" t="str">
            <v>Capital</v>
          </cell>
          <cell r="D575" t="str">
            <v>Program</v>
          </cell>
          <cell r="E575" t="str">
            <v>Corrective Maintenance - Distribution</v>
          </cell>
          <cell r="G575" t="str">
            <v>Fleet</v>
          </cell>
          <cell r="H575" t="str">
            <v>Components and Process Engineering</v>
          </cell>
          <cell r="I575" t="str">
            <v>Asset Programs</v>
          </cell>
          <cell r="K575">
            <v>8523</v>
          </cell>
          <cell r="M575">
            <v>112000</v>
          </cell>
          <cell r="N575">
            <v>32518</v>
          </cell>
          <cell r="O575">
            <v>79482</v>
          </cell>
          <cell r="P575">
            <v>336000</v>
          </cell>
          <cell r="Q575">
            <v>336000</v>
          </cell>
          <cell r="R575">
            <v>336000</v>
          </cell>
          <cell r="S575">
            <v>0</v>
          </cell>
        </row>
        <row r="576">
          <cell r="B576">
            <v>1</v>
          </cell>
          <cell r="C576" t="str">
            <v>Capital</v>
          </cell>
          <cell r="D576" t="str">
            <v>Program</v>
          </cell>
          <cell r="E576" t="str">
            <v>Corrective Maintenance - Distribution</v>
          </cell>
          <cell r="G576" t="str">
            <v>Meals/Travel</v>
          </cell>
          <cell r="H576" t="str">
            <v>Components and Process Engineering</v>
          </cell>
          <cell r="I576" t="str">
            <v>Asset Programs</v>
          </cell>
          <cell r="K576">
            <v>-336</v>
          </cell>
          <cell r="M576">
            <v>0</v>
          </cell>
          <cell r="N576">
            <v>640</v>
          </cell>
          <cell r="O576">
            <v>-640</v>
          </cell>
          <cell r="P576">
            <v>0</v>
          </cell>
          <cell r="Q576">
            <v>0</v>
          </cell>
          <cell r="R576">
            <v>0</v>
          </cell>
          <cell r="S576">
            <v>0</v>
          </cell>
        </row>
        <row r="577">
          <cell r="B577">
            <v>1</v>
          </cell>
          <cell r="C577" t="str">
            <v>Capital</v>
          </cell>
          <cell r="D577" t="str">
            <v>Program</v>
          </cell>
          <cell r="E577" t="str">
            <v>Corrective Maintenance - Distribution</v>
          </cell>
          <cell r="G577" t="str">
            <v>Materials</v>
          </cell>
          <cell r="H577" t="str">
            <v>Components and Process Engineering</v>
          </cell>
          <cell r="I577" t="str">
            <v>Asset Programs</v>
          </cell>
          <cell r="K577">
            <v>20274</v>
          </cell>
          <cell r="M577">
            <v>249672</v>
          </cell>
          <cell r="N577">
            <v>111604</v>
          </cell>
          <cell r="O577">
            <v>138068</v>
          </cell>
          <cell r="P577">
            <v>749015</v>
          </cell>
          <cell r="Q577">
            <v>749015</v>
          </cell>
          <cell r="R577">
            <v>749015</v>
          </cell>
          <cell r="S577">
            <v>0</v>
          </cell>
        </row>
        <row r="578">
          <cell r="B578">
            <v>1</v>
          </cell>
          <cell r="C578" t="str">
            <v>Capital</v>
          </cell>
          <cell r="D578" t="str">
            <v>Program</v>
          </cell>
          <cell r="E578" t="str">
            <v>Corrective Maintenance - Distribution</v>
          </cell>
          <cell r="G578" t="str">
            <v>Rent/utilities</v>
          </cell>
          <cell r="H578" t="str">
            <v>Components and Process Engineering</v>
          </cell>
          <cell r="I578" t="str">
            <v>Asset Programs</v>
          </cell>
          <cell r="K578">
            <v>0</v>
          </cell>
          <cell r="M578">
            <v>0</v>
          </cell>
          <cell r="N578">
            <v>1963</v>
          </cell>
          <cell r="O578">
            <v>-1963</v>
          </cell>
          <cell r="P578">
            <v>0</v>
          </cell>
          <cell r="Q578">
            <v>0</v>
          </cell>
          <cell r="R578">
            <v>0</v>
          </cell>
          <cell r="S578">
            <v>0</v>
          </cell>
        </row>
        <row r="579">
          <cell r="B579">
            <v>1</v>
          </cell>
          <cell r="C579" t="str">
            <v>Capital</v>
          </cell>
          <cell r="D579" t="str">
            <v>Program</v>
          </cell>
          <cell r="E579" t="str">
            <v>Load Growth</v>
          </cell>
          <cell r="G579" t="str">
            <v>Company Labor</v>
          </cell>
          <cell r="H579" t="str">
            <v>Engineering Support</v>
          </cell>
          <cell r="I579" t="str">
            <v>Load Growth</v>
          </cell>
          <cell r="K579">
            <v>23330</v>
          </cell>
          <cell r="M579">
            <v>62521</v>
          </cell>
          <cell r="N579">
            <v>91955</v>
          </cell>
          <cell r="O579">
            <v>-29434</v>
          </cell>
          <cell r="P579">
            <v>225387</v>
          </cell>
          <cell r="Q579">
            <v>225387</v>
          </cell>
          <cell r="R579">
            <v>305620</v>
          </cell>
          <cell r="S579">
            <v>-80233</v>
          </cell>
        </row>
        <row r="580">
          <cell r="B580">
            <v>1</v>
          </cell>
          <cell r="C580" t="str">
            <v>Capital</v>
          </cell>
          <cell r="D580" t="str">
            <v>Program</v>
          </cell>
          <cell r="E580" t="str">
            <v>Load Growth</v>
          </cell>
          <cell r="G580" t="str">
            <v>Company Labor</v>
          </cell>
          <cell r="H580" t="str">
            <v>Engineering Support</v>
          </cell>
          <cell r="I580" t="str">
            <v>Load Growth</v>
          </cell>
          <cell r="K580">
            <v>14943</v>
          </cell>
          <cell r="M580">
            <v>39201</v>
          </cell>
          <cell r="N580">
            <v>58418</v>
          </cell>
          <cell r="O580">
            <v>-19217</v>
          </cell>
          <cell r="P580">
            <v>141318</v>
          </cell>
          <cell r="Q580">
            <v>141318</v>
          </cell>
          <cell r="R580">
            <v>191631</v>
          </cell>
          <cell r="S580">
            <v>-50313</v>
          </cell>
        </row>
        <row r="581">
          <cell r="B581">
            <v>1</v>
          </cell>
          <cell r="C581" t="str">
            <v>Capital</v>
          </cell>
          <cell r="D581" t="str">
            <v>Program</v>
          </cell>
          <cell r="E581" t="str">
            <v>Load Growth</v>
          </cell>
          <cell r="G581" t="str">
            <v>Company Labor</v>
          </cell>
          <cell r="H581" t="str">
            <v>Engineering Support</v>
          </cell>
          <cell r="I581" t="str">
            <v>Load Growth</v>
          </cell>
          <cell r="K581">
            <v>1733</v>
          </cell>
          <cell r="M581">
            <v>-1</v>
          </cell>
          <cell r="N581">
            <v>4187</v>
          </cell>
          <cell r="O581">
            <v>-4188</v>
          </cell>
          <cell r="P581">
            <v>-1</v>
          </cell>
          <cell r="Q581">
            <v>-1</v>
          </cell>
          <cell r="R581">
            <v>35</v>
          </cell>
          <cell r="S581">
            <v>-36</v>
          </cell>
        </row>
        <row r="582">
          <cell r="B582">
            <v>1</v>
          </cell>
          <cell r="C582" t="str">
            <v>Capital</v>
          </cell>
          <cell r="D582" t="str">
            <v>Program</v>
          </cell>
          <cell r="E582" t="str">
            <v>Load Growth</v>
          </cell>
          <cell r="G582" t="str">
            <v>Contract Labor</v>
          </cell>
          <cell r="H582" t="str">
            <v>Engineering Support</v>
          </cell>
          <cell r="I582" t="str">
            <v>Load Growth</v>
          </cell>
          <cell r="K582">
            <v>157302</v>
          </cell>
          <cell r="M582">
            <v>568766</v>
          </cell>
          <cell r="N582">
            <v>941194</v>
          </cell>
          <cell r="O582">
            <v>-372428</v>
          </cell>
          <cell r="P582">
            <v>1760527</v>
          </cell>
          <cell r="Q582">
            <v>1760527</v>
          </cell>
          <cell r="R582">
            <v>1938035</v>
          </cell>
          <cell r="S582">
            <v>-177508</v>
          </cell>
        </row>
        <row r="583">
          <cell r="B583">
            <v>1</v>
          </cell>
          <cell r="C583" t="str">
            <v>Capital</v>
          </cell>
          <cell r="D583" t="str">
            <v>Program</v>
          </cell>
          <cell r="E583" t="str">
            <v>Load Growth</v>
          </cell>
          <cell r="G583" t="str">
            <v>Fleet</v>
          </cell>
          <cell r="H583" t="str">
            <v>Engineering Support</v>
          </cell>
          <cell r="I583" t="str">
            <v>Load Growth</v>
          </cell>
          <cell r="K583">
            <v>4088</v>
          </cell>
          <cell r="M583">
            <v>28698</v>
          </cell>
          <cell r="N583">
            <v>15485</v>
          </cell>
          <cell r="O583">
            <v>13212</v>
          </cell>
          <cell r="P583">
            <v>99958</v>
          </cell>
          <cell r="Q583">
            <v>99958</v>
          </cell>
          <cell r="R583">
            <v>104978</v>
          </cell>
          <cell r="S583">
            <v>-5020</v>
          </cell>
        </row>
        <row r="584">
          <cell r="B584">
            <v>1</v>
          </cell>
          <cell r="C584" t="str">
            <v>Capital</v>
          </cell>
          <cell r="D584" t="str">
            <v>Program</v>
          </cell>
          <cell r="E584" t="str">
            <v>Load Growth</v>
          </cell>
          <cell r="G584" t="str">
            <v>Meals/Travel</v>
          </cell>
          <cell r="H584" t="str">
            <v>Engineering Support</v>
          </cell>
          <cell r="I584" t="str">
            <v>Load Growth</v>
          </cell>
          <cell r="K584">
            <v>2763</v>
          </cell>
          <cell r="M584">
            <v>0</v>
          </cell>
          <cell r="N584">
            <v>4557</v>
          </cell>
          <cell r="O584">
            <v>-4557</v>
          </cell>
          <cell r="P584">
            <v>0</v>
          </cell>
          <cell r="Q584">
            <v>0</v>
          </cell>
          <cell r="R584">
            <v>0</v>
          </cell>
          <cell r="S584">
            <v>0</v>
          </cell>
        </row>
        <row r="585">
          <cell r="B585">
            <v>1</v>
          </cell>
          <cell r="C585" t="str">
            <v>Capital</v>
          </cell>
          <cell r="D585" t="str">
            <v>Program</v>
          </cell>
          <cell r="E585" t="str">
            <v>Load Growth</v>
          </cell>
          <cell r="G585" t="str">
            <v>Materials</v>
          </cell>
          <cell r="H585" t="str">
            <v>Engineering Support</v>
          </cell>
          <cell r="I585" t="str">
            <v>Load Growth</v>
          </cell>
          <cell r="K585">
            <v>120681</v>
          </cell>
          <cell r="M585">
            <v>399407</v>
          </cell>
          <cell r="N585">
            <v>656678</v>
          </cell>
          <cell r="O585">
            <v>-257271</v>
          </cell>
          <cell r="P585">
            <v>1679400</v>
          </cell>
          <cell r="Q585">
            <v>1679400</v>
          </cell>
          <cell r="R585">
            <v>1809745</v>
          </cell>
          <cell r="S585">
            <v>-130345</v>
          </cell>
        </row>
        <row r="586">
          <cell r="B586">
            <v>1</v>
          </cell>
          <cell r="C586" t="str">
            <v>Capital</v>
          </cell>
          <cell r="D586" t="str">
            <v>Program</v>
          </cell>
          <cell r="E586" t="str">
            <v>Load Growth</v>
          </cell>
          <cell r="G586" t="str">
            <v>Rent/utilities</v>
          </cell>
          <cell r="H586" t="str">
            <v>Engineering Support</v>
          </cell>
          <cell r="I586" t="str">
            <v>Load Growth</v>
          </cell>
          <cell r="K586">
            <v>0</v>
          </cell>
          <cell r="M586">
            <v>0</v>
          </cell>
          <cell r="N586">
            <v>766</v>
          </cell>
          <cell r="O586">
            <v>-766</v>
          </cell>
          <cell r="P586">
            <v>0</v>
          </cell>
          <cell r="Q586">
            <v>0</v>
          </cell>
          <cell r="R586">
            <v>0</v>
          </cell>
          <cell r="S586">
            <v>0</v>
          </cell>
        </row>
        <row r="587">
          <cell r="B587">
            <v>1</v>
          </cell>
          <cell r="C587" t="str">
            <v>Capital</v>
          </cell>
          <cell r="D587" t="str">
            <v>Program</v>
          </cell>
          <cell r="E587" t="str">
            <v>Load Growth</v>
          </cell>
          <cell r="G587" t="str">
            <v>Other</v>
          </cell>
          <cell r="H587" t="str">
            <v>Engineering Support</v>
          </cell>
          <cell r="I587" t="str">
            <v>Load Growth</v>
          </cell>
          <cell r="K587">
            <v>2569</v>
          </cell>
          <cell r="M587">
            <v>9610</v>
          </cell>
          <cell r="N587">
            <v>7586</v>
          </cell>
          <cell r="O587">
            <v>2024</v>
          </cell>
          <cell r="P587">
            <v>64857</v>
          </cell>
          <cell r="Q587">
            <v>64464</v>
          </cell>
          <cell r="R587">
            <v>50299</v>
          </cell>
          <cell r="S587">
            <v>14165</v>
          </cell>
        </row>
        <row r="588">
          <cell r="B588">
            <v>1</v>
          </cell>
          <cell r="C588" t="str">
            <v>Capital</v>
          </cell>
          <cell r="D588" t="str">
            <v>Program</v>
          </cell>
          <cell r="E588" t="str">
            <v>Other Asset Programs</v>
          </cell>
          <cell r="G588" t="str">
            <v>Company Labor</v>
          </cell>
          <cell r="H588" t="str">
            <v>Components and Process Engineering</v>
          </cell>
          <cell r="I588" t="str">
            <v>Asset Programs</v>
          </cell>
          <cell r="K588">
            <v>73899</v>
          </cell>
          <cell r="M588">
            <v>342410</v>
          </cell>
          <cell r="N588">
            <v>417923</v>
          </cell>
          <cell r="O588">
            <v>-75513</v>
          </cell>
          <cell r="P588">
            <v>933384</v>
          </cell>
          <cell r="Q588">
            <v>933384</v>
          </cell>
          <cell r="R588">
            <v>946999</v>
          </cell>
          <cell r="S588">
            <v>-13615</v>
          </cell>
        </row>
        <row r="589">
          <cell r="B589">
            <v>1</v>
          </cell>
          <cell r="C589" t="str">
            <v>Capital</v>
          </cell>
          <cell r="D589" t="str">
            <v>Program</v>
          </cell>
          <cell r="E589" t="str">
            <v>Other Asset Programs</v>
          </cell>
          <cell r="G589" t="str">
            <v>Company Labor</v>
          </cell>
          <cell r="H589" t="str">
            <v>Components and Process Engineering</v>
          </cell>
          <cell r="I589" t="str">
            <v>Asset Programs</v>
          </cell>
          <cell r="K589">
            <v>48846</v>
          </cell>
          <cell r="M589">
            <v>214692</v>
          </cell>
          <cell r="N589">
            <v>270734</v>
          </cell>
          <cell r="O589">
            <v>-56042</v>
          </cell>
          <cell r="P589">
            <v>585234</v>
          </cell>
          <cell r="Q589">
            <v>585234</v>
          </cell>
          <cell r="R589">
            <v>593771</v>
          </cell>
          <cell r="S589">
            <v>-8537</v>
          </cell>
        </row>
        <row r="590">
          <cell r="B590">
            <v>1</v>
          </cell>
          <cell r="C590" t="str">
            <v>Capital</v>
          </cell>
          <cell r="D590" t="str">
            <v>Program</v>
          </cell>
          <cell r="E590" t="str">
            <v>Other Asset Programs</v>
          </cell>
          <cell r="G590" t="str">
            <v>Company Labor</v>
          </cell>
          <cell r="H590" t="str">
            <v>Components and Process Engineering</v>
          </cell>
          <cell r="I590" t="str">
            <v>Asset Programs</v>
          </cell>
          <cell r="K590">
            <v>13795</v>
          </cell>
          <cell r="M590">
            <v>0</v>
          </cell>
          <cell r="N590">
            <v>47386</v>
          </cell>
          <cell r="O590">
            <v>-47386</v>
          </cell>
          <cell r="P590">
            <v>0</v>
          </cell>
          <cell r="Q590">
            <v>0</v>
          </cell>
          <cell r="R590">
            <v>0</v>
          </cell>
          <cell r="S590">
            <v>0</v>
          </cell>
        </row>
        <row r="591">
          <cell r="B591">
            <v>1</v>
          </cell>
          <cell r="C591" t="str">
            <v>Capital</v>
          </cell>
          <cell r="D591" t="str">
            <v>Program</v>
          </cell>
          <cell r="E591" t="str">
            <v>Other Asset Programs</v>
          </cell>
          <cell r="G591" t="str">
            <v>Contract Labor</v>
          </cell>
          <cell r="H591" t="str">
            <v>Components and Process Engineering</v>
          </cell>
          <cell r="I591" t="str">
            <v>Asset Programs</v>
          </cell>
          <cell r="K591">
            <v>215248</v>
          </cell>
          <cell r="M591">
            <v>717360</v>
          </cell>
          <cell r="N591">
            <v>1445716</v>
          </cell>
          <cell r="O591">
            <v>-728356</v>
          </cell>
          <cell r="P591">
            <v>2373244</v>
          </cell>
          <cell r="Q591">
            <v>2373244</v>
          </cell>
          <cell r="R591">
            <v>2410821</v>
          </cell>
          <cell r="S591">
            <v>-37577</v>
          </cell>
        </row>
        <row r="592">
          <cell r="B592">
            <v>1</v>
          </cell>
          <cell r="C592" t="str">
            <v>Capital</v>
          </cell>
          <cell r="D592" t="str">
            <v>Program</v>
          </cell>
          <cell r="E592" t="str">
            <v>Other Asset Programs</v>
          </cell>
          <cell r="G592" t="str">
            <v>Fleet</v>
          </cell>
          <cell r="H592" t="str">
            <v>Components and Process Engineering</v>
          </cell>
          <cell r="I592" t="str">
            <v>Asset Programs</v>
          </cell>
          <cell r="K592">
            <v>27639</v>
          </cell>
          <cell r="M592">
            <v>113822</v>
          </cell>
          <cell r="N592">
            <v>143864</v>
          </cell>
          <cell r="O592">
            <v>-30042</v>
          </cell>
          <cell r="P592">
            <v>307004</v>
          </cell>
          <cell r="Q592">
            <v>307004</v>
          </cell>
          <cell r="R592">
            <v>313004</v>
          </cell>
          <cell r="S592">
            <v>-6000</v>
          </cell>
        </row>
        <row r="593">
          <cell r="B593">
            <v>1</v>
          </cell>
          <cell r="C593" t="str">
            <v>Capital</v>
          </cell>
          <cell r="D593" t="str">
            <v>Program</v>
          </cell>
          <cell r="E593" t="str">
            <v>Other Asset Programs</v>
          </cell>
          <cell r="G593" t="str">
            <v>Meals/Travel</v>
          </cell>
          <cell r="H593" t="str">
            <v>Components and Process Engineering</v>
          </cell>
          <cell r="I593" t="str">
            <v>Asset Programs</v>
          </cell>
          <cell r="K593">
            <v>997</v>
          </cell>
          <cell r="M593">
            <v>0</v>
          </cell>
          <cell r="N593">
            <v>5373</v>
          </cell>
          <cell r="O593">
            <v>-5373</v>
          </cell>
          <cell r="P593">
            <v>0</v>
          </cell>
          <cell r="Q593">
            <v>0</v>
          </cell>
          <cell r="R593">
            <v>0</v>
          </cell>
          <cell r="S593">
            <v>0</v>
          </cell>
        </row>
        <row r="594">
          <cell r="B594">
            <v>1</v>
          </cell>
          <cell r="C594" t="str">
            <v>Capital</v>
          </cell>
          <cell r="D594" t="str">
            <v>Program</v>
          </cell>
          <cell r="E594" t="str">
            <v>Other Asset Programs</v>
          </cell>
          <cell r="G594" t="str">
            <v>Materials</v>
          </cell>
          <cell r="H594" t="str">
            <v>Components and Process Engineering</v>
          </cell>
          <cell r="I594" t="str">
            <v>Asset Programs</v>
          </cell>
          <cell r="K594">
            <v>166353</v>
          </cell>
          <cell r="M594">
            <v>446068</v>
          </cell>
          <cell r="N594">
            <v>981616</v>
          </cell>
          <cell r="O594">
            <v>-535548</v>
          </cell>
          <cell r="P594">
            <v>1390469</v>
          </cell>
          <cell r="Q594">
            <v>1390469</v>
          </cell>
          <cell r="R594">
            <v>1392105</v>
          </cell>
          <cell r="S594">
            <v>-1636</v>
          </cell>
        </row>
        <row r="595">
          <cell r="B595">
            <v>1</v>
          </cell>
          <cell r="C595" t="str">
            <v>Capital</v>
          </cell>
          <cell r="D595" t="str">
            <v>Program</v>
          </cell>
          <cell r="E595" t="str">
            <v>Other Asset Programs</v>
          </cell>
          <cell r="G595" t="str">
            <v>Rent/utilities</v>
          </cell>
          <cell r="H595" t="str">
            <v>Components and Process Engineering</v>
          </cell>
          <cell r="I595" t="str">
            <v>Asset Programs</v>
          </cell>
          <cell r="K595">
            <v>0</v>
          </cell>
          <cell r="M595">
            <v>0</v>
          </cell>
          <cell r="N595">
            <v>3046</v>
          </cell>
          <cell r="O595">
            <v>-3046</v>
          </cell>
          <cell r="P595">
            <v>0</v>
          </cell>
          <cell r="Q595">
            <v>0</v>
          </cell>
          <cell r="R595">
            <v>0</v>
          </cell>
          <cell r="S595">
            <v>0</v>
          </cell>
        </row>
        <row r="596">
          <cell r="B596">
            <v>1</v>
          </cell>
          <cell r="C596" t="str">
            <v>Capital</v>
          </cell>
          <cell r="D596" t="str">
            <v>Program</v>
          </cell>
          <cell r="E596" t="str">
            <v>Other Asset Programs</v>
          </cell>
          <cell r="G596" t="str">
            <v>Other</v>
          </cell>
          <cell r="H596" t="str">
            <v>Components and Process Engineering</v>
          </cell>
          <cell r="I596" t="str">
            <v>Asset Programs</v>
          </cell>
          <cell r="K596">
            <v>2136</v>
          </cell>
          <cell r="M596">
            <v>59</v>
          </cell>
          <cell r="N596">
            <v>2329</v>
          </cell>
          <cell r="O596">
            <v>-2270</v>
          </cell>
          <cell r="P596">
            <v>59</v>
          </cell>
          <cell r="Q596">
            <v>59</v>
          </cell>
          <cell r="R596">
            <v>5050</v>
          </cell>
          <cell r="S596">
            <v>-4992</v>
          </cell>
        </row>
        <row r="597">
          <cell r="B597">
            <v>1</v>
          </cell>
          <cell r="C597" t="str">
            <v>Capital</v>
          </cell>
          <cell r="D597" t="str">
            <v>Program</v>
          </cell>
          <cell r="E597" t="str">
            <v>Pole Reinforcement/Inspections</v>
          </cell>
          <cell r="G597" t="str">
            <v>Company Labor</v>
          </cell>
          <cell r="H597" t="str">
            <v>Components and Process Engineering</v>
          </cell>
          <cell r="I597" t="str">
            <v>Pole Program</v>
          </cell>
          <cell r="K597">
            <v>0</v>
          </cell>
          <cell r="M597">
            <v>15116</v>
          </cell>
          <cell r="N597">
            <v>3855</v>
          </cell>
          <cell r="O597">
            <v>11261</v>
          </cell>
          <cell r="P597">
            <v>41989</v>
          </cell>
          <cell r="Q597">
            <v>41989</v>
          </cell>
          <cell r="R597">
            <v>41989</v>
          </cell>
          <cell r="S597">
            <v>0</v>
          </cell>
        </row>
        <row r="598">
          <cell r="B598">
            <v>1</v>
          </cell>
          <cell r="C598" t="str">
            <v>Capital</v>
          </cell>
          <cell r="D598" t="str">
            <v>Program</v>
          </cell>
          <cell r="E598" t="str">
            <v>Pole Reinforcement/Inspections</v>
          </cell>
          <cell r="G598" t="str">
            <v>Company Labor</v>
          </cell>
          <cell r="H598" t="str">
            <v>Components and Process Engineering</v>
          </cell>
          <cell r="I598" t="str">
            <v>Pole Program</v>
          </cell>
          <cell r="K598">
            <v>0</v>
          </cell>
          <cell r="M598">
            <v>9478</v>
          </cell>
          <cell r="N598">
            <v>2417</v>
          </cell>
          <cell r="O598">
            <v>7060</v>
          </cell>
          <cell r="P598">
            <v>26327</v>
          </cell>
          <cell r="Q598">
            <v>26327</v>
          </cell>
          <cell r="R598">
            <v>26327</v>
          </cell>
          <cell r="S598">
            <v>0</v>
          </cell>
        </row>
        <row r="599">
          <cell r="B599">
            <v>1</v>
          </cell>
          <cell r="C599" t="str">
            <v>Capital</v>
          </cell>
          <cell r="D599" t="str">
            <v>Program</v>
          </cell>
          <cell r="E599" t="str">
            <v>Pole Reinforcement/Inspections</v>
          </cell>
          <cell r="G599" t="str">
            <v>Contract Labor</v>
          </cell>
          <cell r="H599" t="str">
            <v>Components and Process Engineering</v>
          </cell>
          <cell r="I599" t="str">
            <v>Pole Program</v>
          </cell>
          <cell r="K599">
            <v>124120</v>
          </cell>
          <cell r="M599">
            <v>1128960</v>
          </cell>
          <cell r="N599">
            <v>619278</v>
          </cell>
          <cell r="O599">
            <v>509682</v>
          </cell>
          <cell r="P599">
            <v>3136000</v>
          </cell>
          <cell r="Q599">
            <v>3136000</v>
          </cell>
          <cell r="R599">
            <v>3136000</v>
          </cell>
          <cell r="S599">
            <v>0</v>
          </cell>
        </row>
        <row r="600">
          <cell r="B600">
            <v>1</v>
          </cell>
          <cell r="C600" t="str">
            <v>Capital</v>
          </cell>
          <cell r="D600" t="str">
            <v>Program</v>
          </cell>
          <cell r="E600" t="str">
            <v>Pole Reinforcement/Inspections</v>
          </cell>
          <cell r="G600" t="str">
            <v>Materials</v>
          </cell>
          <cell r="H600" t="str">
            <v>Components and Process Engineering</v>
          </cell>
          <cell r="I600" t="str">
            <v>Pole Program</v>
          </cell>
          <cell r="K600">
            <v>0</v>
          </cell>
          <cell r="M600">
            <v>0</v>
          </cell>
          <cell r="N600">
            <v>9050</v>
          </cell>
          <cell r="O600">
            <v>-9050</v>
          </cell>
          <cell r="P600">
            <v>0</v>
          </cell>
          <cell r="Q600">
            <v>0</v>
          </cell>
          <cell r="R600">
            <v>0</v>
          </cell>
          <cell r="S600">
            <v>0</v>
          </cell>
        </row>
        <row r="601">
          <cell r="B601">
            <v>1</v>
          </cell>
          <cell r="C601" t="str">
            <v>Capital</v>
          </cell>
          <cell r="D601" t="str">
            <v>Program</v>
          </cell>
          <cell r="E601" t="str">
            <v>Pole Replacement</v>
          </cell>
          <cell r="G601" t="str">
            <v>Company Labor</v>
          </cell>
          <cell r="H601" t="str">
            <v>Components and Process Engineering</v>
          </cell>
          <cell r="I601" t="str">
            <v>Pole Program</v>
          </cell>
          <cell r="K601">
            <v>80676</v>
          </cell>
          <cell r="M601">
            <v>869040</v>
          </cell>
          <cell r="N601">
            <v>360153</v>
          </cell>
          <cell r="O601">
            <v>508887</v>
          </cell>
          <cell r="P601">
            <v>2594991</v>
          </cell>
          <cell r="Q601">
            <v>2594991</v>
          </cell>
          <cell r="R601">
            <v>2594991</v>
          </cell>
          <cell r="S601">
            <v>0</v>
          </cell>
        </row>
        <row r="602">
          <cell r="B602">
            <v>1</v>
          </cell>
          <cell r="C602" t="str">
            <v>Capital</v>
          </cell>
          <cell r="D602" t="str">
            <v>Program</v>
          </cell>
          <cell r="E602" t="str">
            <v>Pole Replacement</v>
          </cell>
          <cell r="G602" t="str">
            <v>Company Labor</v>
          </cell>
          <cell r="H602" t="str">
            <v>Components and Process Engineering</v>
          </cell>
          <cell r="I602" t="str">
            <v>Pole Program</v>
          </cell>
          <cell r="K602">
            <v>51886</v>
          </cell>
          <cell r="M602">
            <v>544888</v>
          </cell>
          <cell r="N602">
            <v>229383</v>
          </cell>
          <cell r="O602">
            <v>315505</v>
          </cell>
          <cell r="P602">
            <v>1627061</v>
          </cell>
          <cell r="Q602">
            <v>1627061</v>
          </cell>
          <cell r="R602">
            <v>1627061</v>
          </cell>
          <cell r="S602">
            <v>0</v>
          </cell>
        </row>
        <row r="603">
          <cell r="B603">
            <v>1</v>
          </cell>
          <cell r="C603" t="str">
            <v>Capital</v>
          </cell>
          <cell r="D603" t="str">
            <v>Program</v>
          </cell>
          <cell r="E603" t="str">
            <v>Pole Replacement</v>
          </cell>
          <cell r="G603" t="str">
            <v>Company Labor</v>
          </cell>
          <cell r="H603" t="str">
            <v>Components and Process Engineering</v>
          </cell>
          <cell r="I603" t="str">
            <v>Pole Program</v>
          </cell>
          <cell r="K603">
            <v>7159</v>
          </cell>
          <cell r="M603">
            <v>0</v>
          </cell>
          <cell r="N603">
            <v>19521</v>
          </cell>
          <cell r="O603">
            <v>-19521</v>
          </cell>
          <cell r="P603">
            <v>0</v>
          </cell>
          <cell r="Q603">
            <v>0</v>
          </cell>
          <cell r="R603">
            <v>0</v>
          </cell>
          <cell r="S603">
            <v>0</v>
          </cell>
        </row>
        <row r="604">
          <cell r="B604">
            <v>1</v>
          </cell>
          <cell r="C604" t="str">
            <v>Capital</v>
          </cell>
          <cell r="D604" t="str">
            <v>Program</v>
          </cell>
          <cell r="E604" t="str">
            <v>Pole Replacement</v>
          </cell>
          <cell r="G604" t="str">
            <v>Contract Labor</v>
          </cell>
          <cell r="H604" t="str">
            <v>Components and Process Engineering</v>
          </cell>
          <cell r="I604" t="str">
            <v>Pole Program</v>
          </cell>
          <cell r="K604">
            <v>797398</v>
          </cell>
          <cell r="M604">
            <v>1343874</v>
          </cell>
          <cell r="N604">
            <v>4269510</v>
          </cell>
          <cell r="O604">
            <v>-2925636</v>
          </cell>
          <cell r="P604">
            <v>3734207</v>
          </cell>
          <cell r="Q604">
            <v>3734207</v>
          </cell>
          <cell r="R604">
            <v>3734207</v>
          </cell>
          <cell r="S604">
            <v>0</v>
          </cell>
        </row>
        <row r="605">
          <cell r="B605">
            <v>1</v>
          </cell>
          <cell r="C605" t="str">
            <v>Capital</v>
          </cell>
          <cell r="D605" t="str">
            <v>Program</v>
          </cell>
          <cell r="E605" t="str">
            <v>Pole Replacement</v>
          </cell>
          <cell r="G605" t="str">
            <v>Fleet</v>
          </cell>
          <cell r="H605" t="str">
            <v>Components and Process Engineering</v>
          </cell>
          <cell r="I605" t="str">
            <v>Pole Program</v>
          </cell>
          <cell r="K605">
            <v>30691</v>
          </cell>
          <cell r="M605">
            <v>277536</v>
          </cell>
          <cell r="N605">
            <v>135304</v>
          </cell>
          <cell r="O605">
            <v>142232</v>
          </cell>
          <cell r="P605">
            <v>768900</v>
          </cell>
          <cell r="Q605">
            <v>768900</v>
          </cell>
          <cell r="R605">
            <v>768900</v>
          </cell>
          <cell r="S605">
            <v>0</v>
          </cell>
        </row>
        <row r="606">
          <cell r="B606">
            <v>1</v>
          </cell>
          <cell r="C606" t="str">
            <v>Capital</v>
          </cell>
          <cell r="D606" t="str">
            <v>Program</v>
          </cell>
          <cell r="E606" t="str">
            <v>Pole Replacement</v>
          </cell>
          <cell r="G606" t="str">
            <v>Meals/Travel</v>
          </cell>
          <cell r="H606" t="str">
            <v>Components and Process Engineering</v>
          </cell>
          <cell r="I606" t="str">
            <v>Pole Program</v>
          </cell>
          <cell r="K606">
            <v>-1291</v>
          </cell>
          <cell r="M606">
            <v>0</v>
          </cell>
          <cell r="N606">
            <v>-1365</v>
          </cell>
          <cell r="O606">
            <v>1365</v>
          </cell>
          <cell r="P606">
            <v>0</v>
          </cell>
          <cell r="Q606">
            <v>0</v>
          </cell>
          <cell r="R606">
            <v>0</v>
          </cell>
          <cell r="S606">
            <v>0</v>
          </cell>
        </row>
        <row r="607">
          <cell r="B607">
            <v>1</v>
          </cell>
          <cell r="C607" t="str">
            <v>Capital</v>
          </cell>
          <cell r="D607" t="str">
            <v>Program</v>
          </cell>
          <cell r="E607" t="str">
            <v>Pole Replacement</v>
          </cell>
          <cell r="G607" t="str">
            <v>Materials</v>
          </cell>
          <cell r="H607" t="str">
            <v>Components and Process Engineering</v>
          </cell>
          <cell r="I607" t="str">
            <v>Pole Program</v>
          </cell>
          <cell r="K607">
            <v>201583</v>
          </cell>
          <cell r="M607">
            <v>1572694</v>
          </cell>
          <cell r="N607">
            <v>837143</v>
          </cell>
          <cell r="O607">
            <v>735551</v>
          </cell>
          <cell r="P607">
            <v>4357070</v>
          </cell>
          <cell r="Q607">
            <v>4357070</v>
          </cell>
          <cell r="R607">
            <v>4357070</v>
          </cell>
          <cell r="S607">
            <v>0</v>
          </cell>
        </row>
        <row r="608">
          <cell r="B608">
            <v>1</v>
          </cell>
          <cell r="C608" t="str">
            <v>Capital</v>
          </cell>
          <cell r="D608" t="str">
            <v>Program</v>
          </cell>
          <cell r="E608" t="str">
            <v>SI-Maintain Sys Reliability</v>
          </cell>
          <cell r="G608" t="str">
            <v>Company Labor</v>
          </cell>
          <cell r="H608" t="str">
            <v>Engineering Support</v>
          </cell>
          <cell r="I608" t="str">
            <v>Asset Programs</v>
          </cell>
          <cell r="K608">
            <v>78595</v>
          </cell>
          <cell r="M608">
            <v>239352</v>
          </cell>
          <cell r="N608">
            <v>229771</v>
          </cell>
          <cell r="O608">
            <v>9581</v>
          </cell>
          <cell r="P608">
            <v>725792</v>
          </cell>
          <cell r="Q608">
            <v>725792</v>
          </cell>
          <cell r="R608">
            <v>725792</v>
          </cell>
          <cell r="S608">
            <v>0</v>
          </cell>
        </row>
        <row r="609">
          <cell r="B609">
            <v>1</v>
          </cell>
          <cell r="C609" t="str">
            <v>Capital</v>
          </cell>
          <cell r="D609" t="str">
            <v>Program</v>
          </cell>
          <cell r="E609" t="str">
            <v>SI-Maintain Sys Reliability</v>
          </cell>
          <cell r="G609" t="str">
            <v>Company Labor</v>
          </cell>
          <cell r="H609" t="str">
            <v>Engineering Support</v>
          </cell>
          <cell r="I609" t="str">
            <v>Asset Programs</v>
          </cell>
          <cell r="K609">
            <v>50052</v>
          </cell>
          <cell r="M609">
            <v>150074</v>
          </cell>
          <cell r="N609">
            <v>146043</v>
          </cell>
          <cell r="O609">
            <v>4031</v>
          </cell>
          <cell r="P609">
            <v>455072</v>
          </cell>
          <cell r="Q609">
            <v>455072</v>
          </cell>
          <cell r="R609">
            <v>455072</v>
          </cell>
          <cell r="S609">
            <v>0</v>
          </cell>
        </row>
        <row r="610">
          <cell r="B610">
            <v>1</v>
          </cell>
          <cell r="C610" t="str">
            <v>Capital</v>
          </cell>
          <cell r="D610" t="str">
            <v>Program</v>
          </cell>
          <cell r="E610" t="str">
            <v>SI-Maintain Sys Reliability</v>
          </cell>
          <cell r="G610" t="str">
            <v>Company Labor</v>
          </cell>
          <cell r="H610" t="str">
            <v>Engineering Support</v>
          </cell>
          <cell r="I610" t="str">
            <v>Asset Programs</v>
          </cell>
          <cell r="K610">
            <v>4248</v>
          </cell>
          <cell r="M610">
            <v>0</v>
          </cell>
          <cell r="N610">
            <v>10860</v>
          </cell>
          <cell r="O610">
            <v>-10860</v>
          </cell>
          <cell r="P610">
            <v>0</v>
          </cell>
          <cell r="Q610">
            <v>0</v>
          </cell>
          <cell r="R610">
            <v>0</v>
          </cell>
          <cell r="S610">
            <v>0</v>
          </cell>
        </row>
        <row r="611">
          <cell r="B611">
            <v>1</v>
          </cell>
          <cell r="C611" t="str">
            <v>Capital</v>
          </cell>
          <cell r="D611" t="str">
            <v>Program</v>
          </cell>
          <cell r="E611" t="str">
            <v>SI-Maintain Sys Reliability</v>
          </cell>
          <cell r="G611" t="str">
            <v>Contract Labor</v>
          </cell>
          <cell r="H611" t="str">
            <v>Engineering Support</v>
          </cell>
          <cell r="I611" t="str">
            <v>Asset Programs</v>
          </cell>
          <cell r="K611">
            <v>544637</v>
          </cell>
          <cell r="M611">
            <v>708906</v>
          </cell>
          <cell r="N611">
            <v>1079828</v>
          </cell>
          <cell r="O611">
            <v>-370923</v>
          </cell>
          <cell r="P611">
            <v>2213969</v>
          </cell>
          <cell r="Q611">
            <v>2213969</v>
          </cell>
          <cell r="R611">
            <v>2213969</v>
          </cell>
          <cell r="S611">
            <v>0</v>
          </cell>
        </row>
        <row r="612">
          <cell r="B612">
            <v>1</v>
          </cell>
          <cell r="C612" t="str">
            <v>Capital</v>
          </cell>
          <cell r="D612" t="str">
            <v>Program</v>
          </cell>
          <cell r="E612" t="str">
            <v>SI-Maintain Sys Reliability</v>
          </cell>
          <cell r="G612" t="str">
            <v>Fleet</v>
          </cell>
          <cell r="H612" t="str">
            <v>Engineering Support</v>
          </cell>
          <cell r="I612" t="str">
            <v>Asset Programs</v>
          </cell>
          <cell r="K612">
            <v>22482</v>
          </cell>
          <cell r="M612">
            <v>78266</v>
          </cell>
          <cell r="N612">
            <v>63322</v>
          </cell>
          <cell r="O612">
            <v>14944</v>
          </cell>
          <cell r="P612">
            <v>243982</v>
          </cell>
          <cell r="Q612">
            <v>243982</v>
          </cell>
          <cell r="R612">
            <v>243982</v>
          </cell>
          <cell r="S612">
            <v>0</v>
          </cell>
        </row>
        <row r="613">
          <cell r="B613">
            <v>1</v>
          </cell>
          <cell r="C613" t="str">
            <v>Capital</v>
          </cell>
          <cell r="D613" t="str">
            <v>Program</v>
          </cell>
          <cell r="E613" t="str">
            <v>SI-Maintain Sys Reliability</v>
          </cell>
          <cell r="G613" t="str">
            <v>Meals/Travel</v>
          </cell>
          <cell r="H613" t="str">
            <v>Engineering Support</v>
          </cell>
          <cell r="I613" t="str">
            <v>Asset Programs</v>
          </cell>
          <cell r="K613">
            <v>646</v>
          </cell>
          <cell r="M613">
            <v>0</v>
          </cell>
          <cell r="N613">
            <v>4211</v>
          </cell>
          <cell r="O613">
            <v>-4211</v>
          </cell>
          <cell r="P613">
            <v>0</v>
          </cell>
          <cell r="Q613">
            <v>0</v>
          </cell>
          <cell r="R613">
            <v>0</v>
          </cell>
          <cell r="S613">
            <v>0</v>
          </cell>
        </row>
        <row r="614">
          <cell r="B614">
            <v>1</v>
          </cell>
          <cell r="C614" t="str">
            <v>Capital</v>
          </cell>
          <cell r="D614" t="str">
            <v>Program</v>
          </cell>
          <cell r="E614" t="str">
            <v>SI-Maintain Sys Reliability</v>
          </cell>
          <cell r="G614" t="str">
            <v>Materials</v>
          </cell>
          <cell r="H614" t="str">
            <v>Engineering Support</v>
          </cell>
          <cell r="I614" t="str">
            <v>Asset Programs</v>
          </cell>
          <cell r="K614">
            <v>206988</v>
          </cell>
          <cell r="M614">
            <v>298197</v>
          </cell>
          <cell r="N614">
            <v>684861</v>
          </cell>
          <cell r="O614">
            <v>-386665</v>
          </cell>
          <cell r="P614">
            <v>935924</v>
          </cell>
          <cell r="Q614">
            <v>935924</v>
          </cell>
          <cell r="R614">
            <v>935924</v>
          </cell>
          <cell r="S614">
            <v>0</v>
          </cell>
        </row>
        <row r="615">
          <cell r="B615">
            <v>1</v>
          </cell>
          <cell r="C615" t="str">
            <v>Capital</v>
          </cell>
          <cell r="D615" t="str">
            <v>Program</v>
          </cell>
          <cell r="E615" t="str">
            <v>SI-Maintain Sys Reliability</v>
          </cell>
          <cell r="G615" t="str">
            <v>Ciac</v>
          </cell>
          <cell r="H615" t="str">
            <v>Engineering Support</v>
          </cell>
          <cell r="I615" t="str">
            <v>Asset Programs</v>
          </cell>
          <cell r="K615">
            <v>-14</v>
          </cell>
          <cell r="M615">
            <v>0</v>
          </cell>
          <cell r="N615">
            <v>0</v>
          </cell>
          <cell r="O615">
            <v>0</v>
          </cell>
          <cell r="P615">
            <v>0</v>
          </cell>
          <cell r="Q615">
            <v>0</v>
          </cell>
          <cell r="R615">
            <v>0</v>
          </cell>
          <cell r="S615">
            <v>0</v>
          </cell>
        </row>
        <row r="616">
          <cell r="B616">
            <v>1</v>
          </cell>
          <cell r="C616" t="str">
            <v>Capital</v>
          </cell>
          <cell r="D616" t="str">
            <v>Program</v>
          </cell>
          <cell r="E616" t="str">
            <v>SI-Maintain Sys Reliability</v>
          </cell>
          <cell r="G616" t="str">
            <v>Other</v>
          </cell>
          <cell r="H616" t="str">
            <v>Engineering Support</v>
          </cell>
          <cell r="I616" t="str">
            <v>Asset Programs</v>
          </cell>
          <cell r="K616">
            <v>0</v>
          </cell>
          <cell r="M616">
            <v>0</v>
          </cell>
          <cell r="N616">
            <v>345</v>
          </cell>
          <cell r="O616">
            <v>-345</v>
          </cell>
          <cell r="P616">
            <v>0</v>
          </cell>
          <cell r="Q616">
            <v>0</v>
          </cell>
          <cell r="R616">
            <v>0</v>
          </cell>
          <cell r="S616">
            <v>0</v>
          </cell>
        </row>
        <row r="617">
          <cell r="B617">
            <v>1</v>
          </cell>
          <cell r="C617" t="str">
            <v>Capital</v>
          </cell>
          <cell r="D617" t="str">
            <v>Program</v>
          </cell>
          <cell r="E617" t="str">
            <v>Stub Pole Removal</v>
          </cell>
          <cell r="G617" t="str">
            <v>Company Labor</v>
          </cell>
          <cell r="H617" t="str">
            <v>Components and Process Engineering</v>
          </cell>
          <cell r="I617" t="str">
            <v>Pole Program</v>
          </cell>
          <cell r="K617">
            <v>514</v>
          </cell>
          <cell r="M617">
            <v>32252</v>
          </cell>
          <cell r="N617">
            <v>4540</v>
          </cell>
          <cell r="O617">
            <v>27712</v>
          </cell>
          <cell r="P617">
            <v>89590</v>
          </cell>
          <cell r="Q617">
            <v>89590</v>
          </cell>
          <cell r="R617">
            <v>89590</v>
          </cell>
          <cell r="S617">
            <v>0</v>
          </cell>
        </row>
        <row r="618">
          <cell r="B618">
            <v>1</v>
          </cell>
          <cell r="C618" t="str">
            <v>Capital</v>
          </cell>
          <cell r="D618" t="str">
            <v>Program</v>
          </cell>
          <cell r="E618" t="str">
            <v>Stub Pole Removal</v>
          </cell>
          <cell r="G618" t="str">
            <v>Company Labor</v>
          </cell>
          <cell r="H618" t="str">
            <v>Components and Process Engineering</v>
          </cell>
          <cell r="I618" t="str">
            <v>Pole Program</v>
          </cell>
          <cell r="K618">
            <v>326</v>
          </cell>
          <cell r="M618">
            <v>20222</v>
          </cell>
          <cell r="N618">
            <v>2911</v>
          </cell>
          <cell r="O618">
            <v>17310</v>
          </cell>
          <cell r="P618">
            <v>56173</v>
          </cell>
          <cell r="Q618">
            <v>56173</v>
          </cell>
          <cell r="R618">
            <v>56173</v>
          </cell>
          <cell r="S618">
            <v>0</v>
          </cell>
        </row>
        <row r="619">
          <cell r="B619">
            <v>1</v>
          </cell>
          <cell r="C619" t="str">
            <v>Capital</v>
          </cell>
          <cell r="D619" t="str">
            <v>Program</v>
          </cell>
          <cell r="E619" t="str">
            <v>Stub Pole Removal</v>
          </cell>
          <cell r="G619" t="str">
            <v>Company Labor</v>
          </cell>
          <cell r="H619" t="str">
            <v>Components and Process Engineering</v>
          </cell>
          <cell r="I619" t="str">
            <v>Pole Program</v>
          </cell>
          <cell r="K619">
            <v>24</v>
          </cell>
          <cell r="M619">
            <v>0</v>
          </cell>
          <cell r="N619">
            <v>355</v>
          </cell>
          <cell r="O619">
            <v>-355</v>
          </cell>
          <cell r="P619">
            <v>0</v>
          </cell>
          <cell r="Q619">
            <v>0</v>
          </cell>
          <cell r="R619">
            <v>0</v>
          </cell>
          <cell r="S619">
            <v>0</v>
          </cell>
        </row>
        <row r="620">
          <cell r="B620">
            <v>1</v>
          </cell>
          <cell r="C620" t="str">
            <v>Capital</v>
          </cell>
          <cell r="D620" t="str">
            <v>Program</v>
          </cell>
          <cell r="E620" t="str">
            <v>Stub Pole Removal</v>
          </cell>
          <cell r="G620" t="str">
            <v>Contract Labor</v>
          </cell>
          <cell r="H620" t="str">
            <v>Components and Process Engineering</v>
          </cell>
          <cell r="I620" t="str">
            <v>Pole Program</v>
          </cell>
          <cell r="K620">
            <v>89926</v>
          </cell>
          <cell r="M620">
            <v>442260</v>
          </cell>
          <cell r="N620">
            <v>383870</v>
          </cell>
          <cell r="O620">
            <v>58390</v>
          </cell>
          <cell r="P620">
            <v>1228500</v>
          </cell>
          <cell r="Q620">
            <v>1228500</v>
          </cell>
          <cell r="R620">
            <v>1228500</v>
          </cell>
          <cell r="S620">
            <v>0</v>
          </cell>
        </row>
        <row r="621">
          <cell r="B621">
            <v>1</v>
          </cell>
          <cell r="C621" t="str">
            <v>Capital</v>
          </cell>
          <cell r="D621" t="str">
            <v>Program</v>
          </cell>
          <cell r="E621" t="str">
            <v>Stub Pole Removal</v>
          </cell>
          <cell r="G621" t="str">
            <v>Fleet</v>
          </cell>
          <cell r="H621" t="str">
            <v>Components and Process Engineering</v>
          </cell>
          <cell r="I621" t="str">
            <v>Pole Program</v>
          </cell>
          <cell r="K621">
            <v>54</v>
          </cell>
          <cell r="M621">
            <v>0</v>
          </cell>
          <cell r="N621">
            <v>814</v>
          </cell>
          <cell r="O621">
            <v>-814</v>
          </cell>
          <cell r="P621">
            <v>0</v>
          </cell>
          <cell r="Q621">
            <v>0</v>
          </cell>
          <cell r="R621">
            <v>0</v>
          </cell>
          <cell r="S621">
            <v>0</v>
          </cell>
        </row>
        <row r="622">
          <cell r="B622">
            <v>1</v>
          </cell>
          <cell r="C622" t="str">
            <v>Capital</v>
          </cell>
          <cell r="D622" t="str">
            <v>Program</v>
          </cell>
          <cell r="E622" t="str">
            <v>Stub Pole Removal</v>
          </cell>
          <cell r="G622" t="str">
            <v>Meals/Travel</v>
          </cell>
          <cell r="H622" t="str">
            <v>Components and Process Engineering</v>
          </cell>
          <cell r="I622" t="str">
            <v>Pole Program</v>
          </cell>
          <cell r="K622">
            <v>0</v>
          </cell>
          <cell r="M622">
            <v>0</v>
          </cell>
          <cell r="N622">
            <v>14</v>
          </cell>
          <cell r="O622">
            <v>-14</v>
          </cell>
          <cell r="P622">
            <v>0</v>
          </cell>
          <cell r="Q622">
            <v>0</v>
          </cell>
          <cell r="R622">
            <v>0</v>
          </cell>
          <cell r="S622">
            <v>0</v>
          </cell>
        </row>
        <row r="623">
          <cell r="B623">
            <v>1</v>
          </cell>
          <cell r="C623" t="str">
            <v>Capital</v>
          </cell>
          <cell r="D623" t="str">
            <v>Program</v>
          </cell>
          <cell r="E623" t="str">
            <v>Stub Pole Removal</v>
          </cell>
          <cell r="G623" t="str">
            <v>Materials</v>
          </cell>
          <cell r="H623" t="str">
            <v>Components and Process Engineering</v>
          </cell>
          <cell r="I623" t="str">
            <v>Pole Program</v>
          </cell>
          <cell r="K623">
            <v>0</v>
          </cell>
          <cell r="M623">
            <v>0</v>
          </cell>
          <cell r="N623">
            <v>187</v>
          </cell>
          <cell r="O623">
            <v>-187</v>
          </cell>
          <cell r="P623">
            <v>0</v>
          </cell>
          <cell r="Q623">
            <v>0</v>
          </cell>
          <cell r="R623">
            <v>0</v>
          </cell>
          <cell r="S623">
            <v>0</v>
          </cell>
        </row>
        <row r="624">
          <cell r="B624">
            <v>1</v>
          </cell>
          <cell r="C624" t="str">
            <v>Capital</v>
          </cell>
          <cell r="D624" t="str">
            <v>Program</v>
          </cell>
          <cell r="E624" t="str">
            <v>UG Cable Replacement</v>
          </cell>
          <cell r="G624" t="str">
            <v>Company Labor</v>
          </cell>
          <cell r="H624" t="str">
            <v>Components and Process Engineering</v>
          </cell>
          <cell r="I624" t="str">
            <v>UG Cable Replacement</v>
          </cell>
          <cell r="K624">
            <v>52652</v>
          </cell>
          <cell r="M624">
            <v>632207</v>
          </cell>
          <cell r="N624">
            <v>242643</v>
          </cell>
          <cell r="O624">
            <v>389564</v>
          </cell>
          <cell r="P624">
            <v>1448433</v>
          </cell>
          <cell r="Q624">
            <v>1448433</v>
          </cell>
          <cell r="R624">
            <v>1448433</v>
          </cell>
          <cell r="S624">
            <v>0</v>
          </cell>
        </row>
        <row r="625">
          <cell r="B625">
            <v>1</v>
          </cell>
          <cell r="C625" t="str">
            <v>Capital</v>
          </cell>
          <cell r="D625" t="str">
            <v>Program</v>
          </cell>
          <cell r="E625" t="str">
            <v>UG Cable Replacement</v>
          </cell>
          <cell r="G625" t="str">
            <v>Company Labor</v>
          </cell>
          <cell r="H625" t="str">
            <v>Components and Process Engineering</v>
          </cell>
          <cell r="I625" t="str">
            <v>UG Cable Replacement</v>
          </cell>
          <cell r="K625">
            <v>34907</v>
          </cell>
          <cell r="M625">
            <v>396394</v>
          </cell>
          <cell r="N625">
            <v>159045</v>
          </cell>
          <cell r="O625">
            <v>237349</v>
          </cell>
          <cell r="P625">
            <v>908168</v>
          </cell>
          <cell r="Q625">
            <v>908168</v>
          </cell>
          <cell r="R625">
            <v>908168</v>
          </cell>
          <cell r="S625">
            <v>0</v>
          </cell>
        </row>
        <row r="626">
          <cell r="B626">
            <v>1</v>
          </cell>
          <cell r="C626" t="str">
            <v>Capital</v>
          </cell>
          <cell r="D626" t="str">
            <v>Program</v>
          </cell>
          <cell r="E626" t="str">
            <v>UG Cable Replacement</v>
          </cell>
          <cell r="G626" t="str">
            <v>Company Labor</v>
          </cell>
          <cell r="H626" t="str">
            <v>Components and Process Engineering</v>
          </cell>
          <cell r="I626" t="str">
            <v>UG Cable Replacement</v>
          </cell>
          <cell r="K626">
            <v>10405</v>
          </cell>
          <cell r="M626">
            <v>0</v>
          </cell>
          <cell r="N626">
            <v>37926</v>
          </cell>
          <cell r="O626">
            <v>-37926</v>
          </cell>
          <cell r="P626">
            <v>0</v>
          </cell>
          <cell r="Q626">
            <v>0</v>
          </cell>
          <cell r="R626">
            <v>0</v>
          </cell>
          <cell r="S626">
            <v>0</v>
          </cell>
        </row>
        <row r="627">
          <cell r="B627">
            <v>1</v>
          </cell>
          <cell r="C627" t="str">
            <v>Capital</v>
          </cell>
          <cell r="D627" t="str">
            <v>Program</v>
          </cell>
          <cell r="E627" t="str">
            <v>UG Cable Replacement</v>
          </cell>
          <cell r="G627" t="str">
            <v>Contract Labor</v>
          </cell>
          <cell r="H627" t="str">
            <v>Components and Process Engineering</v>
          </cell>
          <cell r="I627" t="str">
            <v>UG Cable Replacement</v>
          </cell>
          <cell r="K627">
            <v>1245874</v>
          </cell>
          <cell r="M627">
            <v>3585265</v>
          </cell>
          <cell r="N627">
            <v>4043092</v>
          </cell>
          <cell r="O627">
            <v>-457827</v>
          </cell>
          <cell r="P627">
            <v>9402950</v>
          </cell>
          <cell r="Q627">
            <v>8652950</v>
          </cell>
          <cell r="R627">
            <v>8652950</v>
          </cell>
          <cell r="S627">
            <v>0</v>
          </cell>
        </row>
        <row r="628">
          <cell r="B628">
            <v>1</v>
          </cell>
          <cell r="C628" t="str">
            <v>Capital</v>
          </cell>
          <cell r="D628" t="str">
            <v>Program</v>
          </cell>
          <cell r="E628" t="str">
            <v>UG Cable Replacement</v>
          </cell>
          <cell r="G628" t="str">
            <v>Fleet</v>
          </cell>
          <cell r="H628" t="str">
            <v>Components and Process Engineering</v>
          </cell>
          <cell r="I628" t="str">
            <v>UG Cable Replacement</v>
          </cell>
          <cell r="K628">
            <v>18006</v>
          </cell>
          <cell r="M628">
            <v>308270</v>
          </cell>
          <cell r="N628">
            <v>98359</v>
          </cell>
          <cell r="O628">
            <v>209911</v>
          </cell>
          <cell r="P628">
            <v>639372</v>
          </cell>
          <cell r="Q628">
            <v>639372</v>
          </cell>
          <cell r="R628">
            <v>639372</v>
          </cell>
          <cell r="S628">
            <v>0</v>
          </cell>
        </row>
        <row r="629">
          <cell r="B629">
            <v>1</v>
          </cell>
          <cell r="C629" t="str">
            <v>Capital</v>
          </cell>
          <cell r="D629" t="str">
            <v>Program</v>
          </cell>
          <cell r="E629" t="str">
            <v>UG Cable Replacement</v>
          </cell>
          <cell r="G629" t="str">
            <v>Meals/Travel</v>
          </cell>
          <cell r="H629" t="str">
            <v>Components and Process Engineering</v>
          </cell>
          <cell r="I629" t="str">
            <v>UG Cable Replacement</v>
          </cell>
          <cell r="K629">
            <v>201</v>
          </cell>
          <cell r="M629">
            <v>0</v>
          </cell>
          <cell r="N629">
            <v>768</v>
          </cell>
          <cell r="O629">
            <v>-768</v>
          </cell>
          <cell r="P629">
            <v>0</v>
          </cell>
          <cell r="Q629">
            <v>0</v>
          </cell>
          <cell r="R629">
            <v>0</v>
          </cell>
          <cell r="S629">
            <v>0</v>
          </cell>
        </row>
        <row r="630">
          <cell r="B630">
            <v>1</v>
          </cell>
          <cell r="C630" t="str">
            <v>Capital</v>
          </cell>
          <cell r="D630" t="str">
            <v>Program</v>
          </cell>
          <cell r="E630" t="str">
            <v>UG Cable Replacement</v>
          </cell>
          <cell r="G630" t="str">
            <v>Materials</v>
          </cell>
          <cell r="H630" t="str">
            <v>Components and Process Engineering</v>
          </cell>
          <cell r="I630" t="str">
            <v>UG Cable Replacement</v>
          </cell>
          <cell r="K630">
            <v>92107</v>
          </cell>
          <cell r="M630">
            <v>1028772</v>
          </cell>
          <cell r="N630">
            <v>535954</v>
          </cell>
          <cell r="O630">
            <v>492818</v>
          </cell>
          <cell r="P630">
            <v>2470203</v>
          </cell>
          <cell r="Q630">
            <v>2470203</v>
          </cell>
          <cell r="R630">
            <v>2470203</v>
          </cell>
          <cell r="S630">
            <v>0</v>
          </cell>
        </row>
        <row r="631">
          <cell r="B631">
            <v>1</v>
          </cell>
          <cell r="C631" t="str">
            <v>Capital</v>
          </cell>
          <cell r="D631" t="str">
            <v>Program</v>
          </cell>
          <cell r="E631" t="str">
            <v>UG Cable Replacement</v>
          </cell>
          <cell r="G631" t="str">
            <v>Ciac</v>
          </cell>
          <cell r="H631" t="str">
            <v>Components and Process Engineering</v>
          </cell>
          <cell r="I631" t="str">
            <v>UG Cable Replacement</v>
          </cell>
          <cell r="K631">
            <v>0</v>
          </cell>
          <cell r="M631">
            <v>0</v>
          </cell>
          <cell r="N631">
            <v>-2300</v>
          </cell>
          <cell r="O631">
            <v>2300</v>
          </cell>
          <cell r="P631">
            <v>0</v>
          </cell>
          <cell r="Q631">
            <v>0</v>
          </cell>
          <cell r="R631">
            <v>0</v>
          </cell>
          <cell r="S631">
            <v>0</v>
          </cell>
        </row>
        <row r="632">
          <cell r="B632">
            <v>1</v>
          </cell>
          <cell r="C632" t="str">
            <v>Capital</v>
          </cell>
          <cell r="D632" t="str">
            <v>Program</v>
          </cell>
          <cell r="E632" t="str">
            <v>UG Cable Replacement</v>
          </cell>
          <cell r="G632" t="str">
            <v>Other</v>
          </cell>
          <cell r="H632" t="str">
            <v>Components and Process Engineering</v>
          </cell>
          <cell r="I632" t="str">
            <v>UG Cable Replacement</v>
          </cell>
          <cell r="K632">
            <v>0</v>
          </cell>
          <cell r="M632">
            <v>0</v>
          </cell>
          <cell r="N632">
            <v>866</v>
          </cell>
          <cell r="O632">
            <v>-866</v>
          </cell>
          <cell r="P632">
            <v>0</v>
          </cell>
          <cell r="Q632">
            <v>0</v>
          </cell>
          <cell r="R632">
            <v>0</v>
          </cell>
          <cell r="S632">
            <v>0</v>
          </cell>
        </row>
        <row r="633">
          <cell r="E633">
            <v>0</v>
          </cell>
          <cell r="H633">
            <v>0</v>
          </cell>
          <cell r="I633">
            <v>0</v>
          </cell>
          <cell r="M633">
            <v>0</v>
          </cell>
          <cell r="Q633">
            <v>0</v>
          </cell>
        </row>
        <row r="634">
          <cell r="E634">
            <v>0</v>
          </cell>
          <cell r="H634">
            <v>0</v>
          </cell>
          <cell r="I634">
            <v>0</v>
          </cell>
          <cell r="M634">
            <v>0</v>
          </cell>
          <cell r="Q634">
            <v>0</v>
          </cell>
        </row>
        <row r="635">
          <cell r="E635">
            <v>0</v>
          </cell>
          <cell r="H635">
            <v>0</v>
          </cell>
          <cell r="I635">
            <v>0</v>
          </cell>
          <cell r="M635">
            <v>0</v>
          </cell>
          <cell r="Q635">
            <v>0</v>
          </cell>
        </row>
        <row r="636">
          <cell r="E636">
            <v>0</v>
          </cell>
          <cell r="H636">
            <v>0</v>
          </cell>
          <cell r="I636">
            <v>0</v>
          </cell>
          <cell r="M636">
            <v>0</v>
          </cell>
          <cell r="Q636">
            <v>0</v>
          </cell>
        </row>
        <row r="637">
          <cell r="E637">
            <v>0</v>
          </cell>
          <cell r="H637">
            <v>0</v>
          </cell>
          <cell r="I637">
            <v>0</v>
          </cell>
          <cell r="M637">
            <v>0</v>
          </cell>
          <cell r="Q637">
            <v>0</v>
          </cell>
        </row>
        <row r="638">
          <cell r="E638">
            <v>0</v>
          </cell>
          <cell r="H638">
            <v>0</v>
          </cell>
          <cell r="I638">
            <v>0</v>
          </cell>
          <cell r="M638">
            <v>0</v>
          </cell>
          <cell r="Q638">
            <v>0</v>
          </cell>
        </row>
        <row r="639">
          <cell r="E639">
            <v>0</v>
          </cell>
          <cell r="H639">
            <v>0</v>
          </cell>
          <cell r="I639">
            <v>0</v>
          </cell>
          <cell r="M639">
            <v>0</v>
          </cell>
          <cell r="Q639">
            <v>0</v>
          </cell>
        </row>
        <row r="640">
          <cell r="E640">
            <v>0</v>
          </cell>
          <cell r="H640">
            <v>0</v>
          </cell>
          <cell r="I640">
            <v>0</v>
          </cell>
          <cell r="M640">
            <v>0</v>
          </cell>
          <cell r="Q640">
            <v>0</v>
          </cell>
        </row>
        <row r="641">
          <cell r="E641">
            <v>0</v>
          </cell>
          <cell r="H641">
            <v>0</v>
          </cell>
          <cell r="I641">
            <v>0</v>
          </cell>
          <cell r="M641">
            <v>0</v>
          </cell>
          <cell r="Q641">
            <v>0</v>
          </cell>
        </row>
        <row r="642">
          <cell r="E642">
            <v>0</v>
          </cell>
          <cell r="H642">
            <v>0</v>
          </cell>
          <cell r="I642">
            <v>0</v>
          </cell>
          <cell r="M642">
            <v>0</v>
          </cell>
          <cell r="Q642">
            <v>0</v>
          </cell>
        </row>
        <row r="643">
          <cell r="E643">
            <v>0</v>
          </cell>
          <cell r="H643">
            <v>0</v>
          </cell>
          <cell r="I643">
            <v>0</v>
          </cell>
          <cell r="M643">
            <v>0</v>
          </cell>
          <cell r="Q643">
            <v>0</v>
          </cell>
        </row>
        <row r="644">
          <cell r="E644">
            <v>0</v>
          </cell>
          <cell r="H644">
            <v>0</v>
          </cell>
          <cell r="I644">
            <v>0</v>
          </cell>
          <cell r="M644">
            <v>0</v>
          </cell>
          <cell r="Q644">
            <v>0</v>
          </cell>
        </row>
        <row r="645">
          <cell r="E645">
            <v>0</v>
          </cell>
          <cell r="H645">
            <v>0</v>
          </cell>
          <cell r="I645">
            <v>0</v>
          </cell>
          <cell r="M645">
            <v>0</v>
          </cell>
          <cell r="Q645">
            <v>0</v>
          </cell>
        </row>
        <row r="646">
          <cell r="E646">
            <v>0</v>
          </cell>
          <cell r="H646">
            <v>0</v>
          </cell>
          <cell r="I646">
            <v>0</v>
          </cell>
          <cell r="M646">
            <v>0</v>
          </cell>
          <cell r="Q646">
            <v>0</v>
          </cell>
        </row>
        <row r="647">
          <cell r="E647">
            <v>0</v>
          </cell>
          <cell r="H647">
            <v>0</v>
          </cell>
          <cell r="I647">
            <v>0</v>
          </cell>
          <cell r="M647">
            <v>0</v>
          </cell>
          <cell r="Q647">
            <v>0</v>
          </cell>
        </row>
        <row r="648">
          <cell r="E648">
            <v>0</v>
          </cell>
          <cell r="H648">
            <v>0</v>
          </cell>
          <cell r="I648">
            <v>0</v>
          </cell>
          <cell r="M648">
            <v>0</v>
          </cell>
          <cell r="Q648">
            <v>0</v>
          </cell>
        </row>
        <row r="649">
          <cell r="E649">
            <v>0</v>
          </cell>
          <cell r="H649">
            <v>0</v>
          </cell>
          <cell r="I649">
            <v>0</v>
          </cell>
          <cell r="M649">
            <v>0</v>
          </cell>
          <cell r="Q649">
            <v>0</v>
          </cell>
        </row>
        <row r="650">
          <cell r="E650">
            <v>0</v>
          </cell>
          <cell r="H650">
            <v>0</v>
          </cell>
          <cell r="I650">
            <v>0</v>
          </cell>
          <cell r="M650">
            <v>0</v>
          </cell>
          <cell r="Q650">
            <v>0</v>
          </cell>
        </row>
        <row r="651">
          <cell r="E651">
            <v>0</v>
          </cell>
          <cell r="H651">
            <v>0</v>
          </cell>
          <cell r="I651">
            <v>0</v>
          </cell>
          <cell r="M651">
            <v>0</v>
          </cell>
          <cell r="Q651">
            <v>0</v>
          </cell>
        </row>
        <row r="652">
          <cell r="E652">
            <v>0</v>
          </cell>
          <cell r="H652">
            <v>0</v>
          </cell>
          <cell r="I652">
            <v>0</v>
          </cell>
          <cell r="M652">
            <v>0</v>
          </cell>
          <cell r="Q652">
            <v>0</v>
          </cell>
        </row>
        <row r="653">
          <cell r="E653">
            <v>0</v>
          </cell>
          <cell r="H653">
            <v>0</v>
          </cell>
          <cell r="I653">
            <v>0</v>
          </cell>
          <cell r="M653">
            <v>0</v>
          </cell>
          <cell r="Q653">
            <v>0</v>
          </cell>
        </row>
        <row r="654">
          <cell r="E654">
            <v>0</v>
          </cell>
          <cell r="H654">
            <v>0</v>
          </cell>
          <cell r="I654">
            <v>0</v>
          </cell>
          <cell r="M654">
            <v>0</v>
          </cell>
          <cell r="Q654">
            <v>0</v>
          </cell>
        </row>
        <row r="655">
          <cell r="E655">
            <v>0</v>
          </cell>
          <cell r="H655">
            <v>0</v>
          </cell>
          <cell r="I655">
            <v>0</v>
          </cell>
          <cell r="M655">
            <v>0</v>
          </cell>
          <cell r="Q655">
            <v>0</v>
          </cell>
        </row>
        <row r="656">
          <cell r="E656">
            <v>0</v>
          </cell>
          <cell r="H656">
            <v>0</v>
          </cell>
          <cell r="I656">
            <v>0</v>
          </cell>
          <cell r="M656">
            <v>0</v>
          </cell>
          <cell r="Q656">
            <v>0</v>
          </cell>
        </row>
        <row r="657">
          <cell r="E657">
            <v>0</v>
          </cell>
          <cell r="H657">
            <v>0</v>
          </cell>
          <cell r="I657">
            <v>0</v>
          </cell>
          <cell r="M657">
            <v>0</v>
          </cell>
          <cell r="Q657">
            <v>0</v>
          </cell>
        </row>
        <row r="658">
          <cell r="E658">
            <v>0</v>
          </cell>
          <cell r="H658">
            <v>0</v>
          </cell>
          <cell r="I658">
            <v>0</v>
          </cell>
          <cell r="M658">
            <v>0</v>
          </cell>
          <cell r="Q658">
            <v>0</v>
          </cell>
        </row>
        <row r="659">
          <cell r="E659">
            <v>0</v>
          </cell>
          <cell r="H659">
            <v>0</v>
          </cell>
          <cell r="I659">
            <v>0</v>
          </cell>
          <cell r="M659">
            <v>0</v>
          </cell>
          <cell r="Q659">
            <v>0</v>
          </cell>
        </row>
        <row r="660">
          <cell r="E660">
            <v>0</v>
          </cell>
          <cell r="H660">
            <v>0</v>
          </cell>
          <cell r="I660">
            <v>0</v>
          </cell>
          <cell r="M660">
            <v>0</v>
          </cell>
          <cell r="Q660">
            <v>0</v>
          </cell>
        </row>
        <row r="661">
          <cell r="E661">
            <v>0</v>
          </cell>
          <cell r="H661">
            <v>0</v>
          </cell>
          <cell r="I661">
            <v>0</v>
          </cell>
          <cell r="M661">
            <v>0</v>
          </cell>
          <cell r="Q661">
            <v>0</v>
          </cell>
        </row>
        <row r="662">
          <cell r="E662">
            <v>0</v>
          </cell>
          <cell r="H662">
            <v>0</v>
          </cell>
          <cell r="I662">
            <v>0</v>
          </cell>
          <cell r="M662">
            <v>0</v>
          </cell>
          <cell r="Q662">
            <v>0</v>
          </cell>
        </row>
        <row r="663">
          <cell r="E663">
            <v>0</v>
          </cell>
          <cell r="H663">
            <v>0</v>
          </cell>
          <cell r="I663">
            <v>0</v>
          </cell>
          <cell r="M663">
            <v>0</v>
          </cell>
          <cell r="Q663">
            <v>0</v>
          </cell>
        </row>
        <row r="664">
          <cell r="E664">
            <v>0</v>
          </cell>
          <cell r="H664">
            <v>0</v>
          </cell>
          <cell r="I664">
            <v>0</v>
          </cell>
          <cell r="M664">
            <v>0</v>
          </cell>
          <cell r="Q664">
            <v>0</v>
          </cell>
        </row>
        <row r="665">
          <cell r="E665">
            <v>0</v>
          </cell>
          <cell r="H665">
            <v>0</v>
          </cell>
          <cell r="I665">
            <v>0</v>
          </cell>
          <cell r="M665">
            <v>0</v>
          </cell>
          <cell r="Q665">
            <v>0</v>
          </cell>
        </row>
        <row r="666">
          <cell r="E666">
            <v>0</v>
          </cell>
          <cell r="H666">
            <v>0</v>
          </cell>
          <cell r="I666">
            <v>0</v>
          </cell>
          <cell r="M666">
            <v>0</v>
          </cell>
          <cell r="Q666">
            <v>0</v>
          </cell>
        </row>
        <row r="667">
          <cell r="E667">
            <v>0</v>
          </cell>
          <cell r="H667">
            <v>0</v>
          </cell>
          <cell r="I667">
            <v>0</v>
          </cell>
          <cell r="M667">
            <v>0</v>
          </cell>
          <cell r="Q667">
            <v>0</v>
          </cell>
        </row>
        <row r="668">
          <cell r="E668">
            <v>0</v>
          </cell>
          <cell r="H668">
            <v>0</v>
          </cell>
          <cell r="I668">
            <v>0</v>
          </cell>
          <cell r="M668">
            <v>0</v>
          </cell>
          <cell r="Q668">
            <v>0</v>
          </cell>
        </row>
        <row r="669">
          <cell r="E669">
            <v>0</v>
          </cell>
          <cell r="H669">
            <v>0</v>
          </cell>
          <cell r="I669">
            <v>0</v>
          </cell>
          <cell r="M669">
            <v>0</v>
          </cell>
          <cell r="Q669">
            <v>0</v>
          </cell>
        </row>
        <row r="670">
          <cell r="E670">
            <v>0</v>
          </cell>
          <cell r="H670">
            <v>0</v>
          </cell>
          <cell r="I670">
            <v>0</v>
          </cell>
          <cell r="M670">
            <v>0</v>
          </cell>
          <cell r="Q670">
            <v>0</v>
          </cell>
        </row>
        <row r="671">
          <cell r="E671">
            <v>0</v>
          </cell>
          <cell r="H671">
            <v>0</v>
          </cell>
          <cell r="I671">
            <v>0</v>
          </cell>
          <cell r="M671">
            <v>0</v>
          </cell>
          <cell r="Q671">
            <v>0</v>
          </cell>
        </row>
        <row r="672">
          <cell r="E672">
            <v>0</v>
          </cell>
          <cell r="H672">
            <v>0</v>
          </cell>
          <cell r="I672">
            <v>0</v>
          </cell>
          <cell r="M672">
            <v>0</v>
          </cell>
          <cell r="Q672">
            <v>0</v>
          </cell>
        </row>
        <row r="673">
          <cell r="E673">
            <v>0</v>
          </cell>
          <cell r="H673">
            <v>0</v>
          </cell>
          <cell r="I673">
            <v>0</v>
          </cell>
          <cell r="M673">
            <v>0</v>
          </cell>
          <cell r="Q673">
            <v>0</v>
          </cell>
        </row>
        <row r="674">
          <cell r="E674">
            <v>0</v>
          </cell>
          <cell r="H674">
            <v>0</v>
          </cell>
          <cell r="I674">
            <v>0</v>
          </cell>
          <cell r="M674">
            <v>0</v>
          </cell>
          <cell r="Q674">
            <v>0</v>
          </cell>
        </row>
        <row r="675">
          <cell r="E675">
            <v>0</v>
          </cell>
          <cell r="H675">
            <v>0</v>
          </cell>
          <cell r="I675">
            <v>0</v>
          </cell>
          <cell r="M675">
            <v>0</v>
          </cell>
          <cell r="Q675">
            <v>0</v>
          </cell>
        </row>
        <row r="676">
          <cell r="E676">
            <v>0</v>
          </cell>
          <cell r="H676">
            <v>0</v>
          </cell>
          <cell r="I676">
            <v>0</v>
          </cell>
          <cell r="M676">
            <v>0</v>
          </cell>
          <cell r="Q676">
            <v>0</v>
          </cell>
        </row>
        <row r="677">
          <cell r="E677">
            <v>0</v>
          </cell>
          <cell r="H677">
            <v>0</v>
          </cell>
          <cell r="I677">
            <v>0</v>
          </cell>
          <cell r="M677">
            <v>0</v>
          </cell>
          <cell r="Q677">
            <v>0</v>
          </cell>
        </row>
        <row r="678">
          <cell r="E678">
            <v>0</v>
          </cell>
          <cell r="H678">
            <v>0</v>
          </cell>
          <cell r="I678">
            <v>0</v>
          </cell>
          <cell r="M678">
            <v>0</v>
          </cell>
          <cell r="Q678">
            <v>0</v>
          </cell>
        </row>
        <row r="679">
          <cell r="E679">
            <v>0</v>
          </cell>
          <cell r="H679">
            <v>0</v>
          </cell>
          <cell r="I679">
            <v>0</v>
          </cell>
          <cell r="M679">
            <v>0</v>
          </cell>
          <cell r="Q679">
            <v>0</v>
          </cell>
        </row>
        <row r="680">
          <cell r="E680">
            <v>0</v>
          </cell>
          <cell r="H680">
            <v>0</v>
          </cell>
          <cell r="I680">
            <v>0</v>
          </cell>
          <cell r="M680">
            <v>0</v>
          </cell>
          <cell r="Q680">
            <v>0</v>
          </cell>
        </row>
        <row r="681">
          <cell r="E681">
            <v>0</v>
          </cell>
          <cell r="H681">
            <v>0</v>
          </cell>
          <cell r="I681">
            <v>0</v>
          </cell>
          <cell r="M681">
            <v>0</v>
          </cell>
          <cell r="Q681">
            <v>0</v>
          </cell>
        </row>
        <row r="682">
          <cell r="E682">
            <v>0</v>
          </cell>
          <cell r="H682">
            <v>0</v>
          </cell>
          <cell r="I682">
            <v>0</v>
          </cell>
          <cell r="M682">
            <v>0</v>
          </cell>
          <cell r="Q682">
            <v>0</v>
          </cell>
        </row>
        <row r="683">
          <cell r="E683">
            <v>0</v>
          </cell>
          <cell r="H683">
            <v>0</v>
          </cell>
          <cell r="I683">
            <v>0</v>
          </cell>
          <cell r="M683">
            <v>0</v>
          </cell>
          <cell r="Q683">
            <v>0</v>
          </cell>
        </row>
        <row r="684">
          <cell r="E684">
            <v>0</v>
          </cell>
          <cell r="H684">
            <v>0</v>
          </cell>
          <cell r="I684">
            <v>0</v>
          </cell>
          <cell r="M684">
            <v>0</v>
          </cell>
          <cell r="Q684">
            <v>0</v>
          </cell>
        </row>
        <row r="685">
          <cell r="E685">
            <v>0</v>
          </cell>
          <cell r="H685">
            <v>0</v>
          </cell>
          <cell r="I685">
            <v>0</v>
          </cell>
          <cell r="M685">
            <v>0</v>
          </cell>
          <cell r="Q685">
            <v>0</v>
          </cell>
        </row>
        <row r="686">
          <cell r="E686">
            <v>0</v>
          </cell>
          <cell r="H686">
            <v>0</v>
          </cell>
          <cell r="I686">
            <v>0</v>
          </cell>
          <cell r="M686">
            <v>0</v>
          </cell>
          <cell r="Q686">
            <v>0</v>
          </cell>
        </row>
        <row r="687">
          <cell r="E687">
            <v>0</v>
          </cell>
          <cell r="H687">
            <v>0</v>
          </cell>
          <cell r="I687">
            <v>0</v>
          </cell>
          <cell r="M687">
            <v>0</v>
          </cell>
          <cell r="Q687">
            <v>0</v>
          </cell>
        </row>
        <row r="688">
          <cell r="E688">
            <v>0</v>
          </cell>
          <cell r="H688">
            <v>0</v>
          </cell>
          <cell r="I688">
            <v>0</v>
          </cell>
          <cell r="M688">
            <v>0</v>
          </cell>
          <cell r="Q688">
            <v>0</v>
          </cell>
        </row>
        <row r="689">
          <cell r="E689">
            <v>0</v>
          </cell>
          <cell r="H689">
            <v>0</v>
          </cell>
          <cell r="I689">
            <v>0</v>
          </cell>
          <cell r="M689">
            <v>0</v>
          </cell>
          <cell r="Q689">
            <v>0</v>
          </cell>
        </row>
        <row r="690">
          <cell r="E690">
            <v>0</v>
          </cell>
          <cell r="H690">
            <v>0</v>
          </cell>
          <cell r="I690">
            <v>0</v>
          </cell>
          <cell r="M690">
            <v>0</v>
          </cell>
          <cell r="Q690">
            <v>0</v>
          </cell>
        </row>
        <row r="691">
          <cell r="E691">
            <v>0</v>
          </cell>
          <cell r="H691">
            <v>0</v>
          </cell>
          <cell r="I691">
            <v>0</v>
          </cell>
          <cell r="M691">
            <v>0</v>
          </cell>
          <cell r="Q691">
            <v>0</v>
          </cell>
        </row>
        <row r="692">
          <cell r="E692">
            <v>0</v>
          </cell>
          <cell r="H692">
            <v>0</v>
          </cell>
          <cell r="I692">
            <v>0</v>
          </cell>
          <cell r="M692">
            <v>0</v>
          </cell>
          <cell r="Q692">
            <v>0</v>
          </cell>
        </row>
        <row r="693">
          <cell r="E693">
            <v>0</v>
          </cell>
          <cell r="H693">
            <v>0</v>
          </cell>
          <cell r="I693">
            <v>0</v>
          </cell>
          <cell r="M693">
            <v>0</v>
          </cell>
          <cell r="Q693">
            <v>0</v>
          </cell>
        </row>
        <row r="694">
          <cell r="E694">
            <v>0</v>
          </cell>
          <cell r="H694">
            <v>0</v>
          </cell>
          <cell r="I694">
            <v>0</v>
          </cell>
          <cell r="M694">
            <v>0</v>
          </cell>
          <cell r="Q694">
            <v>0</v>
          </cell>
        </row>
        <row r="695">
          <cell r="E695">
            <v>0</v>
          </cell>
          <cell r="H695">
            <v>0</v>
          </cell>
          <cell r="I695">
            <v>0</v>
          </cell>
          <cell r="M695">
            <v>0</v>
          </cell>
          <cell r="Q695">
            <v>0</v>
          </cell>
        </row>
        <row r="696">
          <cell r="E696">
            <v>0</v>
          </cell>
          <cell r="H696">
            <v>0</v>
          </cell>
          <cell r="I696">
            <v>0</v>
          </cell>
          <cell r="M696">
            <v>0</v>
          </cell>
          <cell r="Q696">
            <v>0</v>
          </cell>
        </row>
        <row r="697">
          <cell r="E697">
            <v>0</v>
          </cell>
          <cell r="H697">
            <v>0</v>
          </cell>
          <cell r="I697">
            <v>0</v>
          </cell>
          <cell r="M697">
            <v>0</v>
          </cell>
          <cell r="Q697">
            <v>0</v>
          </cell>
        </row>
        <row r="698">
          <cell r="E698">
            <v>0</v>
          </cell>
          <cell r="H698">
            <v>0</v>
          </cell>
          <cell r="I698">
            <v>0</v>
          </cell>
          <cell r="M698">
            <v>0</v>
          </cell>
          <cell r="Q698">
            <v>0</v>
          </cell>
        </row>
        <row r="699">
          <cell r="E699">
            <v>0</v>
          </cell>
          <cell r="H699">
            <v>0</v>
          </cell>
          <cell r="I699">
            <v>0</v>
          </cell>
          <cell r="M699">
            <v>0</v>
          </cell>
          <cell r="Q699">
            <v>0</v>
          </cell>
        </row>
        <row r="700">
          <cell r="E700">
            <v>0</v>
          </cell>
          <cell r="H700">
            <v>0</v>
          </cell>
          <cell r="I700">
            <v>0</v>
          </cell>
          <cell r="M700">
            <v>0</v>
          </cell>
          <cell r="Q700">
            <v>0</v>
          </cell>
        </row>
        <row r="701">
          <cell r="E701">
            <v>0</v>
          </cell>
          <cell r="H701">
            <v>0</v>
          </cell>
          <cell r="I701">
            <v>0</v>
          </cell>
          <cell r="M701">
            <v>0</v>
          </cell>
          <cell r="Q701">
            <v>0</v>
          </cell>
        </row>
        <row r="702">
          <cell r="E702">
            <v>0</v>
          </cell>
          <cell r="H702">
            <v>0</v>
          </cell>
          <cell r="I702">
            <v>0</v>
          </cell>
          <cell r="M702">
            <v>0</v>
          </cell>
          <cell r="Q702">
            <v>0</v>
          </cell>
        </row>
        <row r="703">
          <cell r="E703">
            <v>0</v>
          </cell>
          <cell r="H703">
            <v>0</v>
          </cell>
          <cell r="I703">
            <v>0</v>
          </cell>
          <cell r="M703">
            <v>0</v>
          </cell>
          <cell r="Q703">
            <v>0</v>
          </cell>
        </row>
        <row r="704">
          <cell r="E704">
            <v>0</v>
          </cell>
          <cell r="H704">
            <v>0</v>
          </cell>
          <cell r="I704">
            <v>0</v>
          </cell>
          <cell r="M704">
            <v>0</v>
          </cell>
          <cell r="Q704">
            <v>0</v>
          </cell>
        </row>
        <row r="705">
          <cell r="E705">
            <v>0</v>
          </cell>
          <cell r="H705">
            <v>0</v>
          </cell>
          <cell r="I705">
            <v>0</v>
          </cell>
          <cell r="M705">
            <v>0</v>
          </cell>
          <cell r="Q705">
            <v>0</v>
          </cell>
        </row>
        <row r="706">
          <cell r="E706">
            <v>0</v>
          </cell>
          <cell r="H706">
            <v>0</v>
          </cell>
          <cell r="I706">
            <v>0</v>
          </cell>
          <cell r="M706">
            <v>0</v>
          </cell>
          <cell r="Q706">
            <v>0</v>
          </cell>
        </row>
        <row r="707">
          <cell r="E707">
            <v>0</v>
          </cell>
          <cell r="H707">
            <v>0</v>
          </cell>
          <cell r="I707">
            <v>0</v>
          </cell>
          <cell r="M707">
            <v>0</v>
          </cell>
          <cell r="Q707">
            <v>0</v>
          </cell>
        </row>
        <row r="708">
          <cell r="E708">
            <v>0</v>
          </cell>
          <cell r="H708">
            <v>0</v>
          </cell>
          <cell r="I708">
            <v>0</v>
          </cell>
          <cell r="M708">
            <v>0</v>
          </cell>
          <cell r="Q708">
            <v>0</v>
          </cell>
        </row>
        <row r="709">
          <cell r="E709">
            <v>0</v>
          </cell>
          <cell r="H709">
            <v>0</v>
          </cell>
          <cell r="I709">
            <v>0</v>
          </cell>
          <cell r="M709">
            <v>0</v>
          </cell>
          <cell r="Q709">
            <v>0</v>
          </cell>
        </row>
        <row r="710">
          <cell r="E710">
            <v>0</v>
          </cell>
          <cell r="H710">
            <v>0</v>
          </cell>
          <cell r="I710">
            <v>0</v>
          </cell>
          <cell r="M710">
            <v>0</v>
          </cell>
          <cell r="Q710">
            <v>0</v>
          </cell>
        </row>
        <row r="711">
          <cell r="E711">
            <v>0</v>
          </cell>
          <cell r="H711">
            <v>0</v>
          </cell>
          <cell r="I711">
            <v>0</v>
          </cell>
          <cell r="M711">
            <v>0</v>
          </cell>
          <cell r="Q711">
            <v>0</v>
          </cell>
        </row>
        <row r="712">
          <cell r="E712">
            <v>0</v>
          </cell>
          <cell r="H712">
            <v>0</v>
          </cell>
          <cell r="I712">
            <v>0</v>
          </cell>
          <cell r="M712">
            <v>0</v>
          </cell>
          <cell r="Q712">
            <v>0</v>
          </cell>
        </row>
        <row r="713">
          <cell r="E713">
            <v>0</v>
          </cell>
          <cell r="H713">
            <v>0</v>
          </cell>
          <cell r="I713">
            <v>0</v>
          </cell>
          <cell r="M713">
            <v>0</v>
          </cell>
          <cell r="Q713">
            <v>0</v>
          </cell>
        </row>
        <row r="714">
          <cell r="E714">
            <v>0</v>
          </cell>
          <cell r="H714">
            <v>0</v>
          </cell>
          <cell r="I714">
            <v>0</v>
          </cell>
          <cell r="M714">
            <v>0</v>
          </cell>
          <cell r="Q714">
            <v>0</v>
          </cell>
        </row>
        <row r="715">
          <cell r="E715">
            <v>0</v>
          </cell>
          <cell r="H715">
            <v>0</v>
          </cell>
          <cell r="I715">
            <v>0</v>
          </cell>
          <cell r="M715">
            <v>0</v>
          </cell>
          <cell r="Q715">
            <v>0</v>
          </cell>
        </row>
        <row r="716">
          <cell r="E716">
            <v>0</v>
          </cell>
          <cell r="H716">
            <v>0</v>
          </cell>
          <cell r="I716">
            <v>0</v>
          </cell>
          <cell r="M716">
            <v>0</v>
          </cell>
          <cell r="Q716">
            <v>0</v>
          </cell>
        </row>
        <row r="717">
          <cell r="E717">
            <v>0</v>
          </cell>
          <cell r="H717">
            <v>0</v>
          </cell>
          <cell r="I717">
            <v>0</v>
          </cell>
          <cell r="M717">
            <v>0</v>
          </cell>
          <cell r="Q717">
            <v>0</v>
          </cell>
        </row>
        <row r="718">
          <cell r="E718">
            <v>0</v>
          </cell>
          <cell r="H718">
            <v>0</v>
          </cell>
          <cell r="I718">
            <v>0</v>
          </cell>
          <cell r="M718">
            <v>0</v>
          </cell>
          <cell r="Q718">
            <v>0</v>
          </cell>
        </row>
        <row r="719">
          <cell r="E719">
            <v>0</v>
          </cell>
          <cell r="H719">
            <v>0</v>
          </cell>
          <cell r="I719">
            <v>0</v>
          </cell>
          <cell r="M719">
            <v>0</v>
          </cell>
          <cell r="Q719">
            <v>0</v>
          </cell>
        </row>
        <row r="720">
          <cell r="E720">
            <v>0</v>
          </cell>
          <cell r="H720">
            <v>0</v>
          </cell>
          <cell r="I720">
            <v>0</v>
          </cell>
          <cell r="M720">
            <v>0</v>
          </cell>
          <cell r="Q720">
            <v>0</v>
          </cell>
        </row>
        <row r="721">
          <cell r="E721">
            <v>0</v>
          </cell>
          <cell r="H721">
            <v>0</v>
          </cell>
          <cell r="I721">
            <v>0</v>
          </cell>
          <cell r="M721">
            <v>0</v>
          </cell>
          <cell r="Q721">
            <v>0</v>
          </cell>
        </row>
        <row r="722">
          <cell r="E722">
            <v>0</v>
          </cell>
          <cell r="H722">
            <v>0</v>
          </cell>
          <cell r="I722">
            <v>0</v>
          </cell>
          <cell r="M722">
            <v>0</v>
          </cell>
          <cell r="Q722">
            <v>0</v>
          </cell>
        </row>
        <row r="723">
          <cell r="E723">
            <v>0</v>
          </cell>
          <cell r="H723">
            <v>0</v>
          </cell>
          <cell r="I723">
            <v>0</v>
          </cell>
          <cell r="M723">
            <v>0</v>
          </cell>
          <cell r="Q723">
            <v>0</v>
          </cell>
        </row>
        <row r="724">
          <cell r="E724">
            <v>0</v>
          </cell>
          <cell r="H724">
            <v>0</v>
          </cell>
          <cell r="I724">
            <v>0</v>
          </cell>
          <cell r="M724">
            <v>0</v>
          </cell>
          <cell r="Q724">
            <v>0</v>
          </cell>
        </row>
        <row r="725">
          <cell r="E725">
            <v>0</v>
          </cell>
          <cell r="H725">
            <v>0</v>
          </cell>
          <cell r="I725">
            <v>0</v>
          </cell>
          <cell r="M725">
            <v>0</v>
          </cell>
          <cell r="Q725">
            <v>0</v>
          </cell>
        </row>
        <row r="726">
          <cell r="E726">
            <v>0</v>
          </cell>
          <cell r="H726">
            <v>0</v>
          </cell>
          <cell r="I726">
            <v>0</v>
          </cell>
          <cell r="M726">
            <v>0</v>
          </cell>
          <cell r="Q726">
            <v>0</v>
          </cell>
        </row>
        <row r="727">
          <cell r="E727">
            <v>0</v>
          </cell>
          <cell r="H727">
            <v>0</v>
          </cell>
          <cell r="I727">
            <v>0</v>
          </cell>
          <cell r="M727">
            <v>0</v>
          </cell>
          <cell r="Q727">
            <v>0</v>
          </cell>
        </row>
        <row r="728">
          <cell r="E728">
            <v>0</v>
          </cell>
          <cell r="H728">
            <v>0</v>
          </cell>
          <cell r="I728">
            <v>0</v>
          </cell>
          <cell r="M728">
            <v>0</v>
          </cell>
          <cell r="Q728">
            <v>0</v>
          </cell>
        </row>
        <row r="729">
          <cell r="E729">
            <v>0</v>
          </cell>
          <cell r="H729">
            <v>0</v>
          </cell>
          <cell r="I729">
            <v>0</v>
          </cell>
          <cell r="M729">
            <v>0</v>
          </cell>
          <cell r="Q729">
            <v>0</v>
          </cell>
        </row>
        <row r="730">
          <cell r="E730">
            <v>0</v>
          </cell>
          <cell r="H730">
            <v>0</v>
          </cell>
          <cell r="I730">
            <v>0</v>
          </cell>
          <cell r="M730">
            <v>0</v>
          </cell>
          <cell r="Q730">
            <v>0</v>
          </cell>
        </row>
        <row r="731">
          <cell r="E731">
            <v>0</v>
          </cell>
          <cell r="H731">
            <v>0</v>
          </cell>
          <cell r="I731">
            <v>0</v>
          </cell>
          <cell r="M731">
            <v>0</v>
          </cell>
          <cell r="Q731">
            <v>0</v>
          </cell>
        </row>
        <row r="732">
          <cell r="E732">
            <v>0</v>
          </cell>
          <cell r="H732">
            <v>0</v>
          </cell>
          <cell r="I732">
            <v>0</v>
          </cell>
          <cell r="M732">
            <v>0</v>
          </cell>
          <cell r="Q732">
            <v>0</v>
          </cell>
        </row>
        <row r="733">
          <cell r="E733">
            <v>0</v>
          </cell>
          <cell r="H733">
            <v>0</v>
          </cell>
          <cell r="I733">
            <v>0</v>
          </cell>
          <cell r="M733">
            <v>0</v>
          </cell>
          <cell r="Q733">
            <v>0</v>
          </cell>
        </row>
        <row r="734">
          <cell r="E734">
            <v>0</v>
          </cell>
          <cell r="H734">
            <v>0</v>
          </cell>
          <cell r="I734">
            <v>0</v>
          </cell>
          <cell r="M734">
            <v>0</v>
          </cell>
          <cell r="Q734">
            <v>0</v>
          </cell>
        </row>
        <row r="735">
          <cell r="E735">
            <v>0</v>
          </cell>
          <cell r="H735">
            <v>0</v>
          </cell>
          <cell r="I735">
            <v>0</v>
          </cell>
          <cell r="M735">
            <v>0</v>
          </cell>
          <cell r="Q735">
            <v>0</v>
          </cell>
        </row>
        <row r="736">
          <cell r="E736">
            <v>0</v>
          </cell>
          <cell r="H736">
            <v>0</v>
          </cell>
          <cell r="I736">
            <v>0</v>
          </cell>
          <cell r="M736">
            <v>0</v>
          </cell>
          <cell r="Q736">
            <v>0</v>
          </cell>
        </row>
        <row r="737">
          <cell r="E737">
            <v>0</v>
          </cell>
          <cell r="H737">
            <v>0</v>
          </cell>
          <cell r="I737">
            <v>0</v>
          </cell>
          <cell r="M737">
            <v>0</v>
          </cell>
          <cell r="Q737">
            <v>0</v>
          </cell>
        </row>
        <row r="738">
          <cell r="E738">
            <v>0</v>
          </cell>
          <cell r="H738">
            <v>0</v>
          </cell>
          <cell r="I738">
            <v>0</v>
          </cell>
          <cell r="M738">
            <v>0</v>
          </cell>
          <cell r="Q738">
            <v>0</v>
          </cell>
        </row>
        <row r="739">
          <cell r="E739">
            <v>0</v>
          </cell>
          <cell r="H739">
            <v>0</v>
          </cell>
          <cell r="I739">
            <v>0</v>
          </cell>
          <cell r="M739">
            <v>0</v>
          </cell>
          <cell r="Q739">
            <v>0</v>
          </cell>
        </row>
        <row r="740">
          <cell r="E740">
            <v>0</v>
          </cell>
          <cell r="H740">
            <v>0</v>
          </cell>
          <cell r="I740">
            <v>0</v>
          </cell>
          <cell r="M740">
            <v>0</v>
          </cell>
          <cell r="Q740">
            <v>0</v>
          </cell>
        </row>
        <row r="741">
          <cell r="E741">
            <v>0</v>
          </cell>
          <cell r="H741">
            <v>0</v>
          </cell>
          <cell r="I741">
            <v>0</v>
          </cell>
          <cell r="M741">
            <v>0</v>
          </cell>
          <cell r="Q741">
            <v>0</v>
          </cell>
        </row>
        <row r="742">
          <cell r="E742">
            <v>0</v>
          </cell>
          <cell r="H742">
            <v>0</v>
          </cell>
          <cell r="I742">
            <v>0</v>
          </cell>
          <cell r="M742">
            <v>0</v>
          </cell>
          <cell r="Q742">
            <v>0</v>
          </cell>
        </row>
        <row r="743">
          <cell r="E743">
            <v>0</v>
          </cell>
          <cell r="H743">
            <v>0</v>
          </cell>
          <cell r="I743">
            <v>0</v>
          </cell>
          <cell r="M743">
            <v>0</v>
          </cell>
          <cell r="Q743">
            <v>0</v>
          </cell>
        </row>
        <row r="744">
          <cell r="E744">
            <v>0</v>
          </cell>
          <cell r="H744">
            <v>0</v>
          </cell>
          <cell r="I744">
            <v>0</v>
          </cell>
          <cell r="M744">
            <v>0</v>
          </cell>
          <cell r="Q744">
            <v>0</v>
          </cell>
        </row>
        <row r="745">
          <cell r="E745">
            <v>0</v>
          </cell>
          <cell r="H745">
            <v>0</v>
          </cell>
          <cell r="I745">
            <v>0</v>
          </cell>
          <cell r="M745">
            <v>0</v>
          </cell>
          <cell r="Q745">
            <v>0</v>
          </cell>
        </row>
        <row r="746">
          <cell r="E746">
            <v>0</v>
          </cell>
          <cell r="H746">
            <v>0</v>
          </cell>
          <cell r="I746">
            <v>0</v>
          </cell>
          <cell r="M746">
            <v>0</v>
          </cell>
          <cell r="Q746">
            <v>0</v>
          </cell>
        </row>
        <row r="747">
          <cell r="E747">
            <v>0</v>
          </cell>
          <cell r="H747">
            <v>0</v>
          </cell>
          <cell r="I747">
            <v>0</v>
          </cell>
          <cell r="M747">
            <v>0</v>
          </cell>
          <cell r="Q747">
            <v>0</v>
          </cell>
        </row>
        <row r="748">
          <cell r="E748">
            <v>0</v>
          </cell>
          <cell r="H748">
            <v>0</v>
          </cell>
          <cell r="I748">
            <v>0</v>
          </cell>
          <cell r="M748">
            <v>0</v>
          </cell>
          <cell r="Q748">
            <v>0</v>
          </cell>
        </row>
        <row r="749">
          <cell r="E749">
            <v>0</v>
          </cell>
          <cell r="H749">
            <v>0</v>
          </cell>
          <cell r="I749">
            <v>0</v>
          </cell>
          <cell r="M749">
            <v>0</v>
          </cell>
          <cell r="Q749">
            <v>0</v>
          </cell>
        </row>
        <row r="750">
          <cell r="E750">
            <v>0</v>
          </cell>
          <cell r="H750">
            <v>0</v>
          </cell>
          <cell r="I750">
            <v>0</v>
          </cell>
          <cell r="M750">
            <v>0</v>
          </cell>
          <cell r="Q750">
            <v>0</v>
          </cell>
        </row>
        <row r="751">
          <cell r="E751">
            <v>0</v>
          </cell>
          <cell r="H751">
            <v>0</v>
          </cell>
          <cell r="I751">
            <v>0</v>
          </cell>
          <cell r="M751">
            <v>0</v>
          </cell>
          <cell r="Q751">
            <v>0</v>
          </cell>
        </row>
        <row r="752">
          <cell r="E752">
            <v>0</v>
          </cell>
          <cell r="H752">
            <v>0</v>
          </cell>
          <cell r="I752">
            <v>0</v>
          </cell>
          <cell r="M752">
            <v>0</v>
          </cell>
          <cell r="Q752">
            <v>0</v>
          </cell>
        </row>
        <row r="753">
          <cell r="E753">
            <v>0</v>
          </cell>
          <cell r="H753">
            <v>0</v>
          </cell>
          <cell r="I753">
            <v>0</v>
          </cell>
          <cell r="M753">
            <v>0</v>
          </cell>
          <cell r="Q753">
            <v>0</v>
          </cell>
        </row>
        <row r="754">
          <cell r="E754">
            <v>0</v>
          </cell>
          <cell r="H754">
            <v>0</v>
          </cell>
          <cell r="I754">
            <v>0</v>
          </cell>
          <cell r="M754">
            <v>0</v>
          </cell>
          <cell r="Q754">
            <v>0</v>
          </cell>
        </row>
        <row r="755">
          <cell r="E755">
            <v>0</v>
          </cell>
          <cell r="H755">
            <v>0</v>
          </cell>
          <cell r="I755">
            <v>0</v>
          </cell>
          <cell r="M755">
            <v>0</v>
          </cell>
          <cell r="Q755">
            <v>0</v>
          </cell>
        </row>
        <row r="756">
          <cell r="E756">
            <v>0</v>
          </cell>
          <cell r="H756">
            <v>0</v>
          </cell>
          <cell r="I756">
            <v>0</v>
          </cell>
          <cell r="M756">
            <v>0</v>
          </cell>
          <cell r="Q756">
            <v>0</v>
          </cell>
        </row>
        <row r="757">
          <cell r="E757">
            <v>0</v>
          </cell>
          <cell r="H757">
            <v>0</v>
          </cell>
          <cell r="I757">
            <v>0</v>
          </cell>
          <cell r="M757">
            <v>0</v>
          </cell>
          <cell r="Q757">
            <v>0</v>
          </cell>
        </row>
        <row r="758">
          <cell r="E758">
            <v>0</v>
          </cell>
          <cell r="H758">
            <v>0</v>
          </cell>
          <cell r="I758">
            <v>0</v>
          </cell>
          <cell r="M758">
            <v>0</v>
          </cell>
          <cell r="Q758">
            <v>0</v>
          </cell>
        </row>
        <row r="759">
          <cell r="E759">
            <v>0</v>
          </cell>
          <cell r="H759">
            <v>0</v>
          </cell>
          <cell r="I759">
            <v>0</v>
          </cell>
          <cell r="M759">
            <v>0</v>
          </cell>
          <cell r="Q759">
            <v>0</v>
          </cell>
        </row>
        <row r="760">
          <cell r="E760">
            <v>0</v>
          </cell>
          <cell r="H760">
            <v>0</v>
          </cell>
          <cell r="I760">
            <v>0</v>
          </cell>
          <cell r="M760">
            <v>0</v>
          </cell>
          <cell r="Q760">
            <v>0</v>
          </cell>
        </row>
        <row r="761">
          <cell r="E761">
            <v>0</v>
          </cell>
          <cell r="H761">
            <v>0</v>
          </cell>
          <cell r="I761">
            <v>0</v>
          </cell>
          <cell r="M761">
            <v>0</v>
          </cell>
          <cell r="Q761">
            <v>0</v>
          </cell>
        </row>
        <row r="762">
          <cell r="E762">
            <v>0</v>
          </cell>
          <cell r="H762">
            <v>0</v>
          </cell>
          <cell r="I762">
            <v>0</v>
          </cell>
          <cell r="M762">
            <v>0</v>
          </cell>
          <cell r="Q762">
            <v>0</v>
          </cell>
        </row>
        <row r="763">
          <cell r="E763">
            <v>0</v>
          </cell>
          <cell r="H763">
            <v>0</v>
          </cell>
          <cell r="I763">
            <v>0</v>
          </cell>
          <cell r="M763">
            <v>0</v>
          </cell>
          <cell r="Q763">
            <v>0</v>
          </cell>
        </row>
        <row r="764">
          <cell r="E764">
            <v>0</v>
          </cell>
          <cell r="H764">
            <v>0</v>
          </cell>
          <cell r="I764">
            <v>0</v>
          </cell>
          <cell r="M764">
            <v>0</v>
          </cell>
          <cell r="Q764">
            <v>0</v>
          </cell>
        </row>
        <row r="765">
          <cell r="E765">
            <v>0</v>
          </cell>
          <cell r="H765">
            <v>0</v>
          </cell>
          <cell r="I765">
            <v>0</v>
          </cell>
          <cell r="M765">
            <v>0</v>
          </cell>
          <cell r="Q765">
            <v>0</v>
          </cell>
        </row>
        <row r="766">
          <cell r="E766">
            <v>0</v>
          </cell>
          <cell r="H766">
            <v>0</v>
          </cell>
          <cell r="I766">
            <v>0</v>
          </cell>
          <cell r="M766">
            <v>0</v>
          </cell>
          <cell r="Q766">
            <v>0</v>
          </cell>
        </row>
        <row r="767">
          <cell r="E767">
            <v>0</v>
          </cell>
          <cell r="H767">
            <v>0</v>
          </cell>
          <cell r="I767">
            <v>0</v>
          </cell>
          <cell r="M767">
            <v>0</v>
          </cell>
          <cell r="Q767">
            <v>0</v>
          </cell>
        </row>
        <row r="768">
          <cell r="E768">
            <v>0</v>
          </cell>
          <cell r="H768">
            <v>0</v>
          </cell>
          <cell r="I768">
            <v>0</v>
          </cell>
          <cell r="M768">
            <v>0</v>
          </cell>
          <cell r="Q768">
            <v>0</v>
          </cell>
        </row>
        <row r="769">
          <cell r="E769">
            <v>0</v>
          </cell>
          <cell r="H769">
            <v>0</v>
          </cell>
          <cell r="I769">
            <v>0</v>
          </cell>
          <cell r="M769">
            <v>0</v>
          </cell>
          <cell r="Q769">
            <v>0</v>
          </cell>
        </row>
        <row r="770">
          <cell r="E770">
            <v>0</v>
          </cell>
          <cell r="H770">
            <v>0</v>
          </cell>
          <cell r="I770">
            <v>0</v>
          </cell>
          <cell r="M770">
            <v>0</v>
          </cell>
          <cell r="Q770">
            <v>0</v>
          </cell>
        </row>
        <row r="771">
          <cell r="E771">
            <v>0</v>
          </cell>
          <cell r="H771">
            <v>0</v>
          </cell>
          <cell r="I771">
            <v>0</v>
          </cell>
          <cell r="M771">
            <v>0</v>
          </cell>
          <cell r="Q771">
            <v>0</v>
          </cell>
        </row>
        <row r="772">
          <cell r="E772">
            <v>0</v>
          </cell>
          <cell r="H772">
            <v>0</v>
          </cell>
          <cell r="I772">
            <v>0</v>
          </cell>
          <cell r="M772">
            <v>0</v>
          </cell>
          <cell r="Q772">
            <v>0</v>
          </cell>
        </row>
        <row r="773">
          <cell r="E773">
            <v>0</v>
          </cell>
          <cell r="H773">
            <v>0</v>
          </cell>
          <cell r="I773">
            <v>0</v>
          </cell>
          <cell r="M773">
            <v>0</v>
          </cell>
          <cell r="Q773">
            <v>0</v>
          </cell>
        </row>
        <row r="774">
          <cell r="E774">
            <v>0</v>
          </cell>
          <cell r="H774">
            <v>0</v>
          </cell>
          <cell r="I774">
            <v>0</v>
          </cell>
          <cell r="M774">
            <v>0</v>
          </cell>
          <cell r="Q774">
            <v>0</v>
          </cell>
        </row>
        <row r="775">
          <cell r="E775">
            <v>0</v>
          </cell>
          <cell r="H775">
            <v>0</v>
          </cell>
          <cell r="I775">
            <v>0</v>
          </cell>
          <cell r="M775">
            <v>0</v>
          </cell>
          <cell r="Q775">
            <v>0</v>
          </cell>
        </row>
        <row r="776">
          <cell r="E776">
            <v>0</v>
          </cell>
          <cell r="H776">
            <v>0</v>
          </cell>
          <cell r="I776">
            <v>0</v>
          </cell>
          <cell r="M776">
            <v>0</v>
          </cell>
          <cell r="Q776">
            <v>0</v>
          </cell>
        </row>
        <row r="777">
          <cell r="E777">
            <v>0</v>
          </cell>
          <cell r="H777">
            <v>0</v>
          </cell>
          <cell r="I777">
            <v>0</v>
          </cell>
          <cell r="M777">
            <v>0</v>
          </cell>
          <cell r="Q777">
            <v>0</v>
          </cell>
        </row>
        <row r="778">
          <cell r="E778">
            <v>0</v>
          </cell>
          <cell r="H778">
            <v>0</v>
          </cell>
          <cell r="I778">
            <v>0</v>
          </cell>
          <cell r="M778">
            <v>0</v>
          </cell>
          <cell r="Q778">
            <v>0</v>
          </cell>
        </row>
        <row r="779">
          <cell r="E779">
            <v>0</v>
          </cell>
          <cell r="H779">
            <v>0</v>
          </cell>
          <cell r="I779">
            <v>0</v>
          </cell>
          <cell r="M779">
            <v>0</v>
          </cell>
          <cell r="Q779">
            <v>0</v>
          </cell>
        </row>
        <row r="780">
          <cell r="E780">
            <v>0</v>
          </cell>
          <cell r="H780">
            <v>0</v>
          </cell>
          <cell r="I780">
            <v>0</v>
          </cell>
          <cell r="M780">
            <v>0</v>
          </cell>
          <cell r="Q780">
            <v>0</v>
          </cell>
        </row>
        <row r="781">
          <cell r="E781">
            <v>0</v>
          </cell>
          <cell r="H781">
            <v>0</v>
          </cell>
          <cell r="I781">
            <v>0</v>
          </cell>
          <cell r="M781">
            <v>0</v>
          </cell>
          <cell r="Q781">
            <v>0</v>
          </cell>
        </row>
        <row r="782">
          <cell r="E782">
            <v>0</v>
          </cell>
          <cell r="H782">
            <v>0</v>
          </cell>
          <cell r="I782">
            <v>0</v>
          </cell>
          <cell r="M782">
            <v>0</v>
          </cell>
          <cell r="Q782">
            <v>0</v>
          </cell>
        </row>
        <row r="783">
          <cell r="E783">
            <v>0</v>
          </cell>
          <cell r="H783">
            <v>0</v>
          </cell>
          <cell r="I783">
            <v>0</v>
          </cell>
          <cell r="M783">
            <v>0</v>
          </cell>
          <cell r="Q783">
            <v>0</v>
          </cell>
        </row>
        <row r="784">
          <cell r="E784">
            <v>0</v>
          </cell>
          <cell r="H784">
            <v>0</v>
          </cell>
          <cell r="I784">
            <v>0</v>
          </cell>
          <cell r="M784">
            <v>0</v>
          </cell>
          <cell r="Q784">
            <v>0</v>
          </cell>
        </row>
        <row r="785">
          <cell r="E785">
            <v>0</v>
          </cell>
          <cell r="H785">
            <v>0</v>
          </cell>
          <cell r="I785">
            <v>0</v>
          </cell>
          <cell r="M785">
            <v>0</v>
          </cell>
          <cell r="Q785">
            <v>0</v>
          </cell>
        </row>
        <row r="786">
          <cell r="E786">
            <v>0</v>
          </cell>
          <cell r="H786">
            <v>0</v>
          </cell>
          <cell r="I786">
            <v>0</v>
          </cell>
          <cell r="M786">
            <v>0</v>
          </cell>
          <cell r="Q786">
            <v>0</v>
          </cell>
        </row>
        <row r="787">
          <cell r="E787">
            <v>0</v>
          </cell>
          <cell r="H787">
            <v>0</v>
          </cell>
          <cell r="I787">
            <v>0</v>
          </cell>
          <cell r="M787">
            <v>0</v>
          </cell>
          <cell r="Q787">
            <v>0</v>
          </cell>
        </row>
        <row r="788">
          <cell r="E788">
            <v>0</v>
          </cell>
          <cell r="H788">
            <v>0</v>
          </cell>
          <cell r="I788">
            <v>0</v>
          </cell>
          <cell r="M788">
            <v>0</v>
          </cell>
          <cell r="Q788">
            <v>0</v>
          </cell>
        </row>
        <row r="789">
          <cell r="B789">
            <v>0</v>
          </cell>
          <cell r="C789">
            <v>0</v>
          </cell>
          <cell r="E789">
            <v>0</v>
          </cell>
          <cell r="H789">
            <v>0</v>
          </cell>
          <cell r="I789">
            <v>0</v>
          </cell>
          <cell r="M789">
            <v>0</v>
          </cell>
          <cell r="Q789">
            <v>0</v>
          </cell>
        </row>
        <row r="790">
          <cell r="E790">
            <v>0</v>
          </cell>
          <cell r="H790">
            <v>0</v>
          </cell>
          <cell r="I790">
            <v>0</v>
          </cell>
          <cell r="M790">
            <v>0</v>
          </cell>
          <cell r="Q790">
            <v>0</v>
          </cell>
        </row>
        <row r="791">
          <cell r="E791">
            <v>0</v>
          </cell>
          <cell r="H791">
            <v>0</v>
          </cell>
          <cell r="I791">
            <v>0</v>
          </cell>
          <cell r="M791">
            <v>0</v>
          </cell>
          <cell r="Q791">
            <v>0</v>
          </cell>
        </row>
        <row r="792">
          <cell r="E792">
            <v>0</v>
          </cell>
          <cell r="H792">
            <v>0</v>
          </cell>
          <cell r="I792">
            <v>0</v>
          </cell>
          <cell r="M792">
            <v>0</v>
          </cell>
          <cell r="Q792">
            <v>0</v>
          </cell>
        </row>
        <row r="793">
          <cell r="E793">
            <v>0</v>
          </cell>
          <cell r="H793">
            <v>0</v>
          </cell>
          <cell r="I793">
            <v>0</v>
          </cell>
          <cell r="M793">
            <v>0</v>
          </cell>
          <cell r="Q793">
            <v>0</v>
          </cell>
        </row>
        <row r="794">
          <cell r="E794">
            <v>0</v>
          </cell>
          <cell r="H794">
            <v>0</v>
          </cell>
          <cell r="I794">
            <v>0</v>
          </cell>
          <cell r="M794">
            <v>0</v>
          </cell>
          <cell r="Q794">
            <v>0</v>
          </cell>
        </row>
        <row r="795">
          <cell r="E795">
            <v>0</v>
          </cell>
          <cell r="H795">
            <v>0</v>
          </cell>
          <cell r="I795">
            <v>0</v>
          </cell>
          <cell r="M795">
            <v>0</v>
          </cell>
          <cell r="Q795">
            <v>0</v>
          </cell>
        </row>
        <row r="796">
          <cell r="E796">
            <v>0</v>
          </cell>
          <cell r="H796">
            <v>0</v>
          </cell>
          <cell r="I796">
            <v>0</v>
          </cell>
          <cell r="M796">
            <v>0</v>
          </cell>
          <cell r="Q796">
            <v>0</v>
          </cell>
        </row>
        <row r="797">
          <cell r="E797">
            <v>0</v>
          </cell>
          <cell r="H797">
            <v>0</v>
          </cell>
          <cell r="I797">
            <v>0</v>
          </cell>
          <cell r="M797">
            <v>0</v>
          </cell>
          <cell r="Q797">
            <v>0</v>
          </cell>
        </row>
        <row r="798">
          <cell r="E798">
            <v>0</v>
          </cell>
          <cell r="H798">
            <v>0</v>
          </cell>
          <cell r="I798">
            <v>0</v>
          </cell>
          <cell r="M798">
            <v>0</v>
          </cell>
          <cell r="Q798">
            <v>0</v>
          </cell>
        </row>
        <row r="799">
          <cell r="E799">
            <v>0</v>
          </cell>
          <cell r="H799">
            <v>0</v>
          </cell>
          <cell r="I799">
            <v>0</v>
          </cell>
          <cell r="M799">
            <v>0</v>
          </cell>
          <cell r="Q799">
            <v>0</v>
          </cell>
        </row>
        <row r="800">
          <cell r="E800">
            <v>0</v>
          </cell>
          <cell r="H800">
            <v>0</v>
          </cell>
          <cell r="I800">
            <v>0</v>
          </cell>
          <cell r="M800">
            <v>0</v>
          </cell>
          <cell r="Q800">
            <v>0</v>
          </cell>
        </row>
        <row r="801">
          <cell r="E801">
            <v>0</v>
          </cell>
          <cell r="H801">
            <v>0</v>
          </cell>
          <cell r="I801">
            <v>0</v>
          </cell>
          <cell r="M801">
            <v>0</v>
          </cell>
          <cell r="Q801">
            <v>0</v>
          </cell>
        </row>
        <row r="802">
          <cell r="E802">
            <v>0</v>
          </cell>
          <cell r="H802">
            <v>0</v>
          </cell>
          <cell r="I802">
            <v>0</v>
          </cell>
          <cell r="M802">
            <v>0</v>
          </cell>
          <cell r="Q802">
            <v>0</v>
          </cell>
        </row>
        <row r="803">
          <cell r="E803">
            <v>0</v>
          </cell>
          <cell r="H803">
            <v>0</v>
          </cell>
          <cell r="I803">
            <v>0</v>
          </cell>
          <cell r="M803">
            <v>0</v>
          </cell>
          <cell r="Q803">
            <v>0</v>
          </cell>
        </row>
        <row r="804">
          <cell r="E804">
            <v>0</v>
          </cell>
          <cell r="H804">
            <v>0</v>
          </cell>
          <cell r="I804">
            <v>0</v>
          </cell>
          <cell r="M804">
            <v>0</v>
          </cell>
          <cell r="Q804">
            <v>0</v>
          </cell>
        </row>
        <row r="805">
          <cell r="E805">
            <v>0</v>
          </cell>
          <cell r="H805">
            <v>0</v>
          </cell>
          <cell r="I805">
            <v>0</v>
          </cell>
          <cell r="M805">
            <v>0</v>
          </cell>
          <cell r="Q805">
            <v>0</v>
          </cell>
        </row>
        <row r="806">
          <cell r="E806">
            <v>0</v>
          </cell>
          <cell r="H806">
            <v>0</v>
          </cell>
          <cell r="I806">
            <v>0</v>
          </cell>
          <cell r="M806">
            <v>0</v>
          </cell>
          <cell r="Q806">
            <v>0</v>
          </cell>
        </row>
        <row r="807">
          <cell r="E807">
            <v>0</v>
          </cell>
          <cell r="H807">
            <v>0</v>
          </cell>
          <cell r="I807">
            <v>0</v>
          </cell>
          <cell r="M807">
            <v>0</v>
          </cell>
          <cell r="Q807">
            <v>0</v>
          </cell>
        </row>
        <row r="808">
          <cell r="E808">
            <v>0</v>
          </cell>
          <cell r="H808">
            <v>0</v>
          </cell>
          <cell r="I808">
            <v>0</v>
          </cell>
          <cell r="M808">
            <v>0</v>
          </cell>
          <cell r="Q808">
            <v>0</v>
          </cell>
        </row>
        <row r="809">
          <cell r="E809">
            <v>0</v>
          </cell>
          <cell r="H809">
            <v>0</v>
          </cell>
          <cell r="I809">
            <v>0</v>
          </cell>
          <cell r="M809">
            <v>0</v>
          </cell>
          <cell r="Q809">
            <v>0</v>
          </cell>
        </row>
        <row r="810">
          <cell r="E810">
            <v>0</v>
          </cell>
          <cell r="H810">
            <v>0</v>
          </cell>
          <cell r="I810">
            <v>0</v>
          </cell>
          <cell r="M810">
            <v>0</v>
          </cell>
          <cell r="Q810">
            <v>0</v>
          </cell>
        </row>
        <row r="811">
          <cell r="E811">
            <v>0</v>
          </cell>
          <cell r="H811">
            <v>0</v>
          </cell>
          <cell r="I811">
            <v>0</v>
          </cell>
          <cell r="M811">
            <v>0</v>
          </cell>
          <cell r="Q811">
            <v>0</v>
          </cell>
        </row>
        <row r="812">
          <cell r="E812">
            <v>0</v>
          </cell>
          <cell r="H812">
            <v>0</v>
          </cell>
          <cell r="I812">
            <v>0</v>
          </cell>
          <cell r="M812">
            <v>0</v>
          </cell>
          <cell r="Q812">
            <v>0</v>
          </cell>
        </row>
        <row r="813">
          <cell r="E813">
            <v>0</v>
          </cell>
          <cell r="H813">
            <v>0</v>
          </cell>
          <cell r="I813">
            <v>0</v>
          </cell>
          <cell r="M813">
            <v>0</v>
          </cell>
          <cell r="Q813">
            <v>0</v>
          </cell>
        </row>
        <row r="814">
          <cell r="E814">
            <v>0</v>
          </cell>
          <cell r="H814">
            <v>0</v>
          </cell>
          <cell r="I814">
            <v>0</v>
          </cell>
          <cell r="M814">
            <v>0</v>
          </cell>
          <cell r="Q814">
            <v>0</v>
          </cell>
        </row>
        <row r="815">
          <cell r="E815">
            <v>0</v>
          </cell>
          <cell r="H815">
            <v>0</v>
          </cell>
          <cell r="I815">
            <v>0</v>
          </cell>
          <cell r="M815">
            <v>0</v>
          </cell>
          <cell r="Q815">
            <v>0</v>
          </cell>
        </row>
        <row r="816">
          <cell r="E816">
            <v>0</v>
          </cell>
          <cell r="H816">
            <v>0</v>
          </cell>
          <cell r="I816">
            <v>0</v>
          </cell>
          <cell r="M816">
            <v>0</v>
          </cell>
          <cell r="Q816">
            <v>0</v>
          </cell>
        </row>
        <row r="817">
          <cell r="E817">
            <v>0</v>
          </cell>
          <cell r="H817">
            <v>0</v>
          </cell>
          <cell r="I817">
            <v>0</v>
          </cell>
          <cell r="M817">
            <v>0</v>
          </cell>
          <cell r="Q817">
            <v>0</v>
          </cell>
        </row>
        <row r="818">
          <cell r="E818">
            <v>0</v>
          </cell>
          <cell r="H818">
            <v>0</v>
          </cell>
          <cell r="I818">
            <v>0</v>
          </cell>
          <cell r="M818">
            <v>0</v>
          </cell>
          <cell r="Q818">
            <v>0</v>
          </cell>
        </row>
        <row r="819">
          <cell r="E819">
            <v>0</v>
          </cell>
          <cell r="H819">
            <v>0</v>
          </cell>
          <cell r="I819">
            <v>0</v>
          </cell>
          <cell r="M819">
            <v>0</v>
          </cell>
          <cell r="Q819">
            <v>0</v>
          </cell>
        </row>
        <row r="820">
          <cell r="E820">
            <v>0</v>
          </cell>
          <cell r="H820">
            <v>0</v>
          </cell>
          <cell r="I820">
            <v>0</v>
          </cell>
          <cell r="M820">
            <v>0</v>
          </cell>
          <cell r="Q820">
            <v>0</v>
          </cell>
        </row>
        <row r="821">
          <cell r="E821">
            <v>0</v>
          </cell>
          <cell r="H821">
            <v>0</v>
          </cell>
          <cell r="I821">
            <v>0</v>
          </cell>
          <cell r="M821">
            <v>0</v>
          </cell>
          <cell r="Q821">
            <v>0</v>
          </cell>
        </row>
        <row r="822">
          <cell r="E822">
            <v>0</v>
          </cell>
          <cell r="H822">
            <v>0</v>
          </cell>
          <cell r="I822">
            <v>0</v>
          </cell>
          <cell r="M822">
            <v>0</v>
          </cell>
          <cell r="Q822">
            <v>0</v>
          </cell>
        </row>
        <row r="823">
          <cell r="E823">
            <v>0</v>
          </cell>
          <cell r="H823">
            <v>0</v>
          </cell>
          <cell r="I823">
            <v>0</v>
          </cell>
          <cell r="M823">
            <v>0</v>
          </cell>
          <cell r="Q823">
            <v>0</v>
          </cell>
        </row>
        <row r="824">
          <cell r="E824">
            <v>0</v>
          </cell>
          <cell r="H824">
            <v>0</v>
          </cell>
          <cell r="I824">
            <v>0</v>
          </cell>
          <cell r="M824">
            <v>0</v>
          </cell>
          <cell r="Q824">
            <v>0</v>
          </cell>
        </row>
        <row r="825">
          <cell r="E825">
            <v>0</v>
          </cell>
          <cell r="H825">
            <v>0</v>
          </cell>
          <cell r="I825">
            <v>0</v>
          </cell>
          <cell r="M825">
            <v>0</v>
          </cell>
          <cell r="Q825">
            <v>0</v>
          </cell>
        </row>
        <row r="826">
          <cell r="E826">
            <v>0</v>
          </cell>
          <cell r="H826">
            <v>0</v>
          </cell>
          <cell r="I826">
            <v>0</v>
          </cell>
          <cell r="M826">
            <v>0</v>
          </cell>
          <cell r="Q826">
            <v>0</v>
          </cell>
        </row>
        <row r="827">
          <cell r="E827">
            <v>0</v>
          </cell>
          <cell r="H827">
            <v>0</v>
          </cell>
          <cell r="I827">
            <v>0</v>
          </cell>
          <cell r="M827">
            <v>0</v>
          </cell>
          <cell r="Q827">
            <v>0</v>
          </cell>
        </row>
        <row r="828">
          <cell r="E828">
            <v>0</v>
          </cell>
          <cell r="H828">
            <v>0</v>
          </cell>
          <cell r="I828">
            <v>0</v>
          </cell>
          <cell r="M828">
            <v>0</v>
          </cell>
          <cell r="Q828">
            <v>0</v>
          </cell>
        </row>
        <row r="829">
          <cell r="E829">
            <v>0</v>
          </cell>
          <cell r="H829">
            <v>0</v>
          </cell>
          <cell r="I829">
            <v>0</v>
          </cell>
          <cell r="M829">
            <v>0</v>
          </cell>
          <cell r="Q829">
            <v>0</v>
          </cell>
        </row>
        <row r="830">
          <cell r="E830">
            <v>0</v>
          </cell>
          <cell r="H830">
            <v>0</v>
          </cell>
          <cell r="I830">
            <v>0</v>
          </cell>
          <cell r="M830">
            <v>0</v>
          </cell>
          <cell r="Q830">
            <v>0</v>
          </cell>
        </row>
        <row r="831">
          <cell r="E831">
            <v>0</v>
          </cell>
          <cell r="H831">
            <v>0</v>
          </cell>
          <cell r="I831">
            <v>0</v>
          </cell>
          <cell r="M831">
            <v>0</v>
          </cell>
          <cell r="Q831">
            <v>0</v>
          </cell>
        </row>
        <row r="832">
          <cell r="E832">
            <v>0</v>
          </cell>
          <cell r="H832">
            <v>0</v>
          </cell>
          <cell r="I832">
            <v>0</v>
          </cell>
          <cell r="M832">
            <v>0</v>
          </cell>
          <cell r="Q832">
            <v>0</v>
          </cell>
        </row>
        <row r="833">
          <cell r="E833">
            <v>0</v>
          </cell>
          <cell r="H833">
            <v>0</v>
          </cell>
          <cell r="I833">
            <v>0</v>
          </cell>
          <cell r="M833">
            <v>0</v>
          </cell>
          <cell r="Q833">
            <v>0</v>
          </cell>
        </row>
        <row r="834">
          <cell r="E834">
            <v>0</v>
          </cell>
          <cell r="H834">
            <v>0</v>
          </cell>
          <cell r="I834">
            <v>0</v>
          </cell>
          <cell r="M834">
            <v>0</v>
          </cell>
          <cell r="Q834">
            <v>0</v>
          </cell>
        </row>
        <row r="835">
          <cell r="E835">
            <v>0</v>
          </cell>
          <cell r="H835">
            <v>0</v>
          </cell>
          <cell r="I835">
            <v>0</v>
          </cell>
          <cell r="M835">
            <v>0</v>
          </cell>
          <cell r="Q835">
            <v>0</v>
          </cell>
        </row>
        <row r="836">
          <cell r="E836">
            <v>0</v>
          </cell>
          <cell r="H836">
            <v>0</v>
          </cell>
          <cell r="I836">
            <v>0</v>
          </cell>
          <cell r="M836">
            <v>0</v>
          </cell>
          <cell r="Q836">
            <v>0</v>
          </cell>
        </row>
        <row r="837">
          <cell r="E837">
            <v>0</v>
          </cell>
          <cell r="H837">
            <v>0</v>
          </cell>
          <cell r="I837">
            <v>0</v>
          </cell>
          <cell r="M837">
            <v>0</v>
          </cell>
          <cell r="Q837">
            <v>0</v>
          </cell>
        </row>
        <row r="838">
          <cell r="E838">
            <v>0</v>
          </cell>
          <cell r="H838">
            <v>0</v>
          </cell>
          <cell r="I838">
            <v>0</v>
          </cell>
          <cell r="M838">
            <v>0</v>
          </cell>
          <cell r="Q838">
            <v>0</v>
          </cell>
        </row>
        <row r="839">
          <cell r="E839">
            <v>0</v>
          </cell>
          <cell r="H839">
            <v>0</v>
          </cell>
          <cell r="I839">
            <v>0</v>
          </cell>
          <cell r="M839">
            <v>0</v>
          </cell>
          <cell r="Q839">
            <v>0</v>
          </cell>
        </row>
        <row r="840">
          <cell r="E840">
            <v>0</v>
          </cell>
          <cell r="H840">
            <v>0</v>
          </cell>
          <cell r="I840">
            <v>0</v>
          </cell>
          <cell r="M840">
            <v>0</v>
          </cell>
          <cell r="Q840">
            <v>0</v>
          </cell>
        </row>
        <row r="841">
          <cell r="E841">
            <v>0</v>
          </cell>
          <cell r="H841">
            <v>0</v>
          </cell>
          <cell r="I841">
            <v>0</v>
          </cell>
          <cell r="M841">
            <v>0</v>
          </cell>
          <cell r="Q841">
            <v>0</v>
          </cell>
        </row>
        <row r="842">
          <cell r="E842">
            <v>0</v>
          </cell>
          <cell r="H842">
            <v>0</v>
          </cell>
          <cell r="I842">
            <v>0</v>
          </cell>
          <cell r="M842">
            <v>0</v>
          </cell>
          <cell r="Q842">
            <v>0</v>
          </cell>
        </row>
        <row r="843">
          <cell r="E843">
            <v>0</v>
          </cell>
          <cell r="H843">
            <v>0</v>
          </cell>
          <cell r="I843">
            <v>0</v>
          </cell>
          <cell r="M843">
            <v>0</v>
          </cell>
          <cell r="Q843">
            <v>0</v>
          </cell>
        </row>
        <row r="844">
          <cell r="E844">
            <v>0</v>
          </cell>
          <cell r="H844">
            <v>0</v>
          </cell>
          <cell r="I844">
            <v>0</v>
          </cell>
          <cell r="M844">
            <v>0</v>
          </cell>
          <cell r="Q844">
            <v>0</v>
          </cell>
        </row>
        <row r="845">
          <cell r="E845">
            <v>0</v>
          </cell>
          <cell r="H845">
            <v>0</v>
          </cell>
          <cell r="I845">
            <v>0</v>
          </cell>
          <cell r="M845">
            <v>0</v>
          </cell>
          <cell r="Q845">
            <v>0</v>
          </cell>
        </row>
        <row r="846">
          <cell r="E846">
            <v>0</v>
          </cell>
          <cell r="H846">
            <v>0</v>
          </cell>
          <cell r="I846">
            <v>0</v>
          </cell>
          <cell r="M846">
            <v>0</v>
          </cell>
          <cell r="Q846">
            <v>0</v>
          </cell>
        </row>
        <row r="847">
          <cell r="E847">
            <v>0</v>
          </cell>
          <cell r="H847">
            <v>0</v>
          </cell>
          <cell r="I847">
            <v>0</v>
          </cell>
          <cell r="M847">
            <v>0</v>
          </cell>
          <cell r="Q847">
            <v>0</v>
          </cell>
        </row>
        <row r="848">
          <cell r="E848">
            <v>0</v>
          </cell>
          <cell r="H848">
            <v>0</v>
          </cell>
          <cell r="I848">
            <v>0</v>
          </cell>
          <cell r="M848">
            <v>0</v>
          </cell>
          <cell r="Q848">
            <v>0</v>
          </cell>
        </row>
        <row r="849">
          <cell r="E849">
            <v>0</v>
          </cell>
          <cell r="H849">
            <v>0</v>
          </cell>
          <cell r="I849">
            <v>0</v>
          </cell>
          <cell r="M849">
            <v>0</v>
          </cell>
          <cell r="Q849">
            <v>0</v>
          </cell>
        </row>
        <row r="850">
          <cell r="E850">
            <v>0</v>
          </cell>
          <cell r="H850">
            <v>0</v>
          </cell>
          <cell r="I850">
            <v>0</v>
          </cell>
          <cell r="M850">
            <v>0</v>
          </cell>
          <cell r="Q850">
            <v>0</v>
          </cell>
        </row>
        <row r="851">
          <cell r="E851">
            <v>0</v>
          </cell>
          <cell r="H851">
            <v>0</v>
          </cell>
          <cell r="I851">
            <v>0</v>
          </cell>
          <cell r="M851">
            <v>0</v>
          </cell>
          <cell r="Q851">
            <v>0</v>
          </cell>
        </row>
        <row r="852">
          <cell r="E852">
            <v>0</v>
          </cell>
          <cell r="H852">
            <v>0</v>
          </cell>
          <cell r="I852">
            <v>0</v>
          </cell>
          <cell r="M852">
            <v>0</v>
          </cell>
          <cell r="Q852">
            <v>0</v>
          </cell>
        </row>
        <row r="853">
          <cell r="E853">
            <v>0</v>
          </cell>
          <cell r="H853">
            <v>0</v>
          </cell>
          <cell r="I853">
            <v>0</v>
          </cell>
          <cell r="M853">
            <v>0</v>
          </cell>
          <cell r="Q853">
            <v>0</v>
          </cell>
        </row>
        <row r="854">
          <cell r="E854">
            <v>0</v>
          </cell>
          <cell r="H854">
            <v>0</v>
          </cell>
          <cell r="I854">
            <v>0</v>
          </cell>
          <cell r="M854">
            <v>0</v>
          </cell>
          <cell r="Q854">
            <v>0</v>
          </cell>
        </row>
        <row r="855">
          <cell r="E855">
            <v>0</v>
          </cell>
          <cell r="H855">
            <v>0</v>
          </cell>
          <cell r="I855">
            <v>0</v>
          </cell>
          <cell r="M855">
            <v>0</v>
          </cell>
          <cell r="Q855">
            <v>0</v>
          </cell>
        </row>
        <row r="856">
          <cell r="E856">
            <v>0</v>
          </cell>
          <cell r="H856">
            <v>0</v>
          </cell>
          <cell r="I856">
            <v>0</v>
          </cell>
          <cell r="M856">
            <v>0</v>
          </cell>
          <cell r="Q856">
            <v>0</v>
          </cell>
        </row>
        <row r="857">
          <cell r="E857">
            <v>0</v>
          </cell>
          <cell r="H857">
            <v>0</v>
          </cell>
          <cell r="I857">
            <v>0</v>
          </cell>
          <cell r="M857">
            <v>0</v>
          </cell>
          <cell r="Q857">
            <v>0</v>
          </cell>
        </row>
        <row r="858">
          <cell r="E858">
            <v>0</v>
          </cell>
          <cell r="H858">
            <v>0</v>
          </cell>
          <cell r="I858">
            <v>0</v>
          </cell>
          <cell r="M858">
            <v>0</v>
          </cell>
          <cell r="Q858">
            <v>0</v>
          </cell>
        </row>
        <row r="859">
          <cell r="E859">
            <v>0</v>
          </cell>
          <cell r="H859">
            <v>0</v>
          </cell>
          <cell r="I859">
            <v>0</v>
          </cell>
          <cell r="M859">
            <v>0</v>
          </cell>
          <cell r="Q859">
            <v>0</v>
          </cell>
        </row>
        <row r="860">
          <cell r="E860">
            <v>0</v>
          </cell>
          <cell r="H860">
            <v>0</v>
          </cell>
          <cell r="I860">
            <v>0</v>
          </cell>
          <cell r="M860">
            <v>0</v>
          </cell>
          <cell r="Q860">
            <v>0</v>
          </cell>
        </row>
        <row r="861">
          <cell r="E861">
            <v>0</v>
          </cell>
          <cell r="H861">
            <v>0</v>
          </cell>
          <cell r="I861">
            <v>0</v>
          </cell>
          <cell r="M861">
            <v>0</v>
          </cell>
          <cell r="Q861">
            <v>0</v>
          </cell>
        </row>
        <row r="862">
          <cell r="E862">
            <v>0</v>
          </cell>
          <cell r="H862">
            <v>0</v>
          </cell>
          <cell r="I862">
            <v>0</v>
          </cell>
          <cell r="M862">
            <v>0</v>
          </cell>
          <cell r="Q862">
            <v>0</v>
          </cell>
        </row>
        <row r="863">
          <cell r="E863">
            <v>0</v>
          </cell>
          <cell r="H863">
            <v>0</v>
          </cell>
          <cell r="I863">
            <v>0</v>
          </cell>
          <cell r="M863">
            <v>0</v>
          </cell>
          <cell r="Q863">
            <v>0</v>
          </cell>
        </row>
        <row r="864">
          <cell r="E864">
            <v>0</v>
          </cell>
          <cell r="H864">
            <v>0</v>
          </cell>
          <cell r="I864">
            <v>0</v>
          </cell>
          <cell r="M864">
            <v>0</v>
          </cell>
          <cell r="Q864">
            <v>0</v>
          </cell>
        </row>
        <row r="865">
          <cell r="E865">
            <v>0</v>
          </cell>
          <cell r="H865">
            <v>0</v>
          </cell>
          <cell r="I865">
            <v>0</v>
          </cell>
          <cell r="M865">
            <v>0</v>
          </cell>
          <cell r="Q865">
            <v>0</v>
          </cell>
        </row>
        <row r="866">
          <cell r="E866">
            <v>0</v>
          </cell>
          <cell r="H866">
            <v>0</v>
          </cell>
          <cell r="I866">
            <v>0</v>
          </cell>
          <cell r="M866">
            <v>0</v>
          </cell>
          <cell r="Q866">
            <v>0</v>
          </cell>
        </row>
        <row r="867">
          <cell r="E867">
            <v>0</v>
          </cell>
          <cell r="H867">
            <v>0</v>
          </cell>
          <cell r="I867">
            <v>0</v>
          </cell>
          <cell r="M867">
            <v>0</v>
          </cell>
          <cell r="Q867">
            <v>0</v>
          </cell>
        </row>
        <row r="868">
          <cell r="E868">
            <v>0</v>
          </cell>
          <cell r="H868">
            <v>0</v>
          </cell>
          <cell r="I868">
            <v>0</v>
          </cell>
          <cell r="M868">
            <v>0</v>
          </cell>
          <cell r="Q868">
            <v>0</v>
          </cell>
        </row>
        <row r="869">
          <cell r="E869">
            <v>0</v>
          </cell>
          <cell r="H869">
            <v>0</v>
          </cell>
          <cell r="I869">
            <v>0</v>
          </cell>
          <cell r="M869">
            <v>0</v>
          </cell>
          <cell r="Q869">
            <v>0</v>
          </cell>
        </row>
        <row r="870">
          <cell r="E870">
            <v>0</v>
          </cell>
          <cell r="H870">
            <v>0</v>
          </cell>
          <cell r="I870">
            <v>0</v>
          </cell>
          <cell r="M870">
            <v>0</v>
          </cell>
          <cell r="Q870">
            <v>0</v>
          </cell>
        </row>
        <row r="871">
          <cell r="E871">
            <v>0</v>
          </cell>
          <cell r="H871">
            <v>0</v>
          </cell>
          <cell r="I871">
            <v>0</v>
          </cell>
          <cell r="M871">
            <v>0</v>
          </cell>
          <cell r="Q871">
            <v>0</v>
          </cell>
        </row>
        <row r="872">
          <cell r="E872">
            <v>0</v>
          </cell>
          <cell r="H872">
            <v>0</v>
          </cell>
          <cell r="I872">
            <v>0</v>
          </cell>
          <cell r="M872">
            <v>0</v>
          </cell>
          <cell r="Q872">
            <v>0</v>
          </cell>
        </row>
        <row r="873">
          <cell r="E873">
            <v>0</v>
          </cell>
          <cell r="H873">
            <v>0</v>
          </cell>
          <cell r="I873">
            <v>0</v>
          </cell>
          <cell r="M873">
            <v>0</v>
          </cell>
          <cell r="Q873">
            <v>0</v>
          </cell>
        </row>
        <row r="874">
          <cell r="E874">
            <v>0</v>
          </cell>
          <cell r="H874">
            <v>0</v>
          </cell>
          <cell r="I874">
            <v>0</v>
          </cell>
          <cell r="M874">
            <v>0</v>
          </cell>
          <cell r="Q874">
            <v>0</v>
          </cell>
        </row>
        <row r="875">
          <cell r="E875">
            <v>0</v>
          </cell>
          <cell r="H875">
            <v>0</v>
          </cell>
          <cell r="I875">
            <v>0</v>
          </cell>
          <cell r="M875">
            <v>0</v>
          </cell>
          <cell r="Q875">
            <v>0</v>
          </cell>
        </row>
        <row r="876">
          <cell r="E876">
            <v>0</v>
          </cell>
          <cell r="H876">
            <v>0</v>
          </cell>
          <cell r="I876">
            <v>0</v>
          </cell>
          <cell r="M876">
            <v>0</v>
          </cell>
          <cell r="Q876">
            <v>0</v>
          </cell>
        </row>
        <row r="877">
          <cell r="E877">
            <v>0</v>
          </cell>
          <cell r="H877">
            <v>0</v>
          </cell>
          <cell r="I877">
            <v>0</v>
          </cell>
          <cell r="M877">
            <v>0</v>
          </cell>
          <cell r="Q877">
            <v>0</v>
          </cell>
        </row>
        <row r="878">
          <cell r="E878">
            <v>0</v>
          </cell>
          <cell r="H878">
            <v>0</v>
          </cell>
          <cell r="I878">
            <v>0</v>
          </cell>
          <cell r="M878">
            <v>0</v>
          </cell>
          <cell r="Q878">
            <v>0</v>
          </cell>
        </row>
        <row r="879">
          <cell r="E879">
            <v>0</v>
          </cell>
          <cell r="H879">
            <v>0</v>
          </cell>
          <cell r="I879">
            <v>0</v>
          </cell>
          <cell r="M879">
            <v>0</v>
          </cell>
          <cell r="Q879">
            <v>0</v>
          </cell>
        </row>
        <row r="880">
          <cell r="E880">
            <v>0</v>
          </cell>
          <cell r="H880">
            <v>0</v>
          </cell>
          <cell r="I880">
            <v>0</v>
          </cell>
          <cell r="M880">
            <v>0</v>
          </cell>
          <cell r="Q880">
            <v>0</v>
          </cell>
        </row>
        <row r="881">
          <cell r="E881">
            <v>0</v>
          </cell>
          <cell r="H881">
            <v>0</v>
          </cell>
          <cell r="I881">
            <v>0</v>
          </cell>
          <cell r="M881">
            <v>0</v>
          </cell>
          <cell r="Q881">
            <v>0</v>
          </cell>
        </row>
        <row r="882">
          <cell r="E882">
            <v>0</v>
          </cell>
          <cell r="H882">
            <v>0</v>
          </cell>
          <cell r="I882">
            <v>0</v>
          </cell>
          <cell r="M882">
            <v>0</v>
          </cell>
          <cell r="Q882">
            <v>0</v>
          </cell>
        </row>
        <row r="883">
          <cell r="E883">
            <v>0</v>
          </cell>
          <cell r="H883">
            <v>0</v>
          </cell>
          <cell r="I883">
            <v>0</v>
          </cell>
          <cell r="M883">
            <v>0</v>
          </cell>
          <cell r="Q883">
            <v>0</v>
          </cell>
        </row>
        <row r="884">
          <cell r="E884">
            <v>0</v>
          </cell>
          <cell r="H884">
            <v>0</v>
          </cell>
          <cell r="I884">
            <v>0</v>
          </cell>
          <cell r="M884">
            <v>0</v>
          </cell>
          <cell r="Q884">
            <v>0</v>
          </cell>
        </row>
        <row r="885">
          <cell r="E885">
            <v>0</v>
          </cell>
          <cell r="H885">
            <v>0</v>
          </cell>
          <cell r="I885">
            <v>0</v>
          </cell>
          <cell r="M885">
            <v>0</v>
          </cell>
          <cell r="Q885">
            <v>0</v>
          </cell>
        </row>
        <row r="886">
          <cell r="E886">
            <v>0</v>
          </cell>
          <cell r="H886">
            <v>0</v>
          </cell>
          <cell r="I886">
            <v>0</v>
          </cell>
          <cell r="M886">
            <v>0</v>
          </cell>
          <cell r="Q886">
            <v>0</v>
          </cell>
        </row>
        <row r="887">
          <cell r="E887">
            <v>0</v>
          </cell>
          <cell r="H887">
            <v>0</v>
          </cell>
          <cell r="I887">
            <v>0</v>
          </cell>
          <cell r="M887">
            <v>0</v>
          </cell>
          <cell r="Q887">
            <v>0</v>
          </cell>
        </row>
        <row r="888">
          <cell r="E888">
            <v>0</v>
          </cell>
          <cell r="H888">
            <v>0</v>
          </cell>
          <cell r="I888">
            <v>0</v>
          </cell>
          <cell r="M888">
            <v>0</v>
          </cell>
          <cell r="Q888">
            <v>0</v>
          </cell>
        </row>
        <row r="889">
          <cell r="E889">
            <v>0</v>
          </cell>
          <cell r="H889">
            <v>0</v>
          </cell>
          <cell r="I889">
            <v>0</v>
          </cell>
          <cell r="M889">
            <v>0</v>
          </cell>
          <cell r="Q889">
            <v>0</v>
          </cell>
        </row>
        <row r="890">
          <cell r="E890">
            <v>0</v>
          </cell>
          <cell r="H890">
            <v>0</v>
          </cell>
          <cell r="I890">
            <v>0</v>
          </cell>
          <cell r="M890">
            <v>0</v>
          </cell>
          <cell r="Q890">
            <v>0</v>
          </cell>
        </row>
        <row r="891">
          <cell r="E891">
            <v>0</v>
          </cell>
          <cell r="H891">
            <v>0</v>
          </cell>
          <cell r="I891">
            <v>0</v>
          </cell>
          <cell r="M891">
            <v>0</v>
          </cell>
          <cell r="Q891">
            <v>0</v>
          </cell>
        </row>
        <row r="892">
          <cell r="E892">
            <v>0</v>
          </cell>
          <cell r="H892">
            <v>0</v>
          </cell>
          <cell r="I892">
            <v>0</v>
          </cell>
          <cell r="M892">
            <v>0</v>
          </cell>
          <cell r="Q892">
            <v>0</v>
          </cell>
        </row>
        <row r="893">
          <cell r="E893">
            <v>0</v>
          </cell>
          <cell r="H893">
            <v>0</v>
          </cell>
          <cell r="I893">
            <v>0</v>
          </cell>
          <cell r="M893">
            <v>0</v>
          </cell>
          <cell r="Q893">
            <v>0</v>
          </cell>
        </row>
        <row r="894">
          <cell r="E894">
            <v>0</v>
          </cell>
          <cell r="H894">
            <v>0</v>
          </cell>
          <cell r="I894">
            <v>0</v>
          </cell>
          <cell r="M894">
            <v>0</v>
          </cell>
          <cell r="Q894">
            <v>0</v>
          </cell>
        </row>
        <row r="895">
          <cell r="E895">
            <v>0</v>
          </cell>
          <cell r="H895">
            <v>0</v>
          </cell>
          <cell r="I895">
            <v>0</v>
          </cell>
          <cell r="M895">
            <v>0</v>
          </cell>
          <cell r="Q895">
            <v>0</v>
          </cell>
        </row>
        <row r="896">
          <cell r="E896">
            <v>0</v>
          </cell>
          <cell r="H896">
            <v>0</v>
          </cell>
          <cell r="I896">
            <v>0</v>
          </cell>
          <cell r="M896">
            <v>0</v>
          </cell>
          <cell r="Q896">
            <v>0</v>
          </cell>
        </row>
        <row r="897">
          <cell r="E897">
            <v>0</v>
          </cell>
          <cell r="H897">
            <v>0</v>
          </cell>
          <cell r="I897">
            <v>0</v>
          </cell>
          <cell r="M897">
            <v>0</v>
          </cell>
          <cell r="Q897">
            <v>0</v>
          </cell>
        </row>
        <row r="898">
          <cell r="E898">
            <v>0</v>
          </cell>
          <cell r="H898">
            <v>0</v>
          </cell>
          <cell r="I898">
            <v>0</v>
          </cell>
          <cell r="M898">
            <v>0</v>
          </cell>
          <cell r="Q898">
            <v>0</v>
          </cell>
        </row>
        <row r="899">
          <cell r="E899">
            <v>0</v>
          </cell>
          <cell r="H899">
            <v>0</v>
          </cell>
          <cell r="I899">
            <v>0</v>
          </cell>
          <cell r="M899">
            <v>0</v>
          </cell>
          <cell r="Q899">
            <v>0</v>
          </cell>
        </row>
        <row r="900">
          <cell r="E900">
            <v>0</v>
          </cell>
          <cell r="H900">
            <v>0</v>
          </cell>
          <cell r="I900">
            <v>0</v>
          </cell>
          <cell r="M900">
            <v>0</v>
          </cell>
          <cell r="Q900">
            <v>0</v>
          </cell>
        </row>
        <row r="901">
          <cell r="E901">
            <v>0</v>
          </cell>
          <cell r="H901">
            <v>0</v>
          </cell>
          <cell r="I901">
            <v>0</v>
          </cell>
          <cell r="M901">
            <v>0</v>
          </cell>
          <cell r="Q901">
            <v>0</v>
          </cell>
        </row>
        <row r="902">
          <cell r="E902">
            <v>0</v>
          </cell>
          <cell r="H902">
            <v>0</v>
          </cell>
          <cell r="I902">
            <v>0</v>
          </cell>
          <cell r="M902">
            <v>0</v>
          </cell>
          <cell r="Q902">
            <v>0</v>
          </cell>
        </row>
        <row r="903">
          <cell r="E903">
            <v>0</v>
          </cell>
          <cell r="H903">
            <v>0</v>
          </cell>
          <cell r="I903">
            <v>0</v>
          </cell>
          <cell r="M903">
            <v>0</v>
          </cell>
          <cell r="Q903">
            <v>0</v>
          </cell>
        </row>
        <row r="904">
          <cell r="E904">
            <v>0</v>
          </cell>
          <cell r="H904">
            <v>0</v>
          </cell>
          <cell r="I904">
            <v>0</v>
          </cell>
          <cell r="M904">
            <v>0</v>
          </cell>
          <cell r="Q904">
            <v>0</v>
          </cell>
        </row>
        <row r="905">
          <cell r="E905">
            <v>0</v>
          </cell>
          <cell r="H905">
            <v>0</v>
          </cell>
          <cell r="I905">
            <v>0</v>
          </cell>
          <cell r="M905">
            <v>0</v>
          </cell>
          <cell r="Q905">
            <v>0</v>
          </cell>
        </row>
        <row r="906">
          <cell r="E906">
            <v>0</v>
          </cell>
          <cell r="H906">
            <v>0</v>
          </cell>
          <cell r="I906">
            <v>0</v>
          </cell>
          <cell r="M906">
            <v>0</v>
          </cell>
          <cell r="Q906">
            <v>0</v>
          </cell>
        </row>
        <row r="907">
          <cell r="E907">
            <v>0</v>
          </cell>
          <cell r="H907">
            <v>0</v>
          </cell>
          <cell r="I907">
            <v>0</v>
          </cell>
          <cell r="M907">
            <v>0</v>
          </cell>
          <cell r="Q907">
            <v>0</v>
          </cell>
        </row>
        <row r="908">
          <cell r="E908">
            <v>0</v>
          </cell>
          <cell r="H908">
            <v>0</v>
          </cell>
          <cell r="I908">
            <v>0</v>
          </cell>
          <cell r="M908">
            <v>0</v>
          </cell>
          <cell r="Q908">
            <v>0</v>
          </cell>
        </row>
        <row r="909">
          <cell r="E909">
            <v>0</v>
          </cell>
          <cell r="H909">
            <v>0</v>
          </cell>
          <cell r="I909">
            <v>0</v>
          </cell>
          <cell r="M909">
            <v>0</v>
          </cell>
          <cell r="Q909">
            <v>0</v>
          </cell>
        </row>
        <row r="910">
          <cell r="E910">
            <v>0</v>
          </cell>
          <cell r="H910">
            <v>0</v>
          </cell>
          <cell r="I910">
            <v>0</v>
          </cell>
          <cell r="M910">
            <v>0</v>
          </cell>
          <cell r="Q910">
            <v>0</v>
          </cell>
        </row>
        <row r="911">
          <cell r="E911">
            <v>0</v>
          </cell>
          <cell r="H911">
            <v>0</v>
          </cell>
          <cell r="I911">
            <v>0</v>
          </cell>
          <cell r="M911">
            <v>0</v>
          </cell>
          <cell r="Q911">
            <v>0</v>
          </cell>
        </row>
        <row r="912">
          <cell r="E912">
            <v>0</v>
          </cell>
          <cell r="H912">
            <v>0</v>
          </cell>
          <cell r="I912">
            <v>0</v>
          </cell>
          <cell r="M912">
            <v>0</v>
          </cell>
          <cell r="Q912">
            <v>0</v>
          </cell>
        </row>
        <row r="913">
          <cell r="E913">
            <v>0</v>
          </cell>
          <cell r="H913">
            <v>0</v>
          </cell>
          <cell r="I913">
            <v>0</v>
          </cell>
          <cell r="M913">
            <v>0</v>
          </cell>
          <cell r="Q913">
            <v>0</v>
          </cell>
        </row>
        <row r="914">
          <cell r="E914">
            <v>0</v>
          </cell>
          <cell r="H914">
            <v>0</v>
          </cell>
          <cell r="I914">
            <v>0</v>
          </cell>
          <cell r="M914">
            <v>0</v>
          </cell>
          <cell r="Q914">
            <v>0</v>
          </cell>
        </row>
        <row r="915">
          <cell r="E915">
            <v>0</v>
          </cell>
          <cell r="H915">
            <v>0</v>
          </cell>
          <cell r="I915">
            <v>0</v>
          </cell>
          <cell r="M915">
            <v>0</v>
          </cell>
          <cell r="Q915">
            <v>0</v>
          </cell>
        </row>
        <row r="916">
          <cell r="E916">
            <v>0</v>
          </cell>
          <cell r="H916">
            <v>0</v>
          </cell>
          <cell r="I916">
            <v>0</v>
          </cell>
          <cell r="M916">
            <v>0</v>
          </cell>
          <cell r="Q916">
            <v>0</v>
          </cell>
        </row>
        <row r="917">
          <cell r="E917">
            <v>0</v>
          </cell>
          <cell r="H917">
            <v>0</v>
          </cell>
          <cell r="I917">
            <v>0</v>
          </cell>
          <cell r="M917">
            <v>0</v>
          </cell>
          <cell r="Q917">
            <v>0</v>
          </cell>
        </row>
        <row r="918">
          <cell r="E918">
            <v>0</v>
          </cell>
          <cell r="H918">
            <v>0</v>
          </cell>
          <cell r="I918">
            <v>0</v>
          </cell>
          <cell r="M918">
            <v>0</v>
          </cell>
          <cell r="Q918">
            <v>0</v>
          </cell>
        </row>
        <row r="919">
          <cell r="E919">
            <v>0</v>
          </cell>
          <cell r="H919">
            <v>0</v>
          </cell>
          <cell r="I919">
            <v>0</v>
          </cell>
          <cell r="M919">
            <v>0</v>
          </cell>
          <cell r="Q919">
            <v>0</v>
          </cell>
        </row>
        <row r="920">
          <cell r="E920">
            <v>0</v>
          </cell>
          <cell r="H920">
            <v>0</v>
          </cell>
          <cell r="I920">
            <v>0</v>
          </cell>
          <cell r="M920">
            <v>0</v>
          </cell>
          <cell r="Q920">
            <v>0</v>
          </cell>
        </row>
        <row r="921">
          <cell r="E921">
            <v>0</v>
          </cell>
          <cell r="H921">
            <v>0</v>
          </cell>
          <cell r="I921">
            <v>0</v>
          </cell>
          <cell r="M921">
            <v>0</v>
          </cell>
          <cell r="Q921">
            <v>0</v>
          </cell>
        </row>
        <row r="922">
          <cell r="E922">
            <v>0</v>
          </cell>
          <cell r="H922">
            <v>0</v>
          </cell>
          <cell r="I922">
            <v>0</v>
          </cell>
          <cell r="M922">
            <v>0</v>
          </cell>
          <cell r="Q922">
            <v>0</v>
          </cell>
        </row>
        <row r="923">
          <cell r="E923">
            <v>0</v>
          </cell>
          <cell r="H923">
            <v>0</v>
          </cell>
          <cell r="I923">
            <v>0</v>
          </cell>
          <cell r="M923">
            <v>0</v>
          </cell>
          <cell r="Q923">
            <v>0</v>
          </cell>
        </row>
        <row r="924">
          <cell r="E924">
            <v>0</v>
          </cell>
          <cell r="H924">
            <v>0</v>
          </cell>
          <cell r="I924">
            <v>0</v>
          </cell>
          <cell r="M924">
            <v>0</v>
          </cell>
          <cell r="Q924">
            <v>0</v>
          </cell>
        </row>
        <row r="925">
          <cell r="E925">
            <v>0</v>
          </cell>
          <cell r="H925">
            <v>0</v>
          </cell>
          <cell r="I925">
            <v>0</v>
          </cell>
          <cell r="M925">
            <v>0</v>
          </cell>
          <cell r="Q925">
            <v>0</v>
          </cell>
        </row>
        <row r="926">
          <cell r="E926">
            <v>0</v>
          </cell>
          <cell r="H926">
            <v>0</v>
          </cell>
          <cell r="I926">
            <v>0</v>
          </cell>
          <cell r="M926">
            <v>0</v>
          </cell>
          <cell r="Q926">
            <v>0</v>
          </cell>
        </row>
        <row r="927">
          <cell r="E927">
            <v>0</v>
          </cell>
          <cell r="H927">
            <v>0</v>
          </cell>
          <cell r="I927">
            <v>0</v>
          </cell>
          <cell r="M927">
            <v>0</v>
          </cell>
          <cell r="Q927">
            <v>0</v>
          </cell>
        </row>
        <row r="928">
          <cell r="E928">
            <v>0</v>
          </cell>
          <cell r="H928">
            <v>0</v>
          </cell>
          <cell r="I928">
            <v>0</v>
          </cell>
          <cell r="M928">
            <v>0</v>
          </cell>
          <cell r="Q928">
            <v>0</v>
          </cell>
        </row>
        <row r="929">
          <cell r="E929">
            <v>0</v>
          </cell>
          <cell r="H929">
            <v>0</v>
          </cell>
          <cell r="I929">
            <v>0</v>
          </cell>
          <cell r="M929">
            <v>0</v>
          </cell>
          <cell r="Q929">
            <v>0</v>
          </cell>
        </row>
        <row r="930">
          <cell r="E930">
            <v>0</v>
          </cell>
          <cell r="H930">
            <v>0</v>
          </cell>
          <cell r="I930">
            <v>0</v>
          </cell>
          <cell r="M930">
            <v>0</v>
          </cell>
          <cell r="Q930">
            <v>0</v>
          </cell>
        </row>
        <row r="931">
          <cell r="E931">
            <v>0</v>
          </cell>
          <cell r="H931">
            <v>0</v>
          </cell>
          <cell r="I931">
            <v>0</v>
          </cell>
          <cell r="M931">
            <v>0</v>
          </cell>
          <cell r="Q931">
            <v>0</v>
          </cell>
        </row>
        <row r="932">
          <cell r="E932">
            <v>0</v>
          </cell>
          <cell r="H932">
            <v>0</v>
          </cell>
          <cell r="I932">
            <v>0</v>
          </cell>
          <cell r="M932">
            <v>0</v>
          </cell>
          <cell r="Q932">
            <v>0</v>
          </cell>
        </row>
        <row r="933">
          <cell r="E933">
            <v>0</v>
          </cell>
          <cell r="H933">
            <v>0</v>
          </cell>
          <cell r="I933">
            <v>0</v>
          </cell>
          <cell r="M933">
            <v>0</v>
          </cell>
          <cell r="Q933">
            <v>0</v>
          </cell>
        </row>
        <row r="934">
          <cell r="E934">
            <v>0</v>
          </cell>
          <cell r="H934">
            <v>0</v>
          </cell>
          <cell r="I934">
            <v>0</v>
          </cell>
          <cell r="M934">
            <v>0</v>
          </cell>
          <cell r="Q934">
            <v>0</v>
          </cell>
        </row>
        <row r="935">
          <cell r="E935">
            <v>0</v>
          </cell>
          <cell r="H935">
            <v>0</v>
          </cell>
          <cell r="I935">
            <v>0</v>
          </cell>
          <cell r="M935">
            <v>0</v>
          </cell>
          <cell r="Q935">
            <v>0</v>
          </cell>
        </row>
        <row r="936">
          <cell r="E936">
            <v>0</v>
          </cell>
          <cell r="H936">
            <v>0</v>
          </cell>
          <cell r="I936">
            <v>0</v>
          </cell>
          <cell r="M936">
            <v>0</v>
          </cell>
          <cell r="Q936">
            <v>0</v>
          </cell>
        </row>
        <row r="937">
          <cell r="E937">
            <v>0</v>
          </cell>
          <cell r="H937">
            <v>0</v>
          </cell>
          <cell r="I937">
            <v>0</v>
          </cell>
          <cell r="M937">
            <v>0</v>
          </cell>
          <cell r="Q937">
            <v>0</v>
          </cell>
        </row>
        <row r="938">
          <cell r="E938">
            <v>0</v>
          </cell>
          <cell r="H938">
            <v>0</v>
          </cell>
          <cell r="I938">
            <v>0</v>
          </cell>
          <cell r="M938">
            <v>0</v>
          </cell>
          <cell r="Q938">
            <v>0</v>
          </cell>
        </row>
        <row r="939">
          <cell r="E939">
            <v>0</v>
          </cell>
          <cell r="H939">
            <v>0</v>
          </cell>
          <cell r="I939">
            <v>0</v>
          </cell>
          <cell r="M939">
            <v>0</v>
          </cell>
          <cell r="Q939">
            <v>0</v>
          </cell>
        </row>
        <row r="940">
          <cell r="E940">
            <v>0</v>
          </cell>
          <cell r="H940">
            <v>0</v>
          </cell>
          <cell r="I940">
            <v>0</v>
          </cell>
          <cell r="M940">
            <v>0</v>
          </cell>
          <cell r="Q940">
            <v>0</v>
          </cell>
        </row>
        <row r="941">
          <cell r="E941">
            <v>0</v>
          </cell>
          <cell r="H941">
            <v>0</v>
          </cell>
          <cell r="I941">
            <v>0</v>
          </cell>
          <cell r="M941">
            <v>0</v>
          </cell>
          <cell r="Q941">
            <v>0</v>
          </cell>
        </row>
        <row r="942">
          <cell r="E942">
            <v>0</v>
          </cell>
          <cell r="H942">
            <v>0</v>
          </cell>
          <cell r="I942">
            <v>0</v>
          </cell>
          <cell r="M942">
            <v>0</v>
          </cell>
          <cell r="Q942">
            <v>0</v>
          </cell>
        </row>
        <row r="943">
          <cell r="E943">
            <v>0</v>
          </cell>
          <cell r="H943">
            <v>0</v>
          </cell>
          <cell r="I943">
            <v>0</v>
          </cell>
          <cell r="M943">
            <v>0</v>
          </cell>
          <cell r="Q943">
            <v>0</v>
          </cell>
        </row>
        <row r="944">
          <cell r="E944">
            <v>0</v>
          </cell>
          <cell r="H944">
            <v>0</v>
          </cell>
          <cell r="I944">
            <v>0</v>
          </cell>
          <cell r="M944">
            <v>0</v>
          </cell>
          <cell r="Q944">
            <v>0</v>
          </cell>
        </row>
        <row r="945">
          <cell r="E945">
            <v>0</v>
          </cell>
          <cell r="H945">
            <v>0</v>
          </cell>
          <cell r="I945">
            <v>0</v>
          </cell>
          <cell r="M945">
            <v>0</v>
          </cell>
          <cell r="Q945">
            <v>0</v>
          </cell>
        </row>
        <row r="946">
          <cell r="E946">
            <v>0</v>
          </cell>
          <cell r="H946">
            <v>0</v>
          </cell>
          <cell r="I946">
            <v>0</v>
          </cell>
          <cell r="M946">
            <v>0</v>
          </cell>
          <cell r="Q946">
            <v>0</v>
          </cell>
        </row>
        <row r="947">
          <cell r="E947">
            <v>0</v>
          </cell>
          <cell r="H947">
            <v>0</v>
          </cell>
          <cell r="I947">
            <v>0</v>
          </cell>
          <cell r="M947">
            <v>0</v>
          </cell>
          <cell r="Q947">
            <v>0</v>
          </cell>
        </row>
        <row r="948">
          <cell r="E948">
            <v>0</v>
          </cell>
          <cell r="H948">
            <v>0</v>
          </cell>
          <cell r="I948">
            <v>0</v>
          </cell>
          <cell r="M948">
            <v>0</v>
          </cell>
          <cell r="Q948">
            <v>0</v>
          </cell>
        </row>
        <row r="949">
          <cell r="E949">
            <v>0</v>
          </cell>
          <cell r="H949">
            <v>0</v>
          </cell>
          <cell r="I949">
            <v>0</v>
          </cell>
          <cell r="M949">
            <v>0</v>
          </cell>
          <cell r="Q949">
            <v>0</v>
          </cell>
        </row>
        <row r="950">
          <cell r="E950">
            <v>0</v>
          </cell>
          <cell r="H950">
            <v>0</v>
          </cell>
          <cell r="I950">
            <v>0</v>
          </cell>
          <cell r="M950">
            <v>0</v>
          </cell>
          <cell r="Q950">
            <v>0</v>
          </cell>
        </row>
        <row r="951">
          <cell r="E951">
            <v>0</v>
          </cell>
          <cell r="H951">
            <v>0</v>
          </cell>
          <cell r="I951">
            <v>0</v>
          </cell>
          <cell r="M951">
            <v>0</v>
          </cell>
          <cell r="Q951">
            <v>0</v>
          </cell>
        </row>
        <row r="952">
          <cell r="E952">
            <v>0</v>
          </cell>
          <cell r="H952">
            <v>0</v>
          </cell>
          <cell r="I952">
            <v>0</v>
          </cell>
          <cell r="M952">
            <v>0</v>
          </cell>
          <cell r="Q952">
            <v>0</v>
          </cell>
        </row>
        <row r="953">
          <cell r="E953">
            <v>0</v>
          </cell>
          <cell r="H953">
            <v>0</v>
          </cell>
          <cell r="I953">
            <v>0</v>
          </cell>
          <cell r="M953">
            <v>0</v>
          </cell>
          <cell r="Q953">
            <v>0</v>
          </cell>
        </row>
        <row r="954">
          <cell r="E954">
            <v>0</v>
          </cell>
          <cell r="H954">
            <v>0</v>
          </cell>
          <cell r="I954">
            <v>0</v>
          </cell>
          <cell r="M954">
            <v>0</v>
          </cell>
          <cell r="Q954">
            <v>0</v>
          </cell>
        </row>
        <row r="955">
          <cell r="E955">
            <v>0</v>
          </cell>
          <cell r="H955">
            <v>0</v>
          </cell>
          <cell r="I955">
            <v>0</v>
          </cell>
          <cell r="M955">
            <v>0</v>
          </cell>
          <cell r="Q955">
            <v>0</v>
          </cell>
        </row>
        <row r="956">
          <cell r="E956">
            <v>0</v>
          </cell>
          <cell r="H956">
            <v>0</v>
          </cell>
          <cell r="I956">
            <v>0</v>
          </cell>
          <cell r="M956">
            <v>0</v>
          </cell>
          <cell r="Q956">
            <v>0</v>
          </cell>
        </row>
        <row r="957">
          <cell r="E957">
            <v>0</v>
          </cell>
          <cell r="H957">
            <v>0</v>
          </cell>
          <cell r="I957">
            <v>0</v>
          </cell>
          <cell r="M957">
            <v>0</v>
          </cell>
          <cell r="Q957">
            <v>0</v>
          </cell>
        </row>
        <row r="958">
          <cell r="E958">
            <v>0</v>
          </cell>
          <cell r="H958">
            <v>0</v>
          </cell>
          <cell r="I958">
            <v>0</v>
          </cell>
          <cell r="M958">
            <v>0</v>
          </cell>
          <cell r="Q958">
            <v>0</v>
          </cell>
        </row>
        <row r="959">
          <cell r="E959">
            <v>0</v>
          </cell>
          <cell r="H959">
            <v>0</v>
          </cell>
          <cell r="I959">
            <v>0</v>
          </cell>
          <cell r="M959">
            <v>0</v>
          </cell>
          <cell r="Q959">
            <v>0</v>
          </cell>
        </row>
        <row r="960">
          <cell r="E960">
            <v>0</v>
          </cell>
          <cell r="H960">
            <v>0</v>
          </cell>
          <cell r="I960">
            <v>0</v>
          </cell>
          <cell r="M960">
            <v>0</v>
          </cell>
          <cell r="Q960">
            <v>0</v>
          </cell>
        </row>
        <row r="961">
          <cell r="E961">
            <v>0</v>
          </cell>
          <cell r="H961">
            <v>0</v>
          </cell>
          <cell r="I961">
            <v>0</v>
          </cell>
          <cell r="M961">
            <v>0</v>
          </cell>
          <cell r="Q961">
            <v>0</v>
          </cell>
        </row>
        <row r="962">
          <cell r="E962">
            <v>0</v>
          </cell>
          <cell r="H962">
            <v>0</v>
          </cell>
          <cell r="I962">
            <v>0</v>
          </cell>
          <cell r="M962">
            <v>0</v>
          </cell>
          <cell r="Q962">
            <v>0</v>
          </cell>
        </row>
        <row r="963">
          <cell r="E963">
            <v>0</v>
          </cell>
          <cell r="H963">
            <v>0</v>
          </cell>
          <cell r="I963">
            <v>0</v>
          </cell>
          <cell r="M963">
            <v>0</v>
          </cell>
          <cell r="Q963">
            <v>0</v>
          </cell>
        </row>
        <row r="964">
          <cell r="E964">
            <v>0</v>
          </cell>
          <cell r="H964">
            <v>0</v>
          </cell>
          <cell r="I964">
            <v>0</v>
          </cell>
          <cell r="M964">
            <v>0</v>
          </cell>
          <cell r="Q964">
            <v>0</v>
          </cell>
        </row>
        <row r="965">
          <cell r="E965">
            <v>0</v>
          </cell>
          <cell r="H965">
            <v>0</v>
          </cell>
          <cell r="I965">
            <v>0</v>
          </cell>
          <cell r="M965">
            <v>0</v>
          </cell>
          <cell r="Q965">
            <v>0</v>
          </cell>
        </row>
        <row r="966">
          <cell r="E966">
            <v>0</v>
          </cell>
          <cell r="H966">
            <v>0</v>
          </cell>
          <cell r="I966">
            <v>0</v>
          </cell>
          <cell r="M966">
            <v>0</v>
          </cell>
          <cell r="Q966">
            <v>0</v>
          </cell>
        </row>
        <row r="967">
          <cell r="E967">
            <v>0</v>
          </cell>
          <cell r="H967">
            <v>0</v>
          </cell>
          <cell r="I967">
            <v>0</v>
          </cell>
          <cell r="M967">
            <v>0</v>
          </cell>
          <cell r="Q967">
            <v>0</v>
          </cell>
        </row>
        <row r="968">
          <cell r="E968">
            <v>0</v>
          </cell>
          <cell r="H968">
            <v>0</v>
          </cell>
          <cell r="I968">
            <v>0</v>
          </cell>
          <cell r="M968">
            <v>0</v>
          </cell>
          <cell r="Q968">
            <v>0</v>
          </cell>
        </row>
        <row r="969">
          <cell r="E969">
            <v>0</v>
          </cell>
          <cell r="H969">
            <v>0</v>
          </cell>
          <cell r="I969">
            <v>0</v>
          </cell>
          <cell r="M969">
            <v>0</v>
          </cell>
          <cell r="Q969">
            <v>0</v>
          </cell>
        </row>
        <row r="970">
          <cell r="E970">
            <v>0</v>
          </cell>
          <cell r="H970">
            <v>0</v>
          </cell>
          <cell r="I970">
            <v>0</v>
          </cell>
          <cell r="M970">
            <v>0</v>
          </cell>
          <cell r="Q970">
            <v>0</v>
          </cell>
        </row>
        <row r="971">
          <cell r="E971">
            <v>0</v>
          </cell>
          <cell r="H971">
            <v>0</v>
          </cell>
          <cell r="I971">
            <v>0</v>
          </cell>
          <cell r="M971">
            <v>0</v>
          </cell>
          <cell r="Q971">
            <v>0</v>
          </cell>
        </row>
        <row r="972">
          <cell r="E972">
            <v>0</v>
          </cell>
          <cell r="H972">
            <v>0</v>
          </cell>
          <cell r="I972">
            <v>0</v>
          </cell>
          <cell r="M972">
            <v>0</v>
          </cell>
          <cell r="Q972">
            <v>0</v>
          </cell>
        </row>
        <row r="973">
          <cell r="E973">
            <v>0</v>
          </cell>
          <cell r="H973">
            <v>0</v>
          </cell>
          <cell r="I973">
            <v>0</v>
          </cell>
          <cell r="M973">
            <v>0</v>
          </cell>
          <cell r="Q973">
            <v>0</v>
          </cell>
        </row>
        <row r="974">
          <cell r="E974">
            <v>0</v>
          </cell>
          <cell r="H974">
            <v>0</v>
          </cell>
          <cell r="I974">
            <v>0</v>
          </cell>
          <cell r="M974">
            <v>0</v>
          </cell>
          <cell r="Q974">
            <v>0</v>
          </cell>
        </row>
        <row r="975">
          <cell r="E975">
            <v>0</v>
          </cell>
          <cell r="H975">
            <v>0</v>
          </cell>
          <cell r="I975">
            <v>0</v>
          </cell>
          <cell r="M975">
            <v>0</v>
          </cell>
          <cell r="Q975">
            <v>0</v>
          </cell>
        </row>
        <row r="976">
          <cell r="E976">
            <v>0</v>
          </cell>
          <cell r="H976">
            <v>0</v>
          </cell>
          <cell r="I976">
            <v>0</v>
          </cell>
          <cell r="M976">
            <v>0</v>
          </cell>
          <cell r="Q976">
            <v>0</v>
          </cell>
        </row>
        <row r="977">
          <cell r="E977">
            <v>0</v>
          </cell>
          <cell r="H977">
            <v>0</v>
          </cell>
          <cell r="I977">
            <v>0</v>
          </cell>
          <cell r="M977">
            <v>0</v>
          </cell>
          <cell r="Q977">
            <v>0</v>
          </cell>
        </row>
        <row r="978">
          <cell r="E978">
            <v>0</v>
          </cell>
          <cell r="H978">
            <v>0</v>
          </cell>
          <cell r="I978">
            <v>0</v>
          </cell>
          <cell r="M978">
            <v>0</v>
          </cell>
          <cell r="Q978">
            <v>0</v>
          </cell>
        </row>
        <row r="979">
          <cell r="E979">
            <v>0</v>
          </cell>
          <cell r="H979">
            <v>0</v>
          </cell>
          <cell r="I979">
            <v>0</v>
          </cell>
          <cell r="M979">
            <v>0</v>
          </cell>
          <cell r="Q979">
            <v>0</v>
          </cell>
        </row>
        <row r="980">
          <cell r="E980">
            <v>0</v>
          </cell>
          <cell r="H980">
            <v>0</v>
          </cell>
          <cell r="I980">
            <v>0</v>
          </cell>
          <cell r="M980">
            <v>0</v>
          </cell>
          <cell r="Q980">
            <v>0</v>
          </cell>
        </row>
        <row r="981">
          <cell r="E981">
            <v>0</v>
          </cell>
          <cell r="H981">
            <v>0</v>
          </cell>
          <cell r="I981">
            <v>0</v>
          </cell>
          <cell r="M981">
            <v>0</v>
          </cell>
          <cell r="Q981">
            <v>0</v>
          </cell>
        </row>
        <row r="982">
          <cell r="E982">
            <v>0</v>
          </cell>
          <cell r="H982">
            <v>0</v>
          </cell>
          <cell r="I982">
            <v>0</v>
          </cell>
          <cell r="M982">
            <v>0</v>
          </cell>
          <cell r="Q982">
            <v>0</v>
          </cell>
        </row>
        <row r="983">
          <cell r="E983">
            <v>0</v>
          </cell>
          <cell r="H983">
            <v>0</v>
          </cell>
          <cell r="I983">
            <v>0</v>
          </cell>
          <cell r="M983">
            <v>0</v>
          </cell>
          <cell r="Q983">
            <v>0</v>
          </cell>
        </row>
        <row r="984">
          <cell r="E984">
            <v>0</v>
          </cell>
          <cell r="H984">
            <v>0</v>
          </cell>
          <cell r="I984">
            <v>0</v>
          </cell>
          <cell r="M984">
            <v>0</v>
          </cell>
          <cell r="Q984">
            <v>0</v>
          </cell>
        </row>
        <row r="985">
          <cell r="E985">
            <v>0</v>
          </cell>
          <cell r="H985">
            <v>0</v>
          </cell>
          <cell r="I985">
            <v>0</v>
          </cell>
          <cell r="M985">
            <v>0</v>
          </cell>
          <cell r="Q985">
            <v>0</v>
          </cell>
        </row>
        <row r="986">
          <cell r="E986">
            <v>0</v>
          </cell>
          <cell r="H986">
            <v>0</v>
          </cell>
          <cell r="I986">
            <v>0</v>
          </cell>
          <cell r="M986">
            <v>0</v>
          </cell>
          <cell r="Q986">
            <v>0</v>
          </cell>
        </row>
        <row r="987">
          <cell r="E987">
            <v>0</v>
          </cell>
          <cell r="H987">
            <v>0</v>
          </cell>
          <cell r="I987">
            <v>0</v>
          </cell>
          <cell r="M987">
            <v>0</v>
          </cell>
          <cell r="Q987">
            <v>0</v>
          </cell>
        </row>
        <row r="988">
          <cell r="E988">
            <v>0</v>
          </cell>
          <cell r="H988">
            <v>0</v>
          </cell>
          <cell r="I988">
            <v>0</v>
          </cell>
          <cell r="M988">
            <v>0</v>
          </cell>
          <cell r="Q988">
            <v>0</v>
          </cell>
        </row>
        <row r="989">
          <cell r="E989">
            <v>0</v>
          </cell>
          <cell r="H989">
            <v>0</v>
          </cell>
          <cell r="I989">
            <v>0</v>
          </cell>
          <cell r="M989">
            <v>0</v>
          </cell>
          <cell r="Q989">
            <v>0</v>
          </cell>
        </row>
        <row r="990">
          <cell r="E990">
            <v>0</v>
          </cell>
          <cell r="H990">
            <v>0</v>
          </cell>
          <cell r="I990">
            <v>0</v>
          </cell>
          <cell r="M990">
            <v>0</v>
          </cell>
          <cell r="Q990">
            <v>0</v>
          </cell>
        </row>
        <row r="991">
          <cell r="E991">
            <v>0</v>
          </cell>
          <cell r="H991">
            <v>0</v>
          </cell>
          <cell r="I991">
            <v>0</v>
          </cell>
          <cell r="M991">
            <v>0</v>
          </cell>
          <cell r="Q991">
            <v>0</v>
          </cell>
        </row>
        <row r="992">
          <cell r="E992">
            <v>0</v>
          </cell>
          <cell r="H992">
            <v>0</v>
          </cell>
          <cell r="I992">
            <v>0</v>
          </cell>
          <cell r="M992">
            <v>0</v>
          </cell>
          <cell r="Q992">
            <v>0</v>
          </cell>
        </row>
        <row r="993">
          <cell r="E993">
            <v>0</v>
          </cell>
          <cell r="H993">
            <v>0</v>
          </cell>
          <cell r="I993">
            <v>0</v>
          </cell>
          <cell r="M993">
            <v>0</v>
          </cell>
          <cell r="Q993">
            <v>0</v>
          </cell>
        </row>
        <row r="994">
          <cell r="E994">
            <v>0</v>
          </cell>
          <cell r="H994">
            <v>0</v>
          </cell>
          <cell r="I994">
            <v>0</v>
          </cell>
          <cell r="M994">
            <v>0</v>
          </cell>
          <cell r="Q994">
            <v>0</v>
          </cell>
        </row>
        <row r="995">
          <cell r="E995">
            <v>0</v>
          </cell>
          <cell r="H995">
            <v>0</v>
          </cell>
          <cell r="I995">
            <v>0</v>
          </cell>
          <cell r="M995">
            <v>0</v>
          </cell>
          <cell r="Q995">
            <v>0</v>
          </cell>
        </row>
        <row r="996">
          <cell r="E996">
            <v>0</v>
          </cell>
          <cell r="H996">
            <v>0</v>
          </cell>
          <cell r="I996">
            <v>0</v>
          </cell>
          <cell r="M996">
            <v>0</v>
          </cell>
          <cell r="Q996">
            <v>0</v>
          </cell>
        </row>
        <row r="997">
          <cell r="E997">
            <v>0</v>
          </cell>
          <cell r="H997">
            <v>0</v>
          </cell>
          <cell r="I997">
            <v>0</v>
          </cell>
          <cell r="M997">
            <v>0</v>
          </cell>
          <cell r="Q997">
            <v>0</v>
          </cell>
        </row>
        <row r="998">
          <cell r="E998">
            <v>0</v>
          </cell>
          <cell r="H998">
            <v>0</v>
          </cell>
          <cell r="I998">
            <v>0</v>
          </cell>
          <cell r="M998">
            <v>0</v>
          </cell>
          <cell r="Q998">
            <v>0</v>
          </cell>
        </row>
        <row r="999">
          <cell r="E999">
            <v>0</v>
          </cell>
          <cell r="H999">
            <v>0</v>
          </cell>
          <cell r="I999">
            <v>0</v>
          </cell>
          <cell r="M999">
            <v>0</v>
          </cell>
          <cell r="Q999">
            <v>0</v>
          </cell>
        </row>
        <row r="1000">
          <cell r="E1000">
            <v>0</v>
          </cell>
          <cell r="H1000">
            <v>0</v>
          </cell>
          <cell r="I1000">
            <v>0</v>
          </cell>
          <cell r="M1000">
            <v>0</v>
          </cell>
          <cell r="Q1000">
            <v>0</v>
          </cell>
        </row>
        <row r="1001">
          <cell r="E1001">
            <v>0</v>
          </cell>
          <cell r="H1001">
            <v>0</v>
          </cell>
          <cell r="I1001">
            <v>0</v>
          </cell>
          <cell r="M1001">
            <v>0</v>
          </cell>
          <cell r="Q1001">
            <v>0</v>
          </cell>
        </row>
        <row r="1002">
          <cell r="E1002">
            <v>0</v>
          </cell>
          <cell r="H1002">
            <v>0</v>
          </cell>
          <cell r="I1002">
            <v>0</v>
          </cell>
          <cell r="M1002">
            <v>0</v>
          </cell>
          <cell r="Q1002">
            <v>0</v>
          </cell>
        </row>
        <row r="1003">
          <cell r="E1003">
            <v>0</v>
          </cell>
          <cell r="H1003">
            <v>0</v>
          </cell>
          <cell r="I1003">
            <v>0</v>
          </cell>
          <cell r="M1003">
            <v>0</v>
          </cell>
          <cell r="Q1003">
            <v>0</v>
          </cell>
        </row>
        <row r="1004">
          <cell r="E1004">
            <v>0</v>
          </cell>
          <cell r="H1004">
            <v>0</v>
          </cell>
          <cell r="I1004">
            <v>0</v>
          </cell>
          <cell r="M1004">
            <v>0</v>
          </cell>
          <cell r="Q1004">
            <v>0</v>
          </cell>
        </row>
        <row r="1005">
          <cell r="E1005">
            <v>0</v>
          </cell>
          <cell r="H1005">
            <v>0</v>
          </cell>
          <cell r="I1005">
            <v>0</v>
          </cell>
          <cell r="M1005">
            <v>0</v>
          </cell>
          <cell r="Q1005">
            <v>0</v>
          </cell>
        </row>
        <row r="1006">
          <cell r="E1006">
            <v>0</v>
          </cell>
          <cell r="H1006">
            <v>0</v>
          </cell>
          <cell r="I1006">
            <v>0</v>
          </cell>
          <cell r="M1006">
            <v>0</v>
          </cell>
          <cell r="Q1006">
            <v>0</v>
          </cell>
        </row>
        <row r="1007">
          <cell r="E1007">
            <v>0</v>
          </cell>
          <cell r="H1007">
            <v>0</v>
          </cell>
          <cell r="I1007">
            <v>0</v>
          </cell>
          <cell r="M1007">
            <v>0</v>
          </cell>
          <cell r="Q1007">
            <v>0</v>
          </cell>
        </row>
        <row r="1008">
          <cell r="E1008">
            <v>0</v>
          </cell>
          <cell r="H1008">
            <v>0</v>
          </cell>
          <cell r="I1008">
            <v>0</v>
          </cell>
          <cell r="M1008">
            <v>0</v>
          </cell>
          <cell r="Q1008">
            <v>0</v>
          </cell>
        </row>
        <row r="1009">
          <cell r="E1009">
            <v>0</v>
          </cell>
          <cell r="H1009">
            <v>0</v>
          </cell>
          <cell r="I1009">
            <v>0</v>
          </cell>
          <cell r="M1009">
            <v>0</v>
          </cell>
          <cell r="Q1009">
            <v>0</v>
          </cell>
        </row>
        <row r="1010">
          <cell r="E1010">
            <v>0</v>
          </cell>
          <cell r="H1010">
            <v>0</v>
          </cell>
          <cell r="I1010">
            <v>0</v>
          </cell>
          <cell r="M1010">
            <v>0</v>
          </cell>
          <cell r="Q1010">
            <v>0</v>
          </cell>
        </row>
        <row r="1011">
          <cell r="E1011">
            <v>0</v>
          </cell>
          <cell r="H1011">
            <v>0</v>
          </cell>
          <cell r="I1011">
            <v>0</v>
          </cell>
          <cell r="M1011">
            <v>0</v>
          </cell>
          <cell r="Q1011">
            <v>0</v>
          </cell>
        </row>
        <row r="1012">
          <cell r="E1012">
            <v>0</v>
          </cell>
          <cell r="H1012">
            <v>0</v>
          </cell>
          <cell r="I1012">
            <v>0</v>
          </cell>
          <cell r="M1012">
            <v>0</v>
          </cell>
          <cell r="Q1012">
            <v>0</v>
          </cell>
        </row>
        <row r="1013">
          <cell r="E1013">
            <v>0</v>
          </cell>
          <cell r="H1013">
            <v>0</v>
          </cell>
          <cell r="I1013">
            <v>0</v>
          </cell>
          <cell r="M1013">
            <v>0</v>
          </cell>
          <cell r="Q1013">
            <v>0</v>
          </cell>
        </row>
        <row r="1014">
          <cell r="E1014">
            <v>0</v>
          </cell>
          <cell r="H1014">
            <v>0</v>
          </cell>
          <cell r="I1014">
            <v>0</v>
          </cell>
          <cell r="M1014">
            <v>0</v>
          </cell>
          <cell r="Q1014">
            <v>0</v>
          </cell>
        </row>
        <row r="1015">
          <cell r="E1015">
            <v>0</v>
          </cell>
          <cell r="H1015">
            <v>0</v>
          </cell>
          <cell r="I1015">
            <v>0</v>
          </cell>
          <cell r="M1015">
            <v>0</v>
          </cell>
          <cell r="Q1015">
            <v>0</v>
          </cell>
        </row>
        <row r="1016">
          <cell r="E1016">
            <v>0</v>
          </cell>
          <cell r="H1016">
            <v>0</v>
          </cell>
          <cell r="I1016">
            <v>0</v>
          </cell>
          <cell r="M1016">
            <v>0</v>
          </cell>
          <cell r="Q1016">
            <v>0</v>
          </cell>
        </row>
        <row r="1017">
          <cell r="E1017">
            <v>0</v>
          </cell>
          <cell r="H1017">
            <v>0</v>
          </cell>
          <cell r="I1017">
            <v>0</v>
          </cell>
          <cell r="M1017">
            <v>0</v>
          </cell>
          <cell r="Q1017">
            <v>0</v>
          </cell>
        </row>
        <row r="1018">
          <cell r="E1018">
            <v>0</v>
          </cell>
          <cell r="H1018">
            <v>0</v>
          </cell>
          <cell r="I1018">
            <v>0</v>
          </cell>
          <cell r="M1018">
            <v>0</v>
          </cell>
          <cell r="Q1018">
            <v>0</v>
          </cell>
        </row>
        <row r="1019">
          <cell r="E1019">
            <v>0</v>
          </cell>
          <cell r="H1019">
            <v>0</v>
          </cell>
          <cell r="I1019">
            <v>0</v>
          </cell>
          <cell r="M1019">
            <v>0</v>
          </cell>
          <cell r="Q1019">
            <v>0</v>
          </cell>
        </row>
        <row r="1020">
          <cell r="E1020">
            <v>0</v>
          </cell>
          <cell r="H1020">
            <v>0</v>
          </cell>
          <cell r="I1020">
            <v>0</v>
          </cell>
          <cell r="M1020">
            <v>0</v>
          </cell>
          <cell r="Q1020">
            <v>0</v>
          </cell>
        </row>
        <row r="1021">
          <cell r="E1021">
            <v>0</v>
          </cell>
          <cell r="H1021">
            <v>0</v>
          </cell>
          <cell r="I1021">
            <v>0</v>
          </cell>
          <cell r="M1021">
            <v>0</v>
          </cell>
          <cell r="Q1021">
            <v>0</v>
          </cell>
        </row>
        <row r="1022">
          <cell r="E1022">
            <v>0</v>
          </cell>
          <cell r="H1022">
            <v>0</v>
          </cell>
          <cell r="I1022">
            <v>0</v>
          </cell>
          <cell r="M1022">
            <v>0</v>
          </cell>
          <cell r="Q1022">
            <v>0</v>
          </cell>
        </row>
        <row r="1023">
          <cell r="E1023">
            <v>0</v>
          </cell>
          <cell r="H1023">
            <v>0</v>
          </cell>
          <cell r="I1023">
            <v>0</v>
          </cell>
          <cell r="M1023">
            <v>0</v>
          </cell>
          <cell r="Q1023">
            <v>0</v>
          </cell>
        </row>
        <row r="1024">
          <cell r="E1024">
            <v>0</v>
          </cell>
          <cell r="H1024">
            <v>0</v>
          </cell>
          <cell r="I1024">
            <v>0</v>
          </cell>
          <cell r="M1024">
            <v>0</v>
          </cell>
          <cell r="Q1024">
            <v>0</v>
          </cell>
        </row>
        <row r="1025">
          <cell r="E1025">
            <v>0</v>
          </cell>
          <cell r="H1025">
            <v>0</v>
          </cell>
          <cell r="I1025">
            <v>0</v>
          </cell>
          <cell r="M1025">
            <v>0</v>
          </cell>
          <cell r="Q1025">
            <v>0</v>
          </cell>
        </row>
        <row r="1026">
          <cell r="E1026">
            <v>0</v>
          </cell>
          <cell r="H1026">
            <v>0</v>
          </cell>
          <cell r="I1026">
            <v>0</v>
          </cell>
          <cell r="M1026">
            <v>0</v>
          </cell>
          <cell r="Q1026">
            <v>0</v>
          </cell>
        </row>
        <row r="1027">
          <cell r="E1027">
            <v>0</v>
          </cell>
          <cell r="H1027">
            <v>0</v>
          </cell>
          <cell r="I1027">
            <v>0</v>
          </cell>
          <cell r="M1027">
            <v>0</v>
          </cell>
          <cell r="Q1027">
            <v>0</v>
          </cell>
        </row>
        <row r="1028">
          <cell r="E1028">
            <v>0</v>
          </cell>
          <cell r="H1028">
            <v>0</v>
          </cell>
          <cell r="I1028">
            <v>0</v>
          </cell>
          <cell r="M1028">
            <v>0</v>
          </cell>
          <cell r="Q1028">
            <v>0</v>
          </cell>
        </row>
        <row r="1029">
          <cell r="E1029">
            <v>0</v>
          </cell>
          <cell r="H1029">
            <v>0</v>
          </cell>
          <cell r="I1029">
            <v>0</v>
          </cell>
          <cell r="M1029">
            <v>0</v>
          </cell>
          <cell r="Q1029">
            <v>0</v>
          </cell>
        </row>
        <row r="1030">
          <cell r="E1030">
            <v>0</v>
          </cell>
          <cell r="H1030">
            <v>0</v>
          </cell>
          <cell r="I1030">
            <v>0</v>
          </cell>
          <cell r="M1030">
            <v>0</v>
          </cell>
          <cell r="Q1030">
            <v>0</v>
          </cell>
        </row>
        <row r="1031">
          <cell r="E1031">
            <v>0</v>
          </cell>
          <cell r="H1031">
            <v>0</v>
          </cell>
          <cell r="I1031">
            <v>0</v>
          </cell>
          <cell r="M1031">
            <v>0</v>
          </cell>
          <cell r="Q1031">
            <v>0</v>
          </cell>
        </row>
        <row r="1032">
          <cell r="E1032">
            <v>0</v>
          </cell>
          <cell r="H1032">
            <v>0</v>
          </cell>
          <cell r="I1032">
            <v>0</v>
          </cell>
          <cell r="M1032">
            <v>0</v>
          </cell>
          <cell r="Q1032">
            <v>0</v>
          </cell>
        </row>
        <row r="1033">
          <cell r="E1033">
            <v>0</v>
          </cell>
          <cell r="H1033">
            <v>0</v>
          </cell>
          <cell r="I1033">
            <v>0</v>
          </cell>
          <cell r="M1033">
            <v>0</v>
          </cell>
          <cell r="Q1033">
            <v>0</v>
          </cell>
        </row>
        <row r="1034">
          <cell r="E1034">
            <v>0</v>
          </cell>
          <cell r="H1034">
            <v>0</v>
          </cell>
          <cell r="I1034">
            <v>0</v>
          </cell>
          <cell r="M1034">
            <v>0</v>
          </cell>
          <cell r="Q1034">
            <v>0</v>
          </cell>
        </row>
        <row r="1035">
          <cell r="E1035">
            <v>0</v>
          </cell>
          <cell r="H1035">
            <v>0</v>
          </cell>
          <cell r="I1035">
            <v>0</v>
          </cell>
          <cell r="M1035">
            <v>0</v>
          </cell>
          <cell r="Q1035">
            <v>0</v>
          </cell>
        </row>
        <row r="1036">
          <cell r="E1036">
            <v>0</v>
          </cell>
          <cell r="H1036">
            <v>0</v>
          </cell>
          <cell r="I1036">
            <v>0</v>
          </cell>
          <cell r="M1036">
            <v>0</v>
          </cell>
          <cell r="Q1036">
            <v>0</v>
          </cell>
        </row>
        <row r="1037">
          <cell r="E1037">
            <v>0</v>
          </cell>
          <cell r="H1037">
            <v>0</v>
          </cell>
          <cell r="I1037">
            <v>0</v>
          </cell>
          <cell r="M1037">
            <v>0</v>
          </cell>
          <cell r="Q1037">
            <v>0</v>
          </cell>
        </row>
        <row r="1038">
          <cell r="E1038">
            <v>0</v>
          </cell>
          <cell r="H1038">
            <v>0</v>
          </cell>
          <cell r="I1038">
            <v>0</v>
          </cell>
          <cell r="M1038">
            <v>0</v>
          </cell>
          <cell r="Q1038">
            <v>0</v>
          </cell>
        </row>
        <row r="1039">
          <cell r="E1039">
            <v>0</v>
          </cell>
          <cell r="H1039">
            <v>0</v>
          </cell>
          <cell r="I1039">
            <v>0</v>
          </cell>
          <cell r="M1039">
            <v>0</v>
          </cell>
          <cell r="Q1039">
            <v>0</v>
          </cell>
        </row>
        <row r="1040">
          <cell r="E1040">
            <v>0</v>
          </cell>
          <cell r="H1040">
            <v>0</v>
          </cell>
          <cell r="I1040">
            <v>0</v>
          </cell>
          <cell r="M1040">
            <v>0</v>
          </cell>
          <cell r="Q1040">
            <v>0</v>
          </cell>
        </row>
        <row r="1041">
          <cell r="E1041">
            <v>0</v>
          </cell>
          <cell r="H1041">
            <v>0</v>
          </cell>
          <cell r="I1041">
            <v>0</v>
          </cell>
          <cell r="M1041">
            <v>0</v>
          </cell>
          <cell r="Q1041">
            <v>0</v>
          </cell>
        </row>
        <row r="1042">
          <cell r="E1042">
            <v>0</v>
          </cell>
          <cell r="H1042">
            <v>0</v>
          </cell>
          <cell r="I1042">
            <v>0</v>
          </cell>
          <cell r="M1042">
            <v>0</v>
          </cell>
          <cell r="Q1042">
            <v>0</v>
          </cell>
        </row>
        <row r="1043">
          <cell r="E1043">
            <v>0</v>
          </cell>
          <cell r="H1043">
            <v>0</v>
          </cell>
          <cell r="I1043">
            <v>0</v>
          </cell>
          <cell r="M1043">
            <v>0</v>
          </cell>
          <cell r="Q1043">
            <v>0</v>
          </cell>
        </row>
        <row r="1044">
          <cell r="E1044">
            <v>0</v>
          </cell>
          <cell r="H1044">
            <v>0</v>
          </cell>
          <cell r="I1044">
            <v>0</v>
          </cell>
          <cell r="M1044">
            <v>0</v>
          </cell>
          <cell r="Q1044">
            <v>0</v>
          </cell>
        </row>
        <row r="1045">
          <cell r="E1045">
            <v>0</v>
          </cell>
          <cell r="H1045">
            <v>0</v>
          </cell>
          <cell r="I1045">
            <v>0</v>
          </cell>
          <cell r="M1045">
            <v>0</v>
          </cell>
          <cell r="Q1045">
            <v>0</v>
          </cell>
        </row>
        <row r="1046">
          <cell r="E1046">
            <v>0</v>
          </cell>
          <cell r="H1046">
            <v>0</v>
          </cell>
          <cell r="I1046">
            <v>0</v>
          </cell>
          <cell r="M1046">
            <v>0</v>
          </cell>
          <cell r="Q1046">
            <v>0</v>
          </cell>
        </row>
        <row r="1047">
          <cell r="E1047">
            <v>0</v>
          </cell>
          <cell r="H1047">
            <v>0</v>
          </cell>
          <cell r="I1047">
            <v>0</v>
          </cell>
          <cell r="M1047">
            <v>0</v>
          </cell>
          <cell r="Q1047">
            <v>0</v>
          </cell>
        </row>
        <row r="1048">
          <cell r="E1048">
            <v>0</v>
          </cell>
          <cell r="H1048">
            <v>0</v>
          </cell>
          <cell r="I1048">
            <v>0</v>
          </cell>
          <cell r="M1048">
            <v>0</v>
          </cell>
          <cell r="Q1048">
            <v>0</v>
          </cell>
        </row>
        <row r="1049">
          <cell r="E1049">
            <v>0</v>
          </cell>
          <cell r="H1049">
            <v>0</v>
          </cell>
          <cell r="I1049">
            <v>0</v>
          </cell>
          <cell r="M1049">
            <v>0</v>
          </cell>
          <cell r="Q1049">
            <v>0</v>
          </cell>
        </row>
        <row r="1050">
          <cell r="E1050">
            <v>0</v>
          </cell>
          <cell r="H1050">
            <v>0</v>
          </cell>
          <cell r="I1050">
            <v>0</v>
          </cell>
          <cell r="M1050">
            <v>0</v>
          </cell>
          <cell r="Q1050">
            <v>0</v>
          </cell>
        </row>
        <row r="1051">
          <cell r="E1051">
            <v>0</v>
          </cell>
          <cell r="H1051">
            <v>0</v>
          </cell>
          <cell r="I1051">
            <v>0</v>
          </cell>
          <cell r="M1051">
            <v>0</v>
          </cell>
          <cell r="Q1051">
            <v>0</v>
          </cell>
        </row>
        <row r="1052">
          <cell r="E1052">
            <v>0</v>
          </cell>
          <cell r="H1052">
            <v>0</v>
          </cell>
          <cell r="I1052">
            <v>0</v>
          </cell>
          <cell r="M1052">
            <v>0</v>
          </cell>
          <cell r="Q1052">
            <v>0</v>
          </cell>
        </row>
        <row r="1053">
          <cell r="E1053">
            <v>0</v>
          </cell>
          <cell r="H1053">
            <v>0</v>
          </cell>
          <cell r="I1053">
            <v>0</v>
          </cell>
          <cell r="M1053">
            <v>0</v>
          </cell>
          <cell r="Q1053">
            <v>0</v>
          </cell>
        </row>
        <row r="1054">
          <cell r="E1054">
            <v>0</v>
          </cell>
          <cell r="H1054">
            <v>0</v>
          </cell>
          <cell r="I1054">
            <v>0</v>
          </cell>
          <cell r="M1054">
            <v>0</v>
          </cell>
          <cell r="Q1054">
            <v>0</v>
          </cell>
        </row>
        <row r="1055">
          <cell r="E1055">
            <v>0</v>
          </cell>
          <cell r="H1055">
            <v>0</v>
          </cell>
          <cell r="I1055">
            <v>0</v>
          </cell>
          <cell r="M1055">
            <v>0</v>
          </cell>
          <cell r="Q1055">
            <v>0</v>
          </cell>
        </row>
        <row r="1056">
          <cell r="E1056">
            <v>0</v>
          </cell>
          <cell r="H1056">
            <v>0</v>
          </cell>
          <cell r="I1056">
            <v>0</v>
          </cell>
          <cell r="M1056">
            <v>0</v>
          </cell>
          <cell r="Q1056">
            <v>0</v>
          </cell>
        </row>
        <row r="1057">
          <cell r="E1057">
            <v>0</v>
          </cell>
          <cell r="H1057">
            <v>0</v>
          </cell>
          <cell r="I1057">
            <v>0</v>
          </cell>
          <cell r="M1057">
            <v>0</v>
          </cell>
          <cell r="Q1057">
            <v>0</v>
          </cell>
        </row>
        <row r="1058">
          <cell r="E1058">
            <v>0</v>
          </cell>
          <cell r="H1058">
            <v>0</v>
          </cell>
          <cell r="I1058">
            <v>0</v>
          </cell>
          <cell r="M1058">
            <v>0</v>
          </cell>
          <cell r="Q1058">
            <v>0</v>
          </cell>
        </row>
        <row r="1059">
          <cell r="E1059">
            <v>0</v>
          </cell>
          <cell r="H1059">
            <v>0</v>
          </cell>
          <cell r="I1059">
            <v>0</v>
          </cell>
          <cell r="M1059">
            <v>0</v>
          </cell>
          <cell r="Q1059">
            <v>0</v>
          </cell>
        </row>
        <row r="1060">
          <cell r="E1060">
            <v>0</v>
          </cell>
          <cell r="H1060">
            <v>0</v>
          </cell>
          <cell r="I1060">
            <v>0</v>
          </cell>
          <cell r="M1060">
            <v>0</v>
          </cell>
          <cell r="Q1060">
            <v>0</v>
          </cell>
        </row>
        <row r="1061">
          <cell r="E1061">
            <v>0</v>
          </cell>
          <cell r="H1061">
            <v>0</v>
          </cell>
          <cell r="I1061">
            <v>0</v>
          </cell>
          <cell r="M1061">
            <v>0</v>
          </cell>
          <cell r="Q1061">
            <v>0</v>
          </cell>
        </row>
        <row r="1062">
          <cell r="E1062">
            <v>0</v>
          </cell>
          <cell r="H1062">
            <v>0</v>
          </cell>
          <cell r="I1062">
            <v>0</v>
          </cell>
          <cell r="M1062">
            <v>0</v>
          </cell>
          <cell r="Q1062">
            <v>0</v>
          </cell>
        </row>
        <row r="1063">
          <cell r="E1063">
            <v>0</v>
          </cell>
          <cell r="H1063">
            <v>0</v>
          </cell>
          <cell r="I1063">
            <v>0</v>
          </cell>
          <cell r="M1063">
            <v>0</v>
          </cell>
          <cell r="Q1063">
            <v>0</v>
          </cell>
        </row>
        <row r="1064">
          <cell r="E1064">
            <v>0</v>
          </cell>
          <cell r="H1064">
            <v>0</v>
          </cell>
          <cell r="I1064">
            <v>0</v>
          </cell>
          <cell r="M1064">
            <v>0</v>
          </cell>
          <cell r="Q1064">
            <v>0</v>
          </cell>
        </row>
        <row r="1065">
          <cell r="E1065">
            <v>0</v>
          </cell>
          <cell r="H1065">
            <v>0</v>
          </cell>
          <cell r="I1065">
            <v>0</v>
          </cell>
          <cell r="M1065">
            <v>0</v>
          </cell>
          <cell r="Q1065">
            <v>0</v>
          </cell>
        </row>
        <row r="1066">
          <cell r="E1066">
            <v>0</v>
          </cell>
          <cell r="H1066">
            <v>0</v>
          </cell>
          <cell r="I1066">
            <v>0</v>
          </cell>
          <cell r="M1066">
            <v>0</v>
          </cell>
          <cell r="Q1066">
            <v>0</v>
          </cell>
        </row>
        <row r="1067">
          <cell r="E1067">
            <v>0</v>
          </cell>
          <cell r="H1067">
            <v>0</v>
          </cell>
          <cell r="I1067">
            <v>0</v>
          </cell>
          <cell r="M1067">
            <v>0</v>
          </cell>
          <cell r="Q1067">
            <v>0</v>
          </cell>
        </row>
        <row r="1068">
          <cell r="E1068">
            <v>0</v>
          </cell>
          <cell r="H1068">
            <v>0</v>
          </cell>
          <cell r="I1068">
            <v>0</v>
          </cell>
          <cell r="M1068">
            <v>0</v>
          </cell>
          <cell r="Q1068">
            <v>0</v>
          </cell>
        </row>
        <row r="1069">
          <cell r="E1069">
            <v>0</v>
          </cell>
          <cell r="H1069">
            <v>0</v>
          </cell>
          <cell r="I1069">
            <v>0</v>
          </cell>
          <cell r="M1069">
            <v>0</v>
          </cell>
          <cell r="Q1069">
            <v>0</v>
          </cell>
        </row>
        <row r="1070">
          <cell r="E1070">
            <v>0</v>
          </cell>
          <cell r="H1070">
            <v>0</v>
          </cell>
          <cell r="I1070">
            <v>0</v>
          </cell>
          <cell r="M1070">
            <v>0</v>
          </cell>
          <cell r="Q1070">
            <v>0</v>
          </cell>
        </row>
        <row r="1071">
          <cell r="E1071">
            <v>0</v>
          </cell>
          <cell r="H1071">
            <v>0</v>
          </cell>
          <cell r="I1071">
            <v>0</v>
          </cell>
          <cell r="M1071">
            <v>0</v>
          </cell>
          <cell r="Q1071">
            <v>0</v>
          </cell>
        </row>
        <row r="1072">
          <cell r="E1072">
            <v>0</v>
          </cell>
          <cell r="H1072">
            <v>0</v>
          </cell>
          <cell r="I1072">
            <v>0</v>
          </cell>
          <cell r="M1072">
            <v>0</v>
          </cell>
          <cell r="Q1072">
            <v>0</v>
          </cell>
        </row>
        <row r="1073">
          <cell r="E1073">
            <v>0</v>
          </cell>
          <cell r="H1073">
            <v>0</v>
          </cell>
          <cell r="I1073">
            <v>0</v>
          </cell>
          <cell r="M1073">
            <v>0</v>
          </cell>
          <cell r="Q1073">
            <v>0</v>
          </cell>
        </row>
        <row r="1074">
          <cell r="E1074">
            <v>0</v>
          </cell>
          <cell r="H1074">
            <v>0</v>
          </cell>
          <cell r="I1074">
            <v>0</v>
          </cell>
          <cell r="M1074">
            <v>0</v>
          </cell>
          <cell r="Q1074">
            <v>0</v>
          </cell>
        </row>
        <row r="1075">
          <cell r="E1075">
            <v>0</v>
          </cell>
          <cell r="H1075">
            <v>0</v>
          </cell>
          <cell r="I1075">
            <v>0</v>
          </cell>
          <cell r="M1075">
            <v>0</v>
          </cell>
          <cell r="Q1075">
            <v>0</v>
          </cell>
        </row>
        <row r="1076">
          <cell r="E1076">
            <v>0</v>
          </cell>
          <cell r="H1076">
            <v>0</v>
          </cell>
          <cell r="I1076">
            <v>0</v>
          </cell>
          <cell r="M1076">
            <v>0</v>
          </cell>
          <cell r="Q1076">
            <v>0</v>
          </cell>
        </row>
        <row r="1077">
          <cell r="E1077">
            <v>0</v>
          </cell>
          <cell r="H1077">
            <v>0</v>
          </cell>
          <cell r="I1077">
            <v>0</v>
          </cell>
          <cell r="M1077">
            <v>0</v>
          </cell>
          <cell r="Q1077">
            <v>0</v>
          </cell>
        </row>
        <row r="1078">
          <cell r="E1078">
            <v>0</v>
          </cell>
          <cell r="H1078">
            <v>0</v>
          </cell>
          <cell r="I1078">
            <v>0</v>
          </cell>
          <cell r="M1078">
            <v>0</v>
          </cell>
          <cell r="Q1078">
            <v>0</v>
          </cell>
        </row>
        <row r="1079">
          <cell r="E1079">
            <v>0</v>
          </cell>
          <cell r="H1079">
            <v>0</v>
          </cell>
          <cell r="I1079">
            <v>0</v>
          </cell>
          <cell r="M1079">
            <v>0</v>
          </cell>
          <cell r="Q1079">
            <v>0</v>
          </cell>
        </row>
        <row r="1080">
          <cell r="E1080">
            <v>0</v>
          </cell>
          <cell r="H1080">
            <v>0</v>
          </cell>
          <cell r="I1080">
            <v>0</v>
          </cell>
          <cell r="M1080">
            <v>0</v>
          </cell>
          <cell r="Q1080">
            <v>0</v>
          </cell>
        </row>
        <row r="1081">
          <cell r="E1081">
            <v>0</v>
          </cell>
          <cell r="H1081">
            <v>0</v>
          </cell>
          <cell r="I1081">
            <v>0</v>
          </cell>
          <cell r="M1081">
            <v>0</v>
          </cell>
          <cell r="Q1081">
            <v>0</v>
          </cell>
        </row>
        <row r="1082">
          <cell r="E1082">
            <v>0</v>
          </cell>
          <cell r="H1082">
            <v>0</v>
          </cell>
          <cell r="I1082">
            <v>0</v>
          </cell>
          <cell r="M1082">
            <v>0</v>
          </cell>
          <cell r="Q1082">
            <v>0</v>
          </cell>
        </row>
        <row r="1083">
          <cell r="E1083">
            <v>0</v>
          </cell>
          <cell r="H1083">
            <v>0</v>
          </cell>
          <cell r="I1083">
            <v>0</v>
          </cell>
          <cell r="M1083">
            <v>0</v>
          </cell>
          <cell r="Q1083">
            <v>0</v>
          </cell>
        </row>
        <row r="1084">
          <cell r="E1084">
            <v>0</v>
          </cell>
          <cell r="H1084">
            <v>0</v>
          </cell>
          <cell r="I1084">
            <v>0</v>
          </cell>
          <cell r="M1084">
            <v>0</v>
          </cell>
          <cell r="Q1084">
            <v>0</v>
          </cell>
        </row>
        <row r="1085">
          <cell r="E1085">
            <v>0</v>
          </cell>
          <cell r="H1085">
            <v>0</v>
          </cell>
          <cell r="I1085">
            <v>0</v>
          </cell>
          <cell r="M1085">
            <v>0</v>
          </cell>
          <cell r="Q1085">
            <v>0</v>
          </cell>
        </row>
        <row r="1086">
          <cell r="E1086">
            <v>0</v>
          </cell>
          <cell r="H1086">
            <v>0</v>
          </cell>
          <cell r="I1086">
            <v>0</v>
          </cell>
          <cell r="M1086">
            <v>0</v>
          </cell>
          <cell r="Q1086">
            <v>0</v>
          </cell>
        </row>
        <row r="1087">
          <cell r="E1087">
            <v>0</v>
          </cell>
          <cell r="H1087">
            <v>0</v>
          </cell>
          <cell r="I1087">
            <v>0</v>
          </cell>
          <cell r="M1087">
            <v>0</v>
          </cell>
          <cell r="Q1087">
            <v>0</v>
          </cell>
        </row>
        <row r="1088">
          <cell r="E1088">
            <v>0</v>
          </cell>
          <cell r="H1088">
            <v>0</v>
          </cell>
          <cell r="I1088">
            <v>0</v>
          </cell>
          <cell r="M1088">
            <v>0</v>
          </cell>
          <cell r="Q1088">
            <v>0</v>
          </cell>
        </row>
        <row r="1089">
          <cell r="E1089">
            <v>0</v>
          </cell>
          <cell r="H1089">
            <v>0</v>
          </cell>
          <cell r="I1089">
            <v>0</v>
          </cell>
          <cell r="M1089">
            <v>0</v>
          </cell>
          <cell r="Q1089">
            <v>0</v>
          </cell>
        </row>
        <row r="1090">
          <cell r="E1090">
            <v>0</v>
          </cell>
          <cell r="H1090">
            <v>0</v>
          </cell>
          <cell r="I1090">
            <v>0</v>
          </cell>
          <cell r="M1090">
            <v>0</v>
          </cell>
          <cell r="Q1090">
            <v>0</v>
          </cell>
        </row>
        <row r="1091">
          <cell r="E1091">
            <v>0</v>
          </cell>
          <cell r="H1091">
            <v>0</v>
          </cell>
          <cell r="I1091">
            <v>0</v>
          </cell>
          <cell r="M1091">
            <v>0</v>
          </cell>
          <cell r="Q1091">
            <v>0</v>
          </cell>
        </row>
        <row r="1092">
          <cell r="E1092">
            <v>0</v>
          </cell>
          <cell r="H1092">
            <v>0</v>
          </cell>
          <cell r="I1092">
            <v>0</v>
          </cell>
          <cell r="M1092">
            <v>0</v>
          </cell>
          <cell r="Q1092">
            <v>0</v>
          </cell>
        </row>
        <row r="1093">
          <cell r="E1093">
            <v>0</v>
          </cell>
          <cell r="H1093">
            <v>0</v>
          </cell>
          <cell r="I1093">
            <v>0</v>
          </cell>
          <cell r="M1093">
            <v>0</v>
          </cell>
          <cell r="Q1093">
            <v>0</v>
          </cell>
        </row>
        <row r="1094">
          <cell r="E1094">
            <v>0</v>
          </cell>
          <cell r="H1094">
            <v>0</v>
          </cell>
          <cell r="I1094">
            <v>0</v>
          </cell>
          <cell r="M1094">
            <v>0</v>
          </cell>
          <cell r="Q1094">
            <v>0</v>
          </cell>
        </row>
        <row r="1095">
          <cell r="E1095">
            <v>0</v>
          </cell>
          <cell r="H1095">
            <v>0</v>
          </cell>
          <cell r="I1095">
            <v>0</v>
          </cell>
          <cell r="M1095">
            <v>0</v>
          </cell>
          <cell r="Q1095">
            <v>0</v>
          </cell>
        </row>
        <row r="1096">
          <cell r="E1096">
            <v>0</v>
          </cell>
          <cell r="H1096">
            <v>0</v>
          </cell>
          <cell r="I1096">
            <v>0</v>
          </cell>
          <cell r="M1096">
            <v>0</v>
          </cell>
          <cell r="Q1096">
            <v>0</v>
          </cell>
        </row>
        <row r="1097">
          <cell r="E1097">
            <v>0</v>
          </cell>
          <cell r="H1097">
            <v>0</v>
          </cell>
          <cell r="I1097">
            <v>0</v>
          </cell>
          <cell r="M1097">
            <v>0</v>
          </cell>
          <cell r="Q1097">
            <v>0</v>
          </cell>
        </row>
        <row r="1098">
          <cell r="E1098">
            <v>0</v>
          </cell>
          <cell r="H1098">
            <v>0</v>
          </cell>
          <cell r="I1098">
            <v>0</v>
          </cell>
          <cell r="M1098">
            <v>0</v>
          </cell>
          <cell r="Q1098">
            <v>0</v>
          </cell>
        </row>
        <row r="1099">
          <cell r="E1099">
            <v>0</v>
          </cell>
          <cell r="H1099">
            <v>0</v>
          </cell>
          <cell r="I1099">
            <v>0</v>
          </cell>
          <cell r="M1099">
            <v>0</v>
          </cell>
          <cell r="Q1099">
            <v>0</v>
          </cell>
        </row>
        <row r="1100">
          <cell r="E1100">
            <v>0</v>
          </cell>
          <cell r="H1100">
            <v>0</v>
          </cell>
          <cell r="I1100">
            <v>0</v>
          </cell>
          <cell r="M1100">
            <v>0</v>
          </cell>
          <cell r="Q1100">
            <v>0</v>
          </cell>
        </row>
        <row r="1101">
          <cell r="E1101">
            <v>0</v>
          </cell>
          <cell r="H1101">
            <v>0</v>
          </cell>
          <cell r="I1101">
            <v>0</v>
          </cell>
          <cell r="M1101">
            <v>0</v>
          </cell>
          <cell r="Q1101">
            <v>0</v>
          </cell>
        </row>
        <row r="1102">
          <cell r="E1102">
            <v>0</v>
          </cell>
          <cell r="H1102">
            <v>0</v>
          </cell>
          <cell r="I1102">
            <v>0</v>
          </cell>
          <cell r="M1102">
            <v>0</v>
          </cell>
          <cell r="Q1102">
            <v>0</v>
          </cell>
        </row>
        <row r="1103">
          <cell r="E1103">
            <v>0</v>
          </cell>
          <cell r="H1103">
            <v>0</v>
          </cell>
          <cell r="I1103">
            <v>0</v>
          </cell>
          <cell r="M1103">
            <v>0</v>
          </cell>
          <cell r="Q1103">
            <v>0</v>
          </cell>
        </row>
        <row r="1104">
          <cell r="E1104">
            <v>0</v>
          </cell>
          <cell r="H1104">
            <v>0</v>
          </cell>
          <cell r="I1104">
            <v>0</v>
          </cell>
          <cell r="M1104">
            <v>0</v>
          </cell>
          <cell r="Q1104">
            <v>0</v>
          </cell>
        </row>
        <row r="1105">
          <cell r="E1105">
            <v>0</v>
          </cell>
          <cell r="H1105">
            <v>0</v>
          </cell>
          <cell r="I1105">
            <v>0</v>
          </cell>
          <cell r="M1105">
            <v>0</v>
          </cell>
          <cell r="Q1105">
            <v>0</v>
          </cell>
        </row>
        <row r="1106">
          <cell r="E1106">
            <v>0</v>
          </cell>
          <cell r="H1106">
            <v>0</v>
          </cell>
          <cell r="I1106">
            <v>0</v>
          </cell>
          <cell r="M1106">
            <v>0</v>
          </cell>
          <cell r="Q1106">
            <v>0</v>
          </cell>
        </row>
        <row r="1107">
          <cell r="E1107">
            <v>0</v>
          </cell>
          <cell r="H1107">
            <v>0</v>
          </cell>
          <cell r="I1107">
            <v>0</v>
          </cell>
          <cell r="M1107">
            <v>0</v>
          </cell>
          <cell r="Q1107">
            <v>0</v>
          </cell>
        </row>
        <row r="1108">
          <cell r="E1108">
            <v>0</v>
          </cell>
          <cell r="H1108">
            <v>0</v>
          </cell>
          <cell r="I1108">
            <v>0</v>
          </cell>
          <cell r="M1108">
            <v>0</v>
          </cell>
          <cell r="Q1108">
            <v>0</v>
          </cell>
        </row>
        <row r="1109">
          <cell r="E1109">
            <v>0</v>
          </cell>
          <cell r="H1109">
            <v>0</v>
          </cell>
          <cell r="I1109">
            <v>0</v>
          </cell>
          <cell r="M1109">
            <v>0</v>
          </cell>
          <cell r="Q1109">
            <v>0</v>
          </cell>
        </row>
        <row r="1110">
          <cell r="E1110">
            <v>0</v>
          </cell>
          <cell r="H1110">
            <v>0</v>
          </cell>
          <cell r="I1110">
            <v>0</v>
          </cell>
          <cell r="M1110">
            <v>0</v>
          </cell>
          <cell r="Q1110">
            <v>0</v>
          </cell>
        </row>
        <row r="1111">
          <cell r="E1111">
            <v>0</v>
          </cell>
          <cell r="H1111">
            <v>0</v>
          </cell>
          <cell r="I1111">
            <v>0</v>
          </cell>
          <cell r="M1111">
            <v>0</v>
          </cell>
          <cell r="Q1111">
            <v>0</v>
          </cell>
        </row>
        <row r="1112">
          <cell r="E1112">
            <v>0</v>
          </cell>
          <cell r="H1112">
            <v>0</v>
          </cell>
          <cell r="I1112">
            <v>0</v>
          </cell>
          <cell r="M1112">
            <v>0</v>
          </cell>
          <cell r="Q1112">
            <v>0</v>
          </cell>
        </row>
        <row r="1113">
          <cell r="E1113">
            <v>0</v>
          </cell>
          <cell r="H1113">
            <v>0</v>
          </cell>
          <cell r="I1113">
            <v>0</v>
          </cell>
          <cell r="M1113">
            <v>0</v>
          </cell>
          <cell r="Q1113">
            <v>0</v>
          </cell>
        </row>
        <row r="1114">
          <cell r="E1114">
            <v>0</v>
          </cell>
          <cell r="H1114">
            <v>0</v>
          </cell>
          <cell r="I1114">
            <v>0</v>
          </cell>
          <cell r="M1114">
            <v>0</v>
          </cell>
          <cell r="Q1114">
            <v>0</v>
          </cell>
        </row>
        <row r="1115">
          <cell r="E1115">
            <v>0</v>
          </cell>
          <cell r="H1115">
            <v>0</v>
          </cell>
          <cell r="I1115">
            <v>0</v>
          </cell>
          <cell r="M1115">
            <v>0</v>
          </cell>
          <cell r="Q1115">
            <v>0</v>
          </cell>
        </row>
        <row r="1116">
          <cell r="E1116">
            <v>0</v>
          </cell>
          <cell r="H1116">
            <v>0</v>
          </cell>
          <cell r="I1116">
            <v>0</v>
          </cell>
          <cell r="M1116">
            <v>0</v>
          </cell>
          <cell r="Q1116">
            <v>0</v>
          </cell>
        </row>
        <row r="1117">
          <cell r="E1117">
            <v>0</v>
          </cell>
          <cell r="H1117">
            <v>0</v>
          </cell>
          <cell r="I1117">
            <v>0</v>
          </cell>
          <cell r="M1117">
            <v>0</v>
          </cell>
          <cell r="Q1117">
            <v>0</v>
          </cell>
        </row>
        <row r="1118">
          <cell r="E1118">
            <v>0</v>
          </cell>
          <cell r="H1118">
            <v>0</v>
          </cell>
          <cell r="I1118">
            <v>0</v>
          </cell>
          <cell r="M1118">
            <v>0</v>
          </cell>
          <cell r="Q1118">
            <v>0</v>
          </cell>
        </row>
        <row r="1119">
          <cell r="E1119">
            <v>0</v>
          </cell>
          <cell r="H1119">
            <v>0</v>
          </cell>
          <cell r="I1119">
            <v>0</v>
          </cell>
          <cell r="M1119">
            <v>0</v>
          </cell>
          <cell r="Q1119">
            <v>0</v>
          </cell>
        </row>
        <row r="1120">
          <cell r="E1120">
            <v>0</v>
          </cell>
          <cell r="H1120">
            <v>0</v>
          </cell>
          <cell r="I1120">
            <v>0</v>
          </cell>
          <cell r="M1120">
            <v>0</v>
          </cell>
          <cell r="Q1120">
            <v>0</v>
          </cell>
        </row>
        <row r="1121">
          <cell r="E1121">
            <v>0</v>
          </cell>
          <cell r="H1121">
            <v>0</v>
          </cell>
          <cell r="I1121">
            <v>0</v>
          </cell>
          <cell r="M1121">
            <v>0</v>
          </cell>
          <cell r="Q1121">
            <v>0</v>
          </cell>
        </row>
        <row r="1122">
          <cell r="E1122">
            <v>0</v>
          </cell>
          <cell r="H1122">
            <v>0</v>
          </cell>
          <cell r="I1122">
            <v>0</v>
          </cell>
          <cell r="M1122">
            <v>0</v>
          </cell>
          <cell r="Q1122">
            <v>0</v>
          </cell>
        </row>
        <row r="1123">
          <cell r="E1123">
            <v>0</v>
          </cell>
          <cell r="H1123">
            <v>0</v>
          </cell>
          <cell r="I1123">
            <v>0</v>
          </cell>
          <cell r="M1123">
            <v>0</v>
          </cell>
          <cell r="Q1123">
            <v>0</v>
          </cell>
        </row>
        <row r="1124">
          <cell r="E1124">
            <v>0</v>
          </cell>
          <cell r="H1124">
            <v>0</v>
          </cell>
          <cell r="I1124">
            <v>0</v>
          </cell>
          <cell r="M1124">
            <v>0</v>
          </cell>
          <cell r="Q1124">
            <v>0</v>
          </cell>
        </row>
        <row r="1125">
          <cell r="E1125">
            <v>0</v>
          </cell>
          <cell r="H1125">
            <v>0</v>
          </cell>
          <cell r="I1125">
            <v>0</v>
          </cell>
          <cell r="M1125">
            <v>0</v>
          </cell>
          <cell r="Q1125">
            <v>0</v>
          </cell>
        </row>
        <row r="1126">
          <cell r="M1126">
            <v>0</v>
          </cell>
          <cell r="Q1126">
            <v>0</v>
          </cell>
        </row>
        <row r="1127">
          <cell r="M1127">
            <v>0</v>
          </cell>
          <cell r="Q1127">
            <v>0</v>
          </cell>
        </row>
        <row r="1128">
          <cell r="M1128">
            <v>0</v>
          </cell>
          <cell r="Q1128">
            <v>0</v>
          </cell>
        </row>
        <row r="1129">
          <cell r="M1129">
            <v>0</v>
          </cell>
          <cell r="Q1129">
            <v>0</v>
          </cell>
        </row>
        <row r="1130">
          <cell r="M1130">
            <v>0</v>
          </cell>
          <cell r="Q1130">
            <v>0</v>
          </cell>
        </row>
        <row r="1131">
          <cell r="M1131">
            <v>0</v>
          </cell>
          <cell r="Q1131">
            <v>0</v>
          </cell>
        </row>
        <row r="1132">
          <cell r="M1132">
            <v>0</v>
          </cell>
          <cell r="Q1132">
            <v>0</v>
          </cell>
        </row>
        <row r="1133">
          <cell r="M1133">
            <v>0</v>
          </cell>
          <cell r="Q1133">
            <v>0</v>
          </cell>
        </row>
        <row r="1134">
          <cell r="M1134">
            <v>0</v>
          </cell>
          <cell r="Q1134">
            <v>0</v>
          </cell>
        </row>
        <row r="1135">
          <cell r="M1135">
            <v>0</v>
          </cell>
          <cell r="Q1135">
            <v>0</v>
          </cell>
        </row>
        <row r="1136">
          <cell r="M1136">
            <v>0</v>
          </cell>
          <cell r="Q1136">
            <v>0</v>
          </cell>
        </row>
        <row r="1137">
          <cell r="M1137">
            <v>0</v>
          </cell>
          <cell r="Q1137">
            <v>0</v>
          </cell>
        </row>
        <row r="1138">
          <cell r="M1138">
            <v>0</v>
          </cell>
          <cell r="Q1138">
            <v>0</v>
          </cell>
        </row>
        <row r="1139">
          <cell r="M1139">
            <v>0</v>
          </cell>
          <cell r="Q1139">
            <v>0</v>
          </cell>
        </row>
        <row r="1140">
          <cell r="M1140">
            <v>0</v>
          </cell>
          <cell r="Q1140">
            <v>0</v>
          </cell>
        </row>
        <row r="1141">
          <cell r="M1141">
            <v>0</v>
          </cell>
          <cell r="Q1141">
            <v>0</v>
          </cell>
        </row>
        <row r="1142">
          <cell r="M1142">
            <v>0</v>
          </cell>
          <cell r="Q1142">
            <v>0</v>
          </cell>
        </row>
        <row r="1143">
          <cell r="M1143">
            <v>0</v>
          </cell>
          <cell r="Q1143">
            <v>0</v>
          </cell>
        </row>
        <row r="1144">
          <cell r="M1144">
            <v>0</v>
          </cell>
          <cell r="Q1144">
            <v>0</v>
          </cell>
        </row>
        <row r="1145">
          <cell r="M1145">
            <v>0</v>
          </cell>
          <cell r="Q1145">
            <v>0</v>
          </cell>
        </row>
        <row r="1146">
          <cell r="M1146">
            <v>0</v>
          </cell>
          <cell r="Q1146">
            <v>0</v>
          </cell>
        </row>
        <row r="1147">
          <cell r="M1147">
            <v>0</v>
          </cell>
          <cell r="Q1147">
            <v>0</v>
          </cell>
        </row>
        <row r="1148">
          <cell r="M1148">
            <v>0</v>
          </cell>
          <cell r="Q1148">
            <v>0</v>
          </cell>
        </row>
        <row r="1149">
          <cell r="M1149">
            <v>0</v>
          </cell>
          <cell r="Q1149">
            <v>0</v>
          </cell>
        </row>
        <row r="1150">
          <cell r="M1150">
            <v>0</v>
          </cell>
          <cell r="Q1150">
            <v>0</v>
          </cell>
        </row>
        <row r="1151">
          <cell r="M1151">
            <v>0</v>
          </cell>
          <cell r="Q1151">
            <v>0</v>
          </cell>
        </row>
        <row r="1152">
          <cell r="M1152">
            <v>0</v>
          </cell>
          <cell r="Q1152">
            <v>0</v>
          </cell>
        </row>
        <row r="1153">
          <cell r="M1153">
            <v>0</v>
          </cell>
          <cell r="Q1153">
            <v>0</v>
          </cell>
        </row>
        <row r="1154">
          <cell r="M1154">
            <v>0</v>
          </cell>
          <cell r="Q1154">
            <v>0</v>
          </cell>
        </row>
        <row r="1155">
          <cell r="M1155">
            <v>0</v>
          </cell>
          <cell r="Q1155">
            <v>0</v>
          </cell>
        </row>
        <row r="1156">
          <cell r="M1156">
            <v>0</v>
          </cell>
          <cell r="Q1156">
            <v>0</v>
          </cell>
        </row>
        <row r="1157">
          <cell r="M1157">
            <v>0</v>
          </cell>
          <cell r="Q1157">
            <v>0</v>
          </cell>
        </row>
        <row r="1158">
          <cell r="M1158">
            <v>0</v>
          </cell>
          <cell r="Q1158">
            <v>0</v>
          </cell>
        </row>
        <row r="1159">
          <cell r="M1159">
            <v>0</v>
          </cell>
          <cell r="Q1159">
            <v>0</v>
          </cell>
        </row>
        <row r="1160">
          <cell r="M1160">
            <v>0</v>
          </cell>
          <cell r="Q1160">
            <v>0</v>
          </cell>
        </row>
        <row r="1161">
          <cell r="M1161">
            <v>0</v>
          </cell>
          <cell r="Q1161">
            <v>0</v>
          </cell>
        </row>
        <row r="1162">
          <cell r="M1162">
            <v>0</v>
          </cell>
          <cell r="Q1162">
            <v>0</v>
          </cell>
        </row>
        <row r="1163">
          <cell r="M1163">
            <v>0</v>
          </cell>
          <cell r="Q1163">
            <v>0</v>
          </cell>
        </row>
        <row r="1164">
          <cell r="M1164">
            <v>0</v>
          </cell>
          <cell r="Q1164">
            <v>0</v>
          </cell>
        </row>
        <row r="1165">
          <cell r="M1165">
            <v>0</v>
          </cell>
          <cell r="Q1165">
            <v>0</v>
          </cell>
        </row>
        <row r="1166">
          <cell r="M1166">
            <v>0</v>
          </cell>
          <cell r="Q1166">
            <v>0</v>
          </cell>
        </row>
        <row r="1167">
          <cell r="M1167">
            <v>0</v>
          </cell>
          <cell r="Q1167">
            <v>0</v>
          </cell>
        </row>
        <row r="1168">
          <cell r="M1168">
            <v>0</v>
          </cell>
          <cell r="Q1168">
            <v>0</v>
          </cell>
        </row>
        <row r="1169">
          <cell r="M1169">
            <v>0</v>
          </cell>
          <cell r="Q1169">
            <v>0</v>
          </cell>
        </row>
        <row r="1170">
          <cell r="M1170">
            <v>0</v>
          </cell>
          <cell r="Q1170">
            <v>0</v>
          </cell>
        </row>
        <row r="1171">
          <cell r="M1171">
            <v>0</v>
          </cell>
          <cell r="Q1171">
            <v>0</v>
          </cell>
        </row>
        <row r="1172">
          <cell r="M1172">
            <v>0</v>
          </cell>
          <cell r="Q1172">
            <v>0</v>
          </cell>
        </row>
        <row r="1173">
          <cell r="M1173">
            <v>0</v>
          </cell>
          <cell r="Q1173">
            <v>0</v>
          </cell>
        </row>
        <row r="1174">
          <cell r="M1174">
            <v>0</v>
          </cell>
          <cell r="Q1174">
            <v>0</v>
          </cell>
        </row>
        <row r="1175">
          <cell r="M1175">
            <v>0</v>
          </cell>
          <cell r="Q1175">
            <v>0</v>
          </cell>
        </row>
        <row r="1176">
          <cell r="M1176">
            <v>0</v>
          </cell>
          <cell r="Q1176">
            <v>0</v>
          </cell>
        </row>
        <row r="1177">
          <cell r="M1177">
            <v>0</v>
          </cell>
          <cell r="Q1177">
            <v>0</v>
          </cell>
        </row>
        <row r="1178">
          <cell r="M1178">
            <v>0</v>
          </cell>
          <cell r="Q1178">
            <v>0</v>
          </cell>
        </row>
        <row r="1179">
          <cell r="M1179">
            <v>0</v>
          </cell>
          <cell r="Q1179">
            <v>0</v>
          </cell>
        </row>
        <row r="1180">
          <cell r="M1180">
            <v>0</v>
          </cell>
          <cell r="Q1180">
            <v>0</v>
          </cell>
        </row>
        <row r="1181">
          <cell r="M1181">
            <v>0</v>
          </cell>
          <cell r="Q1181">
            <v>0</v>
          </cell>
        </row>
        <row r="1182">
          <cell r="M1182">
            <v>0</v>
          </cell>
          <cell r="Q1182">
            <v>0</v>
          </cell>
        </row>
        <row r="1183">
          <cell r="M1183">
            <v>0</v>
          </cell>
          <cell r="Q1183">
            <v>0</v>
          </cell>
        </row>
        <row r="1184">
          <cell r="M1184">
            <v>0</v>
          </cell>
          <cell r="Q1184">
            <v>0</v>
          </cell>
        </row>
        <row r="1185">
          <cell r="M1185">
            <v>0</v>
          </cell>
          <cell r="Q1185">
            <v>0</v>
          </cell>
        </row>
        <row r="1186">
          <cell r="M1186">
            <v>0</v>
          </cell>
          <cell r="Q1186">
            <v>0</v>
          </cell>
        </row>
        <row r="1187">
          <cell r="M1187">
            <v>0</v>
          </cell>
          <cell r="Q1187">
            <v>0</v>
          </cell>
        </row>
        <row r="1188">
          <cell r="M1188">
            <v>0</v>
          </cell>
          <cell r="Q1188">
            <v>0</v>
          </cell>
        </row>
        <row r="1189">
          <cell r="M1189">
            <v>0</v>
          </cell>
          <cell r="Q1189">
            <v>0</v>
          </cell>
        </row>
        <row r="1190">
          <cell r="M1190">
            <v>0</v>
          </cell>
          <cell r="Q1190">
            <v>0</v>
          </cell>
        </row>
        <row r="1191">
          <cell r="M1191">
            <v>0</v>
          </cell>
          <cell r="Q1191">
            <v>0</v>
          </cell>
        </row>
        <row r="1192">
          <cell r="M1192">
            <v>0</v>
          </cell>
          <cell r="Q1192">
            <v>0</v>
          </cell>
        </row>
        <row r="1193">
          <cell r="M1193">
            <v>0</v>
          </cell>
          <cell r="Q1193">
            <v>0</v>
          </cell>
        </row>
        <row r="1194">
          <cell r="M1194">
            <v>0</v>
          </cell>
          <cell r="Q1194">
            <v>0</v>
          </cell>
        </row>
        <row r="1195">
          <cell r="M1195">
            <v>0</v>
          </cell>
          <cell r="Q1195">
            <v>0</v>
          </cell>
        </row>
        <row r="1196">
          <cell r="M1196">
            <v>0</v>
          </cell>
          <cell r="Q1196">
            <v>0</v>
          </cell>
        </row>
        <row r="1197">
          <cell r="M1197">
            <v>0</v>
          </cell>
          <cell r="Q1197">
            <v>0</v>
          </cell>
        </row>
        <row r="1198">
          <cell r="M1198">
            <v>0</v>
          </cell>
          <cell r="Q1198">
            <v>0</v>
          </cell>
        </row>
        <row r="1199">
          <cell r="M1199">
            <v>0</v>
          </cell>
          <cell r="Q1199">
            <v>0</v>
          </cell>
        </row>
        <row r="1200">
          <cell r="M1200">
            <v>0</v>
          </cell>
          <cell r="Q1200">
            <v>0</v>
          </cell>
        </row>
        <row r="1201">
          <cell r="M1201">
            <v>0</v>
          </cell>
          <cell r="Q1201">
            <v>0</v>
          </cell>
        </row>
        <row r="1202">
          <cell r="M1202">
            <v>0</v>
          </cell>
          <cell r="Q1202">
            <v>0</v>
          </cell>
        </row>
        <row r="1203">
          <cell r="M1203">
            <v>0</v>
          </cell>
          <cell r="Q1203">
            <v>0</v>
          </cell>
        </row>
        <row r="1204">
          <cell r="M1204">
            <v>0</v>
          </cell>
          <cell r="Q1204">
            <v>0</v>
          </cell>
        </row>
        <row r="1205">
          <cell r="M1205">
            <v>0</v>
          </cell>
          <cell r="Q1205">
            <v>0</v>
          </cell>
        </row>
        <row r="1206">
          <cell r="M1206">
            <v>0</v>
          </cell>
          <cell r="Q1206">
            <v>0</v>
          </cell>
        </row>
        <row r="1207">
          <cell r="M1207">
            <v>0</v>
          </cell>
          <cell r="Q1207">
            <v>0</v>
          </cell>
        </row>
        <row r="1208">
          <cell r="M1208">
            <v>0</v>
          </cell>
          <cell r="Q1208">
            <v>0</v>
          </cell>
        </row>
        <row r="1209">
          <cell r="M1209">
            <v>0</v>
          </cell>
          <cell r="Q1209">
            <v>0</v>
          </cell>
        </row>
        <row r="1210">
          <cell r="M1210">
            <v>0</v>
          </cell>
          <cell r="Q1210">
            <v>0</v>
          </cell>
        </row>
        <row r="1211">
          <cell r="M1211">
            <v>0</v>
          </cell>
          <cell r="Q1211">
            <v>0</v>
          </cell>
        </row>
        <row r="1212">
          <cell r="M1212">
            <v>0</v>
          </cell>
          <cell r="Q1212">
            <v>0</v>
          </cell>
        </row>
        <row r="1213">
          <cell r="M1213">
            <v>0</v>
          </cell>
          <cell r="Q1213">
            <v>0</v>
          </cell>
        </row>
        <row r="1214">
          <cell r="M1214">
            <v>0</v>
          </cell>
          <cell r="Q1214">
            <v>0</v>
          </cell>
        </row>
        <row r="1215">
          <cell r="M1215">
            <v>0</v>
          </cell>
          <cell r="Q1215">
            <v>0</v>
          </cell>
        </row>
        <row r="1216">
          <cell r="M1216">
            <v>0</v>
          </cell>
          <cell r="Q1216">
            <v>0</v>
          </cell>
        </row>
        <row r="1217">
          <cell r="M1217">
            <v>0</v>
          </cell>
          <cell r="Q1217">
            <v>0</v>
          </cell>
        </row>
        <row r="1218">
          <cell r="M1218">
            <v>0</v>
          </cell>
          <cell r="Q1218">
            <v>0</v>
          </cell>
        </row>
        <row r="1219">
          <cell r="M1219">
            <v>0</v>
          </cell>
          <cell r="Q1219">
            <v>0</v>
          </cell>
        </row>
        <row r="1220">
          <cell r="M1220">
            <v>0</v>
          </cell>
          <cell r="Q1220">
            <v>0</v>
          </cell>
        </row>
        <row r="1221">
          <cell r="M1221">
            <v>0</v>
          </cell>
          <cell r="Q1221">
            <v>0</v>
          </cell>
        </row>
        <row r="1222">
          <cell r="M1222">
            <v>0</v>
          </cell>
          <cell r="Q1222">
            <v>0</v>
          </cell>
        </row>
        <row r="1223">
          <cell r="M1223">
            <v>0</v>
          </cell>
          <cell r="Q1223">
            <v>0</v>
          </cell>
        </row>
        <row r="1224">
          <cell r="M1224">
            <v>0</v>
          </cell>
          <cell r="Q1224">
            <v>0</v>
          </cell>
        </row>
        <row r="1225">
          <cell r="M1225">
            <v>0</v>
          </cell>
          <cell r="Q1225">
            <v>0</v>
          </cell>
        </row>
        <row r="1226">
          <cell r="M1226">
            <v>0</v>
          </cell>
          <cell r="Q1226">
            <v>0</v>
          </cell>
        </row>
        <row r="1227">
          <cell r="M1227">
            <v>0</v>
          </cell>
          <cell r="Q1227">
            <v>0</v>
          </cell>
        </row>
        <row r="1228">
          <cell r="M1228">
            <v>0</v>
          </cell>
          <cell r="Q1228">
            <v>0</v>
          </cell>
        </row>
        <row r="1229">
          <cell r="M1229">
            <v>0</v>
          </cell>
          <cell r="Q1229">
            <v>0</v>
          </cell>
        </row>
        <row r="1230">
          <cell r="M1230">
            <v>0</v>
          </cell>
          <cell r="Q1230">
            <v>0</v>
          </cell>
        </row>
        <row r="1231">
          <cell r="M1231">
            <v>0</v>
          </cell>
          <cell r="Q1231">
            <v>0</v>
          </cell>
        </row>
        <row r="1232">
          <cell r="M1232">
            <v>0</v>
          </cell>
          <cell r="Q1232">
            <v>0</v>
          </cell>
        </row>
        <row r="1233">
          <cell r="M1233">
            <v>0</v>
          </cell>
          <cell r="Q1233">
            <v>0</v>
          </cell>
        </row>
        <row r="1234">
          <cell r="M1234">
            <v>0</v>
          </cell>
          <cell r="Q1234">
            <v>0</v>
          </cell>
        </row>
        <row r="1235">
          <cell r="M1235">
            <v>0</v>
          </cell>
          <cell r="Q1235">
            <v>0</v>
          </cell>
        </row>
        <row r="1236">
          <cell r="M1236">
            <v>0</v>
          </cell>
          <cell r="Q1236">
            <v>0</v>
          </cell>
        </row>
        <row r="1237">
          <cell r="M1237">
            <v>0</v>
          </cell>
          <cell r="Q1237">
            <v>0</v>
          </cell>
        </row>
        <row r="1238">
          <cell r="M1238">
            <v>0</v>
          </cell>
          <cell r="Q1238">
            <v>0</v>
          </cell>
        </row>
        <row r="1239">
          <cell r="M1239">
            <v>0</v>
          </cell>
          <cell r="Q1239">
            <v>0</v>
          </cell>
        </row>
        <row r="1240">
          <cell r="M1240">
            <v>0</v>
          </cell>
          <cell r="Q1240">
            <v>0</v>
          </cell>
        </row>
        <row r="1241">
          <cell r="M1241">
            <v>0</v>
          </cell>
          <cell r="Q1241">
            <v>0</v>
          </cell>
        </row>
        <row r="1242">
          <cell r="M1242">
            <v>0</v>
          </cell>
          <cell r="Q1242">
            <v>0</v>
          </cell>
        </row>
        <row r="1243">
          <cell r="M1243">
            <v>0</v>
          </cell>
          <cell r="Q1243">
            <v>0</v>
          </cell>
        </row>
        <row r="1244">
          <cell r="M1244">
            <v>0</v>
          </cell>
          <cell r="Q1244">
            <v>0</v>
          </cell>
        </row>
        <row r="1245">
          <cell r="M1245">
            <v>0</v>
          </cell>
          <cell r="Q1245">
            <v>0</v>
          </cell>
        </row>
        <row r="1246">
          <cell r="M1246">
            <v>0</v>
          </cell>
          <cell r="Q1246">
            <v>0</v>
          </cell>
        </row>
        <row r="1247">
          <cell r="M1247">
            <v>0</v>
          </cell>
          <cell r="Q1247">
            <v>0</v>
          </cell>
        </row>
        <row r="1248">
          <cell r="M1248">
            <v>0</v>
          </cell>
          <cell r="Q1248">
            <v>0</v>
          </cell>
        </row>
        <row r="1249">
          <cell r="M1249">
            <v>0</v>
          </cell>
          <cell r="Q1249">
            <v>0</v>
          </cell>
        </row>
        <row r="1250">
          <cell r="M1250">
            <v>0</v>
          </cell>
          <cell r="Q1250">
            <v>0</v>
          </cell>
        </row>
        <row r="1251">
          <cell r="M1251">
            <v>0</v>
          </cell>
          <cell r="Q1251">
            <v>0</v>
          </cell>
        </row>
        <row r="1252">
          <cell r="M1252">
            <v>0</v>
          </cell>
          <cell r="Q1252">
            <v>0</v>
          </cell>
        </row>
        <row r="1253">
          <cell r="M1253">
            <v>0</v>
          </cell>
          <cell r="Q1253">
            <v>0</v>
          </cell>
        </row>
        <row r="1254">
          <cell r="M1254">
            <v>0</v>
          </cell>
          <cell r="Q1254">
            <v>0</v>
          </cell>
        </row>
        <row r="1255">
          <cell r="M1255">
            <v>0</v>
          </cell>
          <cell r="Q1255">
            <v>0</v>
          </cell>
        </row>
        <row r="1256">
          <cell r="M1256">
            <v>0</v>
          </cell>
          <cell r="Q1256">
            <v>0</v>
          </cell>
        </row>
        <row r="1257">
          <cell r="M1257">
            <v>0</v>
          </cell>
          <cell r="Q1257">
            <v>0</v>
          </cell>
        </row>
        <row r="1258">
          <cell r="M1258">
            <v>0</v>
          </cell>
        </row>
        <row r="1259">
          <cell r="M1259">
            <v>0</v>
          </cell>
          <cell r="Q1259">
            <v>0</v>
          </cell>
        </row>
        <row r="1260">
          <cell r="M1260">
            <v>0</v>
          </cell>
          <cell r="Q1260">
            <v>0</v>
          </cell>
        </row>
        <row r="1261">
          <cell r="M1261">
            <v>0</v>
          </cell>
          <cell r="Q1261">
            <v>0</v>
          </cell>
        </row>
        <row r="1262">
          <cell r="M1262">
            <v>0</v>
          </cell>
          <cell r="Q1262">
            <v>0</v>
          </cell>
        </row>
        <row r="1263">
          <cell r="M1263">
            <v>0</v>
          </cell>
          <cell r="Q1263">
            <v>0</v>
          </cell>
        </row>
        <row r="1264">
          <cell r="M1264">
            <v>0</v>
          </cell>
          <cell r="Q1264">
            <v>0</v>
          </cell>
        </row>
        <row r="1265">
          <cell r="M1265">
            <v>0</v>
          </cell>
          <cell r="Q1265">
            <v>0</v>
          </cell>
        </row>
        <row r="1266">
          <cell r="M1266">
            <v>0</v>
          </cell>
          <cell r="Q1266">
            <v>0</v>
          </cell>
        </row>
        <row r="1267">
          <cell r="M1267">
            <v>0</v>
          </cell>
          <cell r="Q1267">
            <v>0</v>
          </cell>
        </row>
        <row r="1268">
          <cell r="M1268">
            <v>0</v>
          </cell>
          <cell r="Q1268">
            <v>0</v>
          </cell>
        </row>
        <row r="1269">
          <cell r="M1269">
            <v>0</v>
          </cell>
          <cell r="Q1269">
            <v>0</v>
          </cell>
        </row>
        <row r="1270">
          <cell r="M1270">
            <v>0</v>
          </cell>
          <cell r="Q1270">
            <v>0</v>
          </cell>
        </row>
        <row r="1271">
          <cell r="M1271">
            <v>0</v>
          </cell>
          <cell r="Q1271">
            <v>0</v>
          </cell>
        </row>
        <row r="1272">
          <cell r="M1272">
            <v>0</v>
          </cell>
          <cell r="Q1272">
            <v>0</v>
          </cell>
        </row>
        <row r="1273">
          <cell r="Q1273">
            <v>0</v>
          </cell>
        </row>
        <row r="1274">
          <cell r="M1274">
            <v>0</v>
          </cell>
          <cell r="Q1274">
            <v>0</v>
          </cell>
        </row>
        <row r="1275">
          <cell r="M1275">
            <v>0</v>
          </cell>
          <cell r="Q1275">
            <v>0</v>
          </cell>
        </row>
        <row r="1276">
          <cell r="M1276">
            <v>0</v>
          </cell>
          <cell r="Q1276">
            <v>0</v>
          </cell>
        </row>
        <row r="1277">
          <cell r="M1277">
            <v>0</v>
          </cell>
          <cell r="Q1277">
            <v>0</v>
          </cell>
        </row>
        <row r="1278">
          <cell r="M1278">
            <v>0</v>
          </cell>
          <cell r="Q1278">
            <v>0</v>
          </cell>
        </row>
        <row r="1279">
          <cell r="M1279">
            <v>0</v>
          </cell>
          <cell r="Q1279">
            <v>0</v>
          </cell>
        </row>
        <row r="1280">
          <cell r="M1280">
            <v>0</v>
          </cell>
          <cell r="Q1280">
            <v>0</v>
          </cell>
        </row>
        <row r="1281">
          <cell r="M1281">
            <v>0</v>
          </cell>
          <cell r="Q1281">
            <v>0</v>
          </cell>
        </row>
        <row r="1282">
          <cell r="M1282">
            <v>0</v>
          </cell>
          <cell r="Q1282">
            <v>0</v>
          </cell>
        </row>
        <row r="1283">
          <cell r="Q1283">
            <v>0</v>
          </cell>
        </row>
        <row r="1284">
          <cell r="M1284">
            <v>0</v>
          </cell>
          <cell r="Q1284">
            <v>0</v>
          </cell>
        </row>
        <row r="1285">
          <cell r="M1285">
            <v>0</v>
          </cell>
          <cell r="Q1285">
            <v>0</v>
          </cell>
        </row>
        <row r="1286">
          <cell r="M1286">
            <v>0</v>
          </cell>
          <cell r="Q1286">
            <v>0</v>
          </cell>
        </row>
        <row r="1287">
          <cell r="Q1287">
            <v>0</v>
          </cell>
        </row>
        <row r="1288">
          <cell r="M1288">
            <v>0</v>
          </cell>
          <cell r="Q1288">
            <v>0</v>
          </cell>
        </row>
        <row r="1289">
          <cell r="M1289">
            <v>0</v>
          </cell>
          <cell r="Q1289">
            <v>0</v>
          </cell>
        </row>
        <row r="1290">
          <cell r="Q1290">
            <v>0</v>
          </cell>
        </row>
        <row r="1291">
          <cell r="Q1291">
            <v>0</v>
          </cell>
        </row>
        <row r="1292">
          <cell r="Q1292">
            <v>0</v>
          </cell>
        </row>
        <row r="1293">
          <cell r="Q1293">
            <v>0</v>
          </cell>
        </row>
        <row r="1294">
          <cell r="Q1294">
            <v>0</v>
          </cell>
        </row>
        <row r="1295">
          <cell r="M1295">
            <v>0</v>
          </cell>
          <cell r="Q1295">
            <v>0</v>
          </cell>
        </row>
        <row r="1296">
          <cell r="M1296">
            <v>0</v>
          </cell>
          <cell r="Q1296">
            <v>0</v>
          </cell>
        </row>
        <row r="1297">
          <cell r="Q1297">
            <v>0</v>
          </cell>
        </row>
        <row r="1298">
          <cell r="M1298">
            <v>0</v>
          </cell>
          <cell r="Q1298">
            <v>0</v>
          </cell>
        </row>
        <row r="1299">
          <cell r="M1299">
            <v>0</v>
          </cell>
          <cell r="Q1299">
            <v>0</v>
          </cell>
        </row>
        <row r="1300">
          <cell r="M1300">
            <v>0</v>
          </cell>
        </row>
        <row r="1301">
          <cell r="M1301">
            <v>0</v>
          </cell>
          <cell r="Q1301">
            <v>0</v>
          </cell>
        </row>
        <row r="1303">
          <cell r="M1303">
            <v>0</v>
          </cell>
        </row>
        <row r="1304">
          <cell r="Q1304">
            <v>0</v>
          </cell>
        </row>
      </sheetData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/>
      <sheetData sheetId="30"/>
      <sheetData sheetId="31">
        <row r="1">
          <cell r="B1">
            <v>4</v>
          </cell>
        </row>
      </sheetData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>
        <row r="1">
          <cell r="B1">
            <v>0</v>
          </cell>
        </row>
      </sheetData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ny (WT-ST) to One (Proj)"/>
      <sheetName val="WT-ST LOOKUP - 010710"/>
      <sheetName val="WT-ST - 010710"/>
      <sheetName val="OLD WT-ST for ref"/>
      <sheetName val="Indiana T&amp;D Insp-Maint"/>
      <sheetName val="All"/>
      <sheetName val="Capital All"/>
      <sheetName val="Data (2)"/>
      <sheetName val="Capital R&amp;I Projects"/>
      <sheetName val="Danforth-Lookup for Unit Report"/>
      <sheetName val="Many_(WT-ST)_to_One_(Proj)"/>
      <sheetName val="WT-ST_LOOKUP_-_010710"/>
      <sheetName val="WT-ST_-_010710"/>
      <sheetName val="OLD_WT-ST_for_ref"/>
      <sheetName val="Indiana_T&amp;D_Insp-Maint"/>
      <sheetName val="Capital_All"/>
      <sheetName val="Data_(2)"/>
      <sheetName val="Capital_R&amp;I_Projects"/>
      <sheetName val="Danforth-Lookup_for_Unit_Report"/>
      <sheetName val="Many_(WT-ST)_to_One_(Proj)1"/>
      <sheetName val="WT-ST_LOOKUP_-_0107101"/>
      <sheetName val="WT-ST_-_0107101"/>
      <sheetName val="OLD_WT-ST_for_ref1"/>
      <sheetName val="Indiana_T&amp;D_Insp-Maint1"/>
      <sheetName val="Capital_All1"/>
      <sheetName val="Data_(2)1"/>
      <sheetName val="Capital_R&amp;I_Projects1"/>
      <sheetName val="Danforth-Lookup_for_Unit_Repor1"/>
    </sheetNames>
    <sheetDataSet>
      <sheetData sheetId="0" refreshError="1"/>
      <sheetData sheetId="1" refreshError="1">
        <row r="1">
          <cell r="A1" t="str">
            <v>Project for VLOOKUP</v>
          </cell>
          <cell r="B1" t="str">
            <v>Bus / Actg Area</v>
          </cell>
          <cell r="C1" t="str">
            <v>Carolinas or MW or All or None</v>
          </cell>
          <cell r="D1" t="str">
            <v>Worktype</v>
          </cell>
          <cell r="E1" t="str">
            <v xml:space="preserve">Work Type Description </v>
          </cell>
          <cell r="F1" t="str">
            <v>Subtype</v>
          </cell>
          <cell r="G1" t="str">
            <v>Sub Type Description</v>
          </cell>
          <cell r="H1" t="str">
            <v>Worktype \ Subtype</v>
          </cell>
          <cell r="I1" t="str">
            <v>Process</v>
          </cell>
          <cell r="J1" t="str">
            <v>Project</v>
          </cell>
          <cell r="K1" t="str">
            <v>Activity</v>
          </cell>
          <cell r="L1" t="str">
            <v>Description</v>
          </cell>
          <cell r="M1" t="str">
            <v>Disabled</v>
          </cell>
        </row>
        <row r="2">
          <cell r="A2" t="str">
            <v>20051</v>
          </cell>
          <cell r="B2" t="str">
            <v>Gas Capital</v>
          </cell>
          <cell r="C2" t="str">
            <v>Gas</v>
          </cell>
          <cell r="D2" t="str">
            <v>GO-RPL</v>
          </cell>
          <cell r="E2" t="str">
            <v>Gas Operations - Gas Main Replacement</v>
          </cell>
          <cell r="F2" t="str">
            <v>SHORTABNOH</v>
          </cell>
          <cell r="G2" t="str">
            <v>Abandon Main - Less than 50 Feet - Ohio</v>
          </cell>
          <cell r="H2" t="str">
            <v>GO-RPL \ SHORTABNOH</v>
          </cell>
          <cell r="I2"/>
          <cell r="J2" t="str">
            <v>20051</v>
          </cell>
          <cell r="K2" t="str">
            <v>R</v>
          </cell>
          <cell r="L2" t="str">
            <v>Abandon Main - Less than 50 Feet - Ohio</v>
          </cell>
          <cell r="M2" t="str">
            <v>N</v>
          </cell>
        </row>
        <row r="3">
          <cell r="A3" t="str">
            <v>20051</v>
          </cell>
          <cell r="B3" t="str">
            <v>Gas Capital</v>
          </cell>
          <cell r="C3" t="str">
            <v>Gas</v>
          </cell>
          <cell r="D3" t="str">
            <v>GO-RPL</v>
          </cell>
          <cell r="E3" t="str">
            <v>Gas Operations - Gas Main Replacement</v>
          </cell>
          <cell r="F3" t="str">
            <v>SHORTRPLOH</v>
          </cell>
          <cell r="G3" t="str">
            <v>Replace Main - Less than 50 Feet - Ohio</v>
          </cell>
          <cell r="H3" t="str">
            <v>GO-RPL \ SHORTRPLOH</v>
          </cell>
          <cell r="I3"/>
          <cell r="J3" t="str">
            <v>20051</v>
          </cell>
          <cell r="K3" t="str">
            <v>I</v>
          </cell>
          <cell r="L3" t="str">
            <v>Replace Main - Less than 50 Feet - Ohio</v>
          </cell>
          <cell r="M3" t="str">
            <v>N</v>
          </cell>
        </row>
        <row r="4">
          <cell r="A4" t="str">
            <v>20073</v>
          </cell>
          <cell r="B4" t="str">
            <v>Gas Capital</v>
          </cell>
          <cell r="C4" t="str">
            <v>Gas</v>
          </cell>
          <cell r="D4" t="str">
            <v>GO-TOOLS</v>
          </cell>
          <cell r="E4" t="str">
            <v>Gas Operations - Tools</v>
          </cell>
          <cell r="F4" t="str">
            <v>PURTOOLSOH</v>
          </cell>
          <cell r="G4" t="str">
            <v>PURCHASE TOOLS OHIO</v>
          </cell>
          <cell r="H4" t="str">
            <v>GO-TOOLS \ PURTOOLSOH</v>
          </cell>
          <cell r="I4"/>
          <cell r="J4" t="str">
            <v>20073</v>
          </cell>
          <cell r="K4" t="str">
            <v>I</v>
          </cell>
          <cell r="L4" t="str">
            <v>PURCHASE TOOLS OHIO</v>
          </cell>
          <cell r="M4" t="str">
            <v>N</v>
          </cell>
        </row>
        <row r="5">
          <cell r="A5" t="str">
            <v>28051</v>
          </cell>
          <cell r="B5" t="str">
            <v>Gas Capital</v>
          </cell>
          <cell r="C5" t="str">
            <v>Gas</v>
          </cell>
          <cell r="D5" t="str">
            <v>GO-RPL</v>
          </cell>
          <cell r="E5" t="str">
            <v>Gas Operations - Gas Main Replacement</v>
          </cell>
          <cell r="F5" t="str">
            <v>SHORTABNKY</v>
          </cell>
          <cell r="G5" t="str">
            <v>Abandon Main - Less than 50 Feet - Kentucky</v>
          </cell>
          <cell r="H5" t="str">
            <v>GO-RPL \ SHORTABNKY</v>
          </cell>
          <cell r="I5"/>
          <cell r="J5" t="str">
            <v>28051</v>
          </cell>
          <cell r="K5" t="str">
            <v>R</v>
          </cell>
          <cell r="L5" t="str">
            <v>Abandon Main - Less than 50 Feet - Kentucky</v>
          </cell>
          <cell r="M5" t="str">
            <v>N</v>
          </cell>
        </row>
        <row r="6">
          <cell r="A6" t="str">
            <v>28051</v>
          </cell>
          <cell r="B6" t="str">
            <v>Gas Capital</v>
          </cell>
          <cell r="C6" t="str">
            <v>Gas</v>
          </cell>
          <cell r="D6" t="str">
            <v>GO-RPL</v>
          </cell>
          <cell r="E6" t="str">
            <v>Gas Operations - Gas Main Replacement</v>
          </cell>
          <cell r="F6" t="str">
            <v>SHORTRPLKY</v>
          </cell>
          <cell r="G6" t="str">
            <v>Replace Main - Less than 50 Feet - Kentucky</v>
          </cell>
          <cell r="H6" t="str">
            <v>GO-RPL \ SHORTRPLKY</v>
          </cell>
          <cell r="I6"/>
          <cell r="J6" t="str">
            <v>28051</v>
          </cell>
          <cell r="K6" t="str">
            <v>I</v>
          </cell>
          <cell r="L6" t="str">
            <v>Replace Main - Less than 50 Feet - Kentucky</v>
          </cell>
          <cell r="M6" t="str">
            <v>N</v>
          </cell>
        </row>
        <row r="7">
          <cell r="A7" t="str">
            <v>28073</v>
          </cell>
          <cell r="B7" t="str">
            <v>Gas Capital</v>
          </cell>
          <cell r="C7" t="str">
            <v>Gas</v>
          </cell>
          <cell r="D7" t="str">
            <v>GO-TOOLS</v>
          </cell>
          <cell r="E7" t="str">
            <v>Gas Operations - Tools</v>
          </cell>
          <cell r="F7" t="str">
            <v>PURTOOLSKY</v>
          </cell>
          <cell r="G7" t="str">
            <v>PURCHASE TOOLS KENTUCKY</v>
          </cell>
          <cell r="H7" t="str">
            <v>GO-TOOLS \ PURTOOLSKY</v>
          </cell>
          <cell r="I7"/>
          <cell r="J7" t="str">
            <v>28073</v>
          </cell>
          <cell r="K7" t="str">
            <v>I</v>
          </cell>
          <cell r="L7" t="str">
            <v>PURCHASE TOOLS KENTUCKY</v>
          </cell>
          <cell r="M7" t="str">
            <v>N</v>
          </cell>
        </row>
        <row r="8">
          <cell r="A8"/>
          <cell r="B8" t="e">
            <v>#N/A</v>
          </cell>
          <cell r="C8" t="e">
            <v>#N/A</v>
          </cell>
          <cell r="D8" t="str">
            <v>GN-AUXTRF</v>
          </cell>
          <cell r="E8" t="e">
            <v>#N/A</v>
          </cell>
          <cell r="F8" t="str">
            <v>PM</v>
          </cell>
          <cell r="G8" t="e">
            <v>#N/A</v>
          </cell>
          <cell r="H8" t="str">
            <v>GN-AUXTRF \ PM</v>
          </cell>
          <cell r="I8" t="str">
            <v>BELEPWR</v>
          </cell>
          <cell r="J8"/>
          <cell r="K8"/>
          <cell r="L8" t="str">
            <v>PREVENTATIVE MAINTENANCE</v>
          </cell>
          <cell r="M8" t="str">
            <v>N</v>
          </cell>
        </row>
        <row r="9">
          <cell r="A9"/>
          <cell r="B9" t="e">
            <v>#N/A</v>
          </cell>
          <cell r="C9" t="e">
            <v>#N/A</v>
          </cell>
          <cell r="D9" t="str">
            <v>GN-AUXTRF</v>
          </cell>
          <cell r="E9" t="e">
            <v>#N/A</v>
          </cell>
          <cell r="F9" t="str">
            <v>RPR</v>
          </cell>
          <cell r="G9" t="e">
            <v>#N/A</v>
          </cell>
          <cell r="H9" t="str">
            <v>GN-AUXTRF \ RPR</v>
          </cell>
          <cell r="I9" t="str">
            <v>BELEPWR</v>
          </cell>
          <cell r="J9"/>
          <cell r="K9"/>
          <cell r="L9" t="str">
            <v>REPAIR</v>
          </cell>
          <cell r="M9" t="str">
            <v>N</v>
          </cell>
        </row>
        <row r="10">
          <cell r="A10"/>
          <cell r="B10" t="e">
            <v>#N/A</v>
          </cell>
          <cell r="C10" t="e">
            <v>#N/A</v>
          </cell>
          <cell r="D10" t="str">
            <v>GN-GSUTRF</v>
          </cell>
          <cell r="E10" t="e">
            <v>#N/A</v>
          </cell>
          <cell r="F10" t="str">
            <v>PM</v>
          </cell>
          <cell r="G10" t="e">
            <v>#N/A</v>
          </cell>
          <cell r="H10" t="str">
            <v>GN-GSUTRF \ PM</v>
          </cell>
          <cell r="I10" t="str">
            <v>BELESWY</v>
          </cell>
          <cell r="J10"/>
          <cell r="K10"/>
          <cell r="L10" t="str">
            <v>PREVENTATIVE MAINTENANCE</v>
          </cell>
          <cell r="M10" t="str">
            <v>N</v>
          </cell>
        </row>
        <row r="11">
          <cell r="A11"/>
          <cell r="B11" t="e">
            <v>#N/A</v>
          </cell>
          <cell r="C11" t="e">
            <v>#N/A</v>
          </cell>
          <cell r="D11" t="str">
            <v>GN-GSUTRF</v>
          </cell>
          <cell r="E11" t="e">
            <v>#N/A</v>
          </cell>
          <cell r="F11" t="str">
            <v>RPR</v>
          </cell>
          <cell r="G11" t="e">
            <v>#N/A</v>
          </cell>
          <cell r="H11" t="str">
            <v>GN-GSUTRF \ RPR</v>
          </cell>
          <cell r="I11" t="str">
            <v>BELESWY</v>
          </cell>
          <cell r="J11"/>
          <cell r="K11"/>
          <cell r="L11" t="str">
            <v>REPAIR</v>
          </cell>
          <cell r="M11" t="str">
            <v>N</v>
          </cell>
        </row>
        <row r="12">
          <cell r="A12"/>
          <cell r="B12" t="e">
            <v>#N/A</v>
          </cell>
          <cell r="C12" t="e">
            <v>#N/A</v>
          </cell>
          <cell r="D12" t="str">
            <v>GN-SWTCH</v>
          </cell>
          <cell r="E12" t="e">
            <v>#N/A</v>
          </cell>
          <cell r="F12" t="str">
            <v>LOADSWTCH</v>
          </cell>
          <cell r="G12" t="e">
            <v>#N/A</v>
          </cell>
          <cell r="H12" t="str">
            <v>GN-SWTCH \ LOADSWTCH</v>
          </cell>
          <cell r="I12" t="str">
            <v>BELESWY</v>
          </cell>
          <cell r="J12"/>
          <cell r="K12"/>
          <cell r="L12" t="str">
            <v>MISC. SWITCHING PROCEDURES</v>
          </cell>
          <cell r="M12" t="str">
            <v>N</v>
          </cell>
        </row>
        <row r="13">
          <cell r="A13"/>
          <cell r="B13" t="e">
            <v>#N/A</v>
          </cell>
          <cell r="C13" t="e">
            <v>#N/A</v>
          </cell>
          <cell r="D13" t="str">
            <v>GN-TBAT</v>
          </cell>
          <cell r="E13" t="e">
            <v>#N/A</v>
          </cell>
          <cell r="F13" t="str">
            <v>PM</v>
          </cell>
          <cell r="G13" t="e">
            <v>#N/A</v>
          </cell>
          <cell r="H13" t="str">
            <v>GN-TBAT \ PM</v>
          </cell>
          <cell r="I13" t="str">
            <v>BELEDC</v>
          </cell>
          <cell r="J13"/>
          <cell r="K13"/>
          <cell r="L13" t="str">
            <v>PREVENTATIVE MAINTENANCE</v>
          </cell>
          <cell r="M13" t="str">
            <v>N</v>
          </cell>
        </row>
        <row r="14">
          <cell r="A14"/>
          <cell r="B14" t="e">
            <v>#N/A</v>
          </cell>
          <cell r="C14" t="e">
            <v>#N/A</v>
          </cell>
          <cell r="D14" t="str">
            <v>GN-TBAT</v>
          </cell>
          <cell r="E14" t="e">
            <v>#N/A</v>
          </cell>
          <cell r="F14" t="str">
            <v>RPR</v>
          </cell>
          <cell r="G14" t="e">
            <v>#N/A</v>
          </cell>
          <cell r="H14" t="str">
            <v>GN-TBAT \ RPR</v>
          </cell>
          <cell r="I14" t="str">
            <v>BELEDC</v>
          </cell>
          <cell r="J14"/>
          <cell r="K14"/>
          <cell r="L14" t="str">
            <v>REPAIR</v>
          </cell>
          <cell r="M14" t="str">
            <v>N</v>
          </cell>
        </row>
        <row r="15">
          <cell r="A15"/>
          <cell r="B15" t="e">
            <v>#N/A</v>
          </cell>
          <cell r="C15" t="e">
            <v>#N/A</v>
          </cell>
          <cell r="D15" t="str">
            <v>GN-TBRK</v>
          </cell>
          <cell r="E15" t="e">
            <v>#N/A</v>
          </cell>
          <cell r="F15" t="str">
            <v>PM</v>
          </cell>
          <cell r="G15" t="e">
            <v>#N/A</v>
          </cell>
          <cell r="H15" t="str">
            <v>GN-TBRK \ PM</v>
          </cell>
          <cell r="I15" t="str">
            <v>BELESWY</v>
          </cell>
          <cell r="J15"/>
          <cell r="K15"/>
          <cell r="L15" t="str">
            <v>PREVENTATIVE MAINTENANCE</v>
          </cell>
          <cell r="M15" t="str">
            <v>N</v>
          </cell>
        </row>
        <row r="16">
          <cell r="A16"/>
          <cell r="B16" t="e">
            <v>#N/A</v>
          </cell>
          <cell r="C16" t="e">
            <v>#N/A</v>
          </cell>
          <cell r="D16" t="str">
            <v>GN-TBRK</v>
          </cell>
          <cell r="E16" t="e">
            <v>#N/A</v>
          </cell>
          <cell r="F16" t="str">
            <v>RPR</v>
          </cell>
          <cell r="G16" t="e">
            <v>#N/A</v>
          </cell>
          <cell r="H16" t="str">
            <v>GN-TBRK \ RPR</v>
          </cell>
          <cell r="I16" t="str">
            <v>BELESWY</v>
          </cell>
          <cell r="J16"/>
          <cell r="K16"/>
          <cell r="L16" t="str">
            <v>REPAIR</v>
          </cell>
          <cell r="M16" t="str">
            <v>N</v>
          </cell>
        </row>
        <row r="17">
          <cell r="A17"/>
          <cell r="B17" t="e">
            <v>#N/A</v>
          </cell>
          <cell r="C17" t="e">
            <v>#N/A</v>
          </cell>
          <cell r="D17" t="str">
            <v>GN-TCAP</v>
          </cell>
          <cell r="E17" t="e">
            <v>#N/A</v>
          </cell>
          <cell r="F17" t="str">
            <v>PM</v>
          </cell>
          <cell r="G17" t="e">
            <v>#N/A</v>
          </cell>
          <cell r="H17" t="str">
            <v>GN-TCAP \ PM</v>
          </cell>
          <cell r="I17" t="str">
            <v>BELESWY</v>
          </cell>
          <cell r="J17"/>
          <cell r="K17"/>
          <cell r="L17" t="str">
            <v>PREVENTATIVE MAINTENANCE</v>
          </cell>
          <cell r="M17" t="str">
            <v>N</v>
          </cell>
        </row>
        <row r="18">
          <cell r="A18"/>
          <cell r="B18" t="e">
            <v>#N/A</v>
          </cell>
          <cell r="C18" t="e">
            <v>#N/A</v>
          </cell>
          <cell r="D18" t="str">
            <v>GN-TCAP</v>
          </cell>
          <cell r="E18" t="e">
            <v>#N/A</v>
          </cell>
          <cell r="F18" t="str">
            <v>RPR</v>
          </cell>
          <cell r="G18" t="e">
            <v>#N/A</v>
          </cell>
          <cell r="H18" t="str">
            <v>GN-TCAP \ RPR</v>
          </cell>
          <cell r="I18" t="str">
            <v>BELESWY</v>
          </cell>
          <cell r="J18"/>
          <cell r="K18"/>
          <cell r="L18" t="str">
            <v>REPAIR</v>
          </cell>
          <cell r="M18" t="str">
            <v>N</v>
          </cell>
        </row>
        <row r="19">
          <cell r="A19"/>
          <cell r="B19" t="e">
            <v>#N/A</v>
          </cell>
          <cell r="C19" t="e">
            <v>#N/A</v>
          </cell>
          <cell r="D19" t="str">
            <v>GN-TCHG</v>
          </cell>
          <cell r="E19" t="e">
            <v>#N/A</v>
          </cell>
          <cell r="F19" t="str">
            <v>PM</v>
          </cell>
          <cell r="G19" t="e">
            <v>#N/A</v>
          </cell>
          <cell r="H19" t="str">
            <v>GN-TCHG \ PM</v>
          </cell>
          <cell r="I19" t="str">
            <v>BELEDC</v>
          </cell>
          <cell r="J19"/>
          <cell r="K19"/>
          <cell r="L19" t="str">
            <v>PREVENTATIVE MAINTENANCE</v>
          </cell>
          <cell r="M19" t="str">
            <v>N</v>
          </cell>
        </row>
        <row r="20">
          <cell r="A20"/>
          <cell r="B20" t="e">
            <v>#N/A</v>
          </cell>
          <cell r="C20" t="e">
            <v>#N/A</v>
          </cell>
          <cell r="D20" t="str">
            <v>GN-TCHG</v>
          </cell>
          <cell r="E20" t="e">
            <v>#N/A</v>
          </cell>
          <cell r="F20" t="str">
            <v>RPR</v>
          </cell>
          <cell r="G20" t="e">
            <v>#N/A</v>
          </cell>
          <cell r="H20" t="str">
            <v>GN-TCHG \ RPR</v>
          </cell>
          <cell r="I20" t="str">
            <v>BELEDC</v>
          </cell>
          <cell r="J20"/>
          <cell r="K20"/>
          <cell r="L20" t="str">
            <v>REPAIR</v>
          </cell>
          <cell r="M20" t="str">
            <v>N</v>
          </cell>
        </row>
        <row r="21">
          <cell r="A21"/>
          <cell r="B21" t="e">
            <v>#N/A</v>
          </cell>
          <cell r="C21" t="e">
            <v>#N/A</v>
          </cell>
          <cell r="D21" t="str">
            <v>GN-TEQM</v>
          </cell>
          <cell r="E21" t="e">
            <v>#N/A</v>
          </cell>
          <cell r="F21" t="str">
            <v>PM</v>
          </cell>
          <cell r="G21" t="e">
            <v>#N/A</v>
          </cell>
          <cell r="H21" t="str">
            <v>GN-TEQM \ PM</v>
          </cell>
          <cell r="I21" t="str">
            <v>BELESWY</v>
          </cell>
          <cell r="J21"/>
          <cell r="K21"/>
          <cell r="L21" t="str">
            <v>PREVENTATIVE MAINTENANCE</v>
          </cell>
          <cell r="M21" t="str">
            <v>N</v>
          </cell>
        </row>
        <row r="22">
          <cell r="A22"/>
          <cell r="B22" t="e">
            <v>#N/A</v>
          </cell>
          <cell r="C22" t="e">
            <v>#N/A</v>
          </cell>
          <cell r="D22" t="str">
            <v>GN-TEQM</v>
          </cell>
          <cell r="E22" t="e">
            <v>#N/A</v>
          </cell>
          <cell r="F22" t="str">
            <v>RPR</v>
          </cell>
          <cell r="G22" t="e">
            <v>#N/A</v>
          </cell>
          <cell r="H22" t="str">
            <v>GN-TEQM \ RPR</v>
          </cell>
          <cell r="I22" t="str">
            <v>BELESWY</v>
          </cell>
          <cell r="J22"/>
          <cell r="K22"/>
          <cell r="L22" t="str">
            <v>REPAIR</v>
          </cell>
          <cell r="M22" t="str">
            <v>N</v>
          </cell>
        </row>
        <row r="23">
          <cell r="A23"/>
          <cell r="B23" t="e">
            <v>#N/A</v>
          </cell>
          <cell r="C23" t="e">
            <v>#N/A</v>
          </cell>
          <cell r="D23" t="str">
            <v>GN-TINF</v>
          </cell>
          <cell r="E23" t="e">
            <v>#N/A</v>
          </cell>
          <cell r="F23" t="str">
            <v>PM MW</v>
          </cell>
          <cell r="G23" t="e">
            <v>#N/A</v>
          </cell>
          <cell r="H23" t="str">
            <v>GN-TINF \ PM MW</v>
          </cell>
          <cell r="I23" t="str">
            <v>BELESWY</v>
          </cell>
          <cell r="J23"/>
          <cell r="K23"/>
          <cell r="L23" t="str">
            <v>PREVENTATIVE MAINTENANCE</v>
          </cell>
          <cell r="M23" t="str">
            <v>N</v>
          </cell>
        </row>
        <row r="24">
          <cell r="A24"/>
          <cell r="B24" t="e">
            <v>#N/A</v>
          </cell>
          <cell r="C24" t="e">
            <v>#N/A</v>
          </cell>
          <cell r="D24" t="str">
            <v>GN-TLINS</v>
          </cell>
          <cell r="E24" t="e">
            <v>#N/A</v>
          </cell>
          <cell r="F24" t="str">
            <v>PM</v>
          </cell>
          <cell r="G24" t="e">
            <v>#N/A</v>
          </cell>
          <cell r="H24" t="str">
            <v>GN-TLINS \ PM</v>
          </cell>
          <cell r="I24" t="str">
            <v>BELESWY</v>
          </cell>
          <cell r="J24"/>
          <cell r="K24"/>
          <cell r="L24" t="str">
            <v>PREVENTATIVE MAINTENANCE</v>
          </cell>
          <cell r="M24" t="str">
            <v>N</v>
          </cell>
        </row>
        <row r="25">
          <cell r="A25"/>
          <cell r="B25" t="e">
            <v>#N/A</v>
          </cell>
          <cell r="C25" t="e">
            <v>#N/A</v>
          </cell>
          <cell r="D25" t="str">
            <v>GN-TLINS</v>
          </cell>
          <cell r="E25" t="e">
            <v>#N/A</v>
          </cell>
          <cell r="F25" t="str">
            <v>RPR</v>
          </cell>
          <cell r="G25" t="e">
            <v>#N/A</v>
          </cell>
          <cell r="H25" t="str">
            <v>GN-TLINS \ RPR</v>
          </cell>
          <cell r="I25" t="str">
            <v>BELESWY</v>
          </cell>
          <cell r="J25"/>
          <cell r="K25"/>
          <cell r="L25" t="str">
            <v>REPAIR</v>
          </cell>
          <cell r="M25" t="str">
            <v>N</v>
          </cell>
        </row>
        <row r="26">
          <cell r="A26"/>
          <cell r="B26" t="e">
            <v>#N/A</v>
          </cell>
          <cell r="C26" t="e">
            <v>#N/A</v>
          </cell>
          <cell r="D26" t="str">
            <v>GN-TMTR</v>
          </cell>
          <cell r="E26" t="e">
            <v>#N/A</v>
          </cell>
          <cell r="F26" t="str">
            <v>PM</v>
          </cell>
          <cell r="G26" t="e">
            <v>#N/A</v>
          </cell>
          <cell r="H26" t="str">
            <v>GN-TMTR \ PM</v>
          </cell>
          <cell r="I26" t="str">
            <v>BELESWY</v>
          </cell>
          <cell r="J26"/>
          <cell r="K26"/>
          <cell r="L26" t="str">
            <v>PREVENTATIVE MAINTENANCE</v>
          </cell>
          <cell r="M26" t="str">
            <v>N</v>
          </cell>
        </row>
        <row r="27">
          <cell r="A27"/>
          <cell r="B27" t="e">
            <v>#N/A</v>
          </cell>
          <cell r="C27" t="e">
            <v>#N/A</v>
          </cell>
          <cell r="D27" t="str">
            <v>GN-TMTR</v>
          </cell>
          <cell r="E27" t="e">
            <v>#N/A</v>
          </cell>
          <cell r="F27" t="str">
            <v>RPR</v>
          </cell>
          <cell r="G27" t="e">
            <v>#N/A</v>
          </cell>
          <cell r="H27" t="str">
            <v>GN-TMTR \ RPR</v>
          </cell>
          <cell r="I27" t="str">
            <v>BELESWY</v>
          </cell>
          <cell r="J27"/>
          <cell r="K27"/>
          <cell r="L27" t="str">
            <v>REPAIR</v>
          </cell>
          <cell r="M27" t="str">
            <v>N</v>
          </cell>
        </row>
        <row r="28">
          <cell r="A28"/>
          <cell r="B28" t="e">
            <v>#N/A</v>
          </cell>
          <cell r="C28" t="e">
            <v>#N/A</v>
          </cell>
          <cell r="D28" t="str">
            <v>GN-TOSM</v>
          </cell>
          <cell r="E28" t="e">
            <v>#N/A</v>
          </cell>
          <cell r="F28" t="str">
            <v>PM</v>
          </cell>
          <cell r="G28" t="e">
            <v>#N/A</v>
          </cell>
          <cell r="H28" t="str">
            <v>GN-TOSM \ PM</v>
          </cell>
          <cell r="I28" t="str">
            <v>BELESWY</v>
          </cell>
          <cell r="J28"/>
          <cell r="K28"/>
          <cell r="L28" t="str">
            <v>PREVENTATIVE MAINTENANCE</v>
          </cell>
          <cell r="M28" t="str">
            <v>N</v>
          </cell>
        </row>
        <row r="29">
          <cell r="A29"/>
          <cell r="B29" t="e">
            <v>#N/A</v>
          </cell>
          <cell r="C29" t="e">
            <v>#N/A</v>
          </cell>
          <cell r="D29" t="str">
            <v>GN-TOSM</v>
          </cell>
          <cell r="E29" t="e">
            <v>#N/A</v>
          </cell>
          <cell r="F29" t="str">
            <v>RPR</v>
          </cell>
          <cell r="G29" t="e">
            <v>#N/A</v>
          </cell>
          <cell r="H29" t="str">
            <v>GN-TOSM \ RPR</v>
          </cell>
          <cell r="I29" t="str">
            <v>BELESWY</v>
          </cell>
          <cell r="J29"/>
          <cell r="K29"/>
          <cell r="L29" t="str">
            <v>REPAIR</v>
          </cell>
          <cell r="M29" t="str">
            <v>N</v>
          </cell>
        </row>
        <row r="30">
          <cell r="A30"/>
          <cell r="B30" t="e">
            <v>#N/A</v>
          </cell>
          <cell r="C30" t="e">
            <v>#N/A</v>
          </cell>
          <cell r="D30" t="str">
            <v>GN-TOUT</v>
          </cell>
          <cell r="E30" t="e">
            <v>#N/A</v>
          </cell>
          <cell r="F30" t="str">
            <v>OUT</v>
          </cell>
          <cell r="G30" t="e">
            <v>#N/A</v>
          </cell>
          <cell r="H30" t="str">
            <v>GN-TOUT \ OUT</v>
          </cell>
          <cell r="I30" t="str">
            <v>BELESWY</v>
          </cell>
          <cell r="J30"/>
          <cell r="K30"/>
          <cell r="L30" t="str">
            <v>OUTAGE</v>
          </cell>
          <cell r="M30" t="str">
            <v>N</v>
          </cell>
        </row>
        <row r="31">
          <cell r="A31"/>
          <cell r="B31" t="e">
            <v>#N/A</v>
          </cell>
          <cell r="C31" t="e">
            <v>#N/A</v>
          </cell>
          <cell r="D31" t="str">
            <v>GN-TRLY</v>
          </cell>
          <cell r="E31" t="e">
            <v>#N/A</v>
          </cell>
          <cell r="F31" t="str">
            <v>PM</v>
          </cell>
          <cell r="G31" t="e">
            <v>#N/A</v>
          </cell>
          <cell r="H31" t="str">
            <v>GN-TRLY \ PM</v>
          </cell>
          <cell r="I31" t="str">
            <v>BELEREL</v>
          </cell>
          <cell r="J31"/>
          <cell r="K31"/>
          <cell r="L31" t="str">
            <v>PREVENTATIVE MAINTENANCE</v>
          </cell>
          <cell r="M31" t="str">
            <v>N</v>
          </cell>
        </row>
        <row r="32">
          <cell r="A32"/>
          <cell r="B32" t="e">
            <v>#N/A</v>
          </cell>
          <cell r="C32" t="e">
            <v>#N/A</v>
          </cell>
          <cell r="D32" t="str">
            <v>GN-TRLY</v>
          </cell>
          <cell r="E32" t="e">
            <v>#N/A</v>
          </cell>
          <cell r="F32" t="str">
            <v>RPR</v>
          </cell>
          <cell r="G32" t="e">
            <v>#N/A</v>
          </cell>
          <cell r="H32" t="str">
            <v>GN-TRLY \ RPR</v>
          </cell>
          <cell r="I32" t="str">
            <v>BELEREL</v>
          </cell>
          <cell r="J32"/>
          <cell r="K32"/>
          <cell r="L32" t="str">
            <v>REPAIR</v>
          </cell>
          <cell r="M32" t="str">
            <v>N</v>
          </cell>
        </row>
        <row r="33">
          <cell r="A33"/>
          <cell r="B33" t="e">
            <v>#N/A</v>
          </cell>
          <cell r="C33" t="e">
            <v>#N/A</v>
          </cell>
          <cell r="D33" t="str">
            <v>GN-TSIN</v>
          </cell>
          <cell r="E33" t="e">
            <v>#N/A</v>
          </cell>
          <cell r="F33" t="str">
            <v>INSP</v>
          </cell>
          <cell r="G33" t="e">
            <v>#N/A</v>
          </cell>
          <cell r="H33" t="str">
            <v>GN-TSIN \ INSP</v>
          </cell>
          <cell r="I33" t="str">
            <v>BELESWY</v>
          </cell>
          <cell r="J33"/>
          <cell r="K33"/>
          <cell r="L33" t="str">
            <v>INSPECTION</v>
          </cell>
          <cell r="M33" t="str">
            <v>N</v>
          </cell>
        </row>
        <row r="34">
          <cell r="A34"/>
          <cell r="B34" t="e">
            <v>#N/A</v>
          </cell>
          <cell r="C34" t="e">
            <v>#N/A</v>
          </cell>
          <cell r="D34" t="str">
            <v>GN-TSUBCAP</v>
          </cell>
          <cell r="E34" t="e">
            <v>#N/A</v>
          </cell>
          <cell r="F34" t="str">
            <v>INSPMT</v>
          </cell>
          <cell r="G34" t="e">
            <v>#N/A</v>
          </cell>
          <cell r="H34" t="str">
            <v>GN-TSUBCAP \ INSPMT</v>
          </cell>
          <cell r="I34" t="str">
            <v>BELESWY</v>
          </cell>
          <cell r="J34"/>
          <cell r="K34"/>
          <cell r="L34" t="str">
            <v>INSPECTION AND MAINTENANCE</v>
          </cell>
          <cell r="M34" t="str">
            <v>N</v>
          </cell>
        </row>
        <row r="35">
          <cell r="A35"/>
          <cell r="B35" t="e">
            <v>#N/A</v>
          </cell>
          <cell r="C35" t="e">
            <v>#N/A</v>
          </cell>
          <cell r="D35" t="str">
            <v>PD-F RLY</v>
          </cell>
          <cell r="E35" t="e">
            <v>#N/A</v>
          </cell>
          <cell r="F35" t="str">
            <v>PM</v>
          </cell>
          <cell r="G35" t="e">
            <v>#N/A</v>
          </cell>
          <cell r="H35" t="str">
            <v>PD-F RLY \ PM</v>
          </cell>
          <cell r="I35" t="str">
            <v>PELEREL</v>
          </cell>
          <cell r="J35"/>
          <cell r="K35"/>
          <cell r="L35" t="str">
            <v>Preventative Maintenance</v>
          </cell>
          <cell r="M35" t="str">
            <v>N</v>
          </cell>
        </row>
        <row r="36">
          <cell r="A36"/>
          <cell r="B36" t="e">
            <v>#N/A</v>
          </cell>
          <cell r="C36" t="e">
            <v>#N/A</v>
          </cell>
          <cell r="D36" t="str">
            <v>PD-F RLY</v>
          </cell>
          <cell r="E36" t="e">
            <v>#N/A</v>
          </cell>
          <cell r="F36" t="str">
            <v>RPR</v>
          </cell>
          <cell r="G36" t="e">
            <v>#N/A</v>
          </cell>
          <cell r="H36" t="str">
            <v>PD-F RLY \ RPR</v>
          </cell>
          <cell r="I36" t="str">
            <v>PELEREL</v>
          </cell>
          <cell r="J36"/>
          <cell r="K36"/>
          <cell r="L36" t="str">
            <v>Repair</v>
          </cell>
          <cell r="M36" t="str">
            <v>N</v>
          </cell>
        </row>
        <row r="37">
          <cell r="A37"/>
          <cell r="B37" t="e">
            <v>#N/A</v>
          </cell>
          <cell r="C37" t="e">
            <v>#N/A</v>
          </cell>
          <cell r="D37" t="str">
            <v>PD-F WHM</v>
          </cell>
          <cell r="E37" t="e">
            <v>#N/A</v>
          </cell>
          <cell r="F37" t="str">
            <v>PM</v>
          </cell>
          <cell r="G37" t="e">
            <v>#N/A</v>
          </cell>
          <cell r="H37" t="str">
            <v>PD-F WHM \ PM</v>
          </cell>
          <cell r="I37" t="str">
            <v>PELEREL</v>
          </cell>
          <cell r="J37"/>
          <cell r="K37"/>
          <cell r="L37" t="str">
            <v>Preventative Maintenance</v>
          </cell>
          <cell r="M37" t="str">
            <v>N</v>
          </cell>
        </row>
        <row r="38">
          <cell r="A38"/>
          <cell r="B38" t="e">
            <v>#N/A</v>
          </cell>
          <cell r="C38" t="e">
            <v>#N/A</v>
          </cell>
          <cell r="D38" t="str">
            <v>PD-F WHM</v>
          </cell>
          <cell r="E38" t="e">
            <v>#N/A</v>
          </cell>
          <cell r="F38" t="str">
            <v>RPR</v>
          </cell>
          <cell r="G38" t="e">
            <v>#N/A</v>
          </cell>
          <cell r="H38" t="str">
            <v>PD-F WHM \ RPR</v>
          </cell>
          <cell r="I38" t="str">
            <v>PELEREL</v>
          </cell>
          <cell r="J38"/>
          <cell r="K38"/>
          <cell r="L38" t="str">
            <v>Repair</v>
          </cell>
          <cell r="M38" t="str">
            <v>N</v>
          </cell>
        </row>
        <row r="39">
          <cell r="A39"/>
          <cell r="B39" t="e">
            <v>#N/A</v>
          </cell>
          <cell r="C39" t="e">
            <v>#N/A</v>
          </cell>
          <cell r="D39" t="str">
            <v>PD-H RLY</v>
          </cell>
          <cell r="E39" t="e">
            <v>#N/A</v>
          </cell>
          <cell r="F39" t="str">
            <v>PM</v>
          </cell>
          <cell r="G39" t="e">
            <v>#N/A</v>
          </cell>
          <cell r="H39" t="str">
            <v>PD-H RLY \ PM</v>
          </cell>
          <cell r="I39" t="str">
            <v>PELEREL</v>
          </cell>
          <cell r="J39"/>
          <cell r="K39"/>
          <cell r="L39" t="str">
            <v>Preventative Maintenance</v>
          </cell>
          <cell r="M39" t="str">
            <v>N</v>
          </cell>
        </row>
        <row r="40">
          <cell r="A40"/>
          <cell r="B40" t="e">
            <v>#N/A</v>
          </cell>
          <cell r="C40" t="e">
            <v>#N/A</v>
          </cell>
          <cell r="D40" t="str">
            <v>PD-H RLY</v>
          </cell>
          <cell r="E40" t="e">
            <v>#N/A</v>
          </cell>
          <cell r="F40" t="str">
            <v>RPR</v>
          </cell>
          <cell r="G40" t="e">
            <v>#N/A</v>
          </cell>
          <cell r="H40" t="str">
            <v>PD-H RLY \ RPR</v>
          </cell>
          <cell r="I40" t="str">
            <v>PELEREL</v>
          </cell>
          <cell r="J40"/>
          <cell r="K40"/>
          <cell r="L40" t="str">
            <v>Repair</v>
          </cell>
          <cell r="M40" t="str">
            <v>N</v>
          </cell>
        </row>
        <row r="41">
          <cell r="A41"/>
          <cell r="B41" t="e">
            <v>#N/A</v>
          </cell>
          <cell r="C41" t="e">
            <v>#N/A</v>
          </cell>
          <cell r="D41" t="str">
            <v>PD-H WHM</v>
          </cell>
          <cell r="E41" t="e">
            <v>#N/A</v>
          </cell>
          <cell r="F41" t="str">
            <v>PM</v>
          </cell>
          <cell r="G41" t="e">
            <v>#N/A</v>
          </cell>
          <cell r="H41" t="str">
            <v>PD-H WHM \ PM</v>
          </cell>
          <cell r="I41" t="str">
            <v>PELEREL</v>
          </cell>
          <cell r="J41"/>
          <cell r="K41"/>
          <cell r="L41" t="str">
            <v>Preventative Maintenance</v>
          </cell>
          <cell r="M41" t="str">
            <v>N</v>
          </cell>
        </row>
        <row r="42">
          <cell r="A42"/>
          <cell r="B42" t="e">
            <v>#N/A</v>
          </cell>
          <cell r="C42" t="e">
            <v>#N/A</v>
          </cell>
          <cell r="D42" t="str">
            <v>PD-H WHM</v>
          </cell>
          <cell r="E42" t="e">
            <v>#N/A</v>
          </cell>
          <cell r="F42" t="str">
            <v>RPR</v>
          </cell>
          <cell r="G42" t="e">
            <v>#N/A</v>
          </cell>
          <cell r="H42" t="str">
            <v>PD-H WHM \ RPR</v>
          </cell>
          <cell r="I42" t="str">
            <v>PELEREL</v>
          </cell>
          <cell r="J42"/>
          <cell r="K42"/>
          <cell r="L42" t="str">
            <v>Repair</v>
          </cell>
          <cell r="M42" t="str">
            <v>N</v>
          </cell>
        </row>
        <row r="43">
          <cell r="A43" t="str">
            <v>107GASCO</v>
          </cell>
          <cell r="B43" t="str">
            <v>Gas Capital</v>
          </cell>
          <cell r="C43" t="str">
            <v>Gas</v>
          </cell>
          <cell r="D43" t="str">
            <v>GO-LOADC</v>
          </cell>
          <cell r="E43" t="str">
            <v>Gas Operations - Load Check</v>
          </cell>
          <cell r="F43" t="str">
            <v>LOADCHECK</v>
          </cell>
          <cell r="G43" t="str">
            <v>Perform load check</v>
          </cell>
          <cell r="H43" t="str">
            <v>GO-LOADC \ LOADCHECK</v>
          </cell>
          <cell r="I43"/>
          <cell r="J43" t="str">
            <v>107GASCO</v>
          </cell>
          <cell r="K43" t="str">
            <v>I</v>
          </cell>
          <cell r="L43" t="str">
            <v>Perform load check</v>
          </cell>
          <cell r="M43" t="str">
            <v>N</v>
          </cell>
        </row>
        <row r="44">
          <cell r="A44" t="str">
            <v>3CMN10</v>
          </cell>
          <cell r="B44" t="str">
            <v>Gas Capital</v>
          </cell>
          <cell r="C44" t="str">
            <v>Gas</v>
          </cell>
          <cell r="D44" t="str">
            <v>GO-SERVICEOH</v>
          </cell>
          <cell r="E44" t="str">
            <v>Gas Operations - Service Work - OH</v>
          </cell>
          <cell r="F44" t="str">
            <v>C-MNEW3"</v>
          </cell>
          <cell r="G44" t="str">
            <v>INSTALL NEW C-M SERVICE - 3"</v>
          </cell>
          <cell r="H44" t="str">
            <v>GO-SERVICEOH \ C-MNEW3"</v>
          </cell>
          <cell r="I44"/>
          <cell r="J44" t="str">
            <v>3CMN10</v>
          </cell>
          <cell r="K44" t="str">
            <v>I</v>
          </cell>
          <cell r="L44" t="str">
            <v>INSTALL NEW C-M SERVICE - 3"</v>
          </cell>
          <cell r="M44" t="str">
            <v>N</v>
          </cell>
        </row>
        <row r="45">
          <cell r="A45" t="str">
            <v>3CMN70</v>
          </cell>
          <cell r="B45" t="str">
            <v>Gas Capital</v>
          </cell>
          <cell r="C45" t="str">
            <v>Gas</v>
          </cell>
          <cell r="D45" t="str">
            <v>GO-SERVICEKY</v>
          </cell>
          <cell r="E45" t="str">
            <v>Gas Operations - Service Work - KY</v>
          </cell>
          <cell r="F45" t="str">
            <v>C-MNEW3"</v>
          </cell>
          <cell r="G45" t="str">
            <v>INSTALL NEW C-M SERVICE - 3"</v>
          </cell>
          <cell r="H45" t="str">
            <v>GO-SERVICEKY \ C-MNEW3"</v>
          </cell>
          <cell r="I45"/>
          <cell r="J45" t="str">
            <v>3CMN70</v>
          </cell>
          <cell r="K45" t="str">
            <v>I</v>
          </cell>
          <cell r="L45" t="str">
            <v>INSTALL NEW C-M SERVICE - 3"</v>
          </cell>
          <cell r="M45" t="str">
            <v>N</v>
          </cell>
        </row>
        <row r="46">
          <cell r="A46" t="str">
            <v>3CMR10</v>
          </cell>
          <cell r="B46" t="str">
            <v>Gas Capital</v>
          </cell>
          <cell r="C46" t="str">
            <v>Gas</v>
          </cell>
          <cell r="D46" t="str">
            <v>GO-SERVICEOH</v>
          </cell>
          <cell r="E46" t="str">
            <v>Gas Operations - Service Work - OH</v>
          </cell>
          <cell r="F46" t="str">
            <v>C-MRPL3"</v>
          </cell>
          <cell r="G46" t="str">
            <v>INSTALL C-M SERV. FOR RPL, STI, OR PRI PROJECT - 3"</v>
          </cell>
          <cell r="H46" t="str">
            <v>GO-SERVICEOH \ C-MRPL3"</v>
          </cell>
          <cell r="I46"/>
          <cell r="J46" t="str">
            <v>3CMR10</v>
          </cell>
          <cell r="K46" t="str">
            <v>I</v>
          </cell>
          <cell r="L46" t="str">
            <v>INSTALL C-M SERV. FOR RPL, STI, OR PRI PROJECT - 3"</v>
          </cell>
          <cell r="M46" t="str">
            <v>N</v>
          </cell>
        </row>
        <row r="47">
          <cell r="A47" t="str">
            <v>3CMR10</v>
          </cell>
          <cell r="B47" t="str">
            <v>Gas Capital</v>
          </cell>
          <cell r="C47" t="str">
            <v>Gas</v>
          </cell>
          <cell r="D47" t="str">
            <v>GO-SERVICEOH</v>
          </cell>
          <cell r="E47" t="str">
            <v>Gas Operations - Service Work - OH</v>
          </cell>
          <cell r="F47" t="str">
            <v>R-C-MRPL3"</v>
          </cell>
          <cell r="G47" t="str">
            <v>REMOVE C-M SERV. FOR RPL, STI, OR PRI PROJECT - 3"</v>
          </cell>
          <cell r="H47" t="str">
            <v>GO-SERVICEOH \ R-C-MRPL3"</v>
          </cell>
          <cell r="I47"/>
          <cell r="J47" t="str">
            <v>3CMR10</v>
          </cell>
          <cell r="K47" t="str">
            <v>R</v>
          </cell>
          <cell r="L47" t="str">
            <v>REMOVE C-M SERV. FOR RPL, STI, OR PRI PROJECT - 3"</v>
          </cell>
          <cell r="M47" t="str">
            <v>N</v>
          </cell>
        </row>
        <row r="48">
          <cell r="A48" t="str">
            <v>3CMR70</v>
          </cell>
          <cell r="B48" t="str">
            <v>Gas Capital</v>
          </cell>
          <cell r="C48" t="str">
            <v>Gas</v>
          </cell>
          <cell r="D48" t="str">
            <v>GO-SERVICEKY</v>
          </cell>
          <cell r="E48" t="str">
            <v>Gas Operations - Service Work - KY</v>
          </cell>
          <cell r="F48" t="str">
            <v>C-MRPL3"</v>
          </cell>
          <cell r="G48" t="str">
            <v>INSTALL C-M SERV. FOR RPL, STI, OR PRI PROJECT - 3"</v>
          </cell>
          <cell r="H48" t="str">
            <v>GO-SERVICEKY \ C-MRPL3"</v>
          </cell>
          <cell r="I48"/>
          <cell r="J48" t="str">
            <v>3CMR70</v>
          </cell>
          <cell r="K48" t="str">
            <v>I</v>
          </cell>
          <cell r="L48" t="str">
            <v>INSTALL C-M SERV. FOR RPL, STI, OR PRI PROJECT - 3"</v>
          </cell>
          <cell r="M48" t="str">
            <v>N</v>
          </cell>
        </row>
        <row r="49">
          <cell r="A49" t="str">
            <v>3CMR70</v>
          </cell>
          <cell r="B49" t="str">
            <v>Gas Capital</v>
          </cell>
          <cell r="C49" t="str">
            <v>Gas</v>
          </cell>
          <cell r="D49" t="str">
            <v>GO-SERVICEKY</v>
          </cell>
          <cell r="E49" t="str">
            <v>Gas Operations - Service Work - KY</v>
          </cell>
          <cell r="F49" t="str">
            <v>R-C-MRPL3"</v>
          </cell>
          <cell r="G49" t="str">
            <v>REMOVE C-M SERV. FOR RPL, STI, OR PRI PROJECT - 3"</v>
          </cell>
          <cell r="H49" t="str">
            <v>GO-SERVICEKY \ R-C-MRPL3"</v>
          </cell>
          <cell r="I49"/>
          <cell r="J49" t="str">
            <v>3CMR70</v>
          </cell>
          <cell r="K49" t="str">
            <v>R</v>
          </cell>
          <cell r="L49" t="str">
            <v>REMOVE C-M SERV. FOR RPL, STI, OR PRI PROJECT - 3"</v>
          </cell>
          <cell r="M49" t="str">
            <v>N</v>
          </cell>
        </row>
        <row r="50">
          <cell r="A50" t="str">
            <v>3MCN10</v>
          </cell>
          <cell r="B50" t="str">
            <v>Gas Capital</v>
          </cell>
          <cell r="C50" t="str">
            <v>Gas</v>
          </cell>
          <cell r="D50" t="str">
            <v>GO-SERVICEOH</v>
          </cell>
          <cell r="E50" t="str">
            <v>Gas Operations - Service Work - OH</v>
          </cell>
          <cell r="F50" t="str">
            <v>M-CNEW3"</v>
          </cell>
          <cell r="G50" t="str">
            <v>INSTALL NEW M-C SERVICE - 3"</v>
          </cell>
          <cell r="H50" t="str">
            <v>GO-SERVICEOH \ M-CNEW3"</v>
          </cell>
          <cell r="I50"/>
          <cell r="J50" t="str">
            <v>3MCN10</v>
          </cell>
          <cell r="K50" t="str">
            <v>I</v>
          </cell>
          <cell r="L50" t="str">
            <v>INSTALL NEW M-C SERVICE - 3"</v>
          </cell>
          <cell r="M50" t="str">
            <v>N</v>
          </cell>
        </row>
        <row r="51">
          <cell r="A51" t="str">
            <v>3MCN70</v>
          </cell>
          <cell r="B51" t="str">
            <v>Gas Capital</v>
          </cell>
          <cell r="C51" t="str">
            <v>Gas</v>
          </cell>
          <cell r="D51" t="str">
            <v>GO-SERVICEKY</v>
          </cell>
          <cell r="E51" t="str">
            <v>Gas Operations - Service Work - KY</v>
          </cell>
          <cell r="F51" t="str">
            <v>M-CNEW3"</v>
          </cell>
          <cell r="G51" t="str">
            <v>INSTALL NEW M-C SERVICE - 3"</v>
          </cell>
          <cell r="H51" t="str">
            <v>GO-SERVICEKY \ M-CNEW3"</v>
          </cell>
          <cell r="I51"/>
          <cell r="J51" t="str">
            <v>3MCN70</v>
          </cell>
          <cell r="K51" t="str">
            <v>I</v>
          </cell>
          <cell r="L51" t="str">
            <v>INSTALL NEW M-C SERVICE - 3"</v>
          </cell>
          <cell r="M51" t="str">
            <v>N</v>
          </cell>
        </row>
        <row r="52">
          <cell r="A52" t="str">
            <v>3MCR10</v>
          </cell>
          <cell r="B52" t="str">
            <v>Gas Capital</v>
          </cell>
          <cell r="C52" t="str">
            <v>Gas</v>
          </cell>
          <cell r="D52" t="str">
            <v>GO-SERVICEOH</v>
          </cell>
          <cell r="E52" t="str">
            <v>Gas Operations - Service Work - OH</v>
          </cell>
          <cell r="F52" t="str">
            <v>M-CRPL3"</v>
          </cell>
          <cell r="G52" t="str">
            <v>INSTALL M-C SERV. FOR RPL, STI, OR PRI PROJECT - 3"</v>
          </cell>
          <cell r="H52" t="str">
            <v>GO-SERVICEOH \ M-CRPL3"</v>
          </cell>
          <cell r="I52"/>
          <cell r="J52" t="str">
            <v>3MCR10</v>
          </cell>
          <cell r="K52" t="str">
            <v>I</v>
          </cell>
          <cell r="L52" t="str">
            <v>INSTALL M-C SERV. FOR RPL, STI, OR PRI PROJECT - 3"</v>
          </cell>
          <cell r="M52" t="str">
            <v>N</v>
          </cell>
        </row>
        <row r="53">
          <cell r="A53" t="str">
            <v>3MCR10</v>
          </cell>
          <cell r="B53" t="str">
            <v>Gas Capital</v>
          </cell>
          <cell r="C53" t="str">
            <v>Gas</v>
          </cell>
          <cell r="D53" t="str">
            <v>GO-SERVICEOH</v>
          </cell>
          <cell r="E53" t="str">
            <v>Gas Operations - Service Work - OH</v>
          </cell>
          <cell r="F53" t="str">
            <v>R-M-CRPL3"</v>
          </cell>
          <cell r="G53" t="str">
            <v>REMOVE M-C SERV. FOR RPL, STI, OR PRI PROJECT - 3"</v>
          </cell>
          <cell r="H53" t="str">
            <v>GO-SERVICEOH \ R-M-CRPL3"</v>
          </cell>
          <cell r="I53"/>
          <cell r="J53" t="str">
            <v>3MCR10</v>
          </cell>
          <cell r="K53" t="str">
            <v>R</v>
          </cell>
          <cell r="L53" t="str">
            <v>REMOVE M-C SERV. FOR RPL, STI, OR PRI PROJECT - 3"</v>
          </cell>
          <cell r="M53" t="str">
            <v>N</v>
          </cell>
        </row>
        <row r="54">
          <cell r="A54" t="str">
            <v>3MCR70</v>
          </cell>
          <cell r="B54" t="str">
            <v>Gas Capital</v>
          </cell>
          <cell r="C54" t="str">
            <v>Gas</v>
          </cell>
          <cell r="D54" t="str">
            <v>GO-SERVICEKY</v>
          </cell>
          <cell r="E54" t="str">
            <v>Gas Operations - Service Work - KY</v>
          </cell>
          <cell r="F54" t="str">
            <v>M-CRPL3"</v>
          </cell>
          <cell r="G54" t="str">
            <v>INSTALL M-C SERV. FOR RPL, STI, OR PRI PROJECT - 3"</v>
          </cell>
          <cell r="H54" t="str">
            <v>GO-SERVICEKY \ M-CRPL3"</v>
          </cell>
          <cell r="I54"/>
          <cell r="J54" t="str">
            <v>3MCR70</v>
          </cell>
          <cell r="K54" t="str">
            <v>I</v>
          </cell>
          <cell r="L54" t="str">
            <v>INSTALL M-C SERV. FOR RPL, STI, OR PRI PROJECT - 3"</v>
          </cell>
          <cell r="M54" t="str">
            <v>N</v>
          </cell>
        </row>
        <row r="55">
          <cell r="A55" t="str">
            <v>3MCR70</v>
          </cell>
          <cell r="B55" t="str">
            <v>Gas Capital</v>
          </cell>
          <cell r="C55" t="str">
            <v>Gas</v>
          </cell>
          <cell r="D55" t="str">
            <v>GO-SERVICEKY</v>
          </cell>
          <cell r="E55" t="str">
            <v>Gas Operations - Service Work - KY</v>
          </cell>
          <cell r="F55" t="str">
            <v>R-M-CRPL3"</v>
          </cell>
          <cell r="G55" t="str">
            <v>REMOVE M-C SERV. FOR RPL, STI, OR PRI PROJECT - 3"</v>
          </cell>
          <cell r="H55" t="str">
            <v>GO-SERVICEKY \ R-M-CRPL3"</v>
          </cell>
          <cell r="I55"/>
          <cell r="J55" t="str">
            <v>3MCR70</v>
          </cell>
          <cell r="K55" t="str">
            <v>R</v>
          </cell>
          <cell r="L55" t="str">
            <v>REMOVE M-C SERV. FOR RPL, STI, OR PRI PROJECT - 3"</v>
          </cell>
          <cell r="M55" t="str">
            <v>N</v>
          </cell>
        </row>
        <row r="56">
          <cell r="A56" t="str">
            <v>3PDCOMP</v>
          </cell>
          <cell r="B56" t="str">
            <v>Gas O&amp;M</v>
          </cell>
          <cell r="C56" t="e">
            <v>#N/A</v>
          </cell>
          <cell r="D56" t="str">
            <v>GO-DAMAGE</v>
          </cell>
          <cell r="E56" t="e">
            <v>#N/A</v>
          </cell>
          <cell r="F56" t="str">
            <v>3PDCOMP</v>
          </cell>
          <cell r="G56" t="e">
            <v>#N/A</v>
          </cell>
          <cell r="H56" t="str">
            <v>GO-DAMAGE \ 3PDCOMP</v>
          </cell>
          <cell r="I56"/>
          <cell r="J56" t="str">
            <v>3PDCOMP</v>
          </cell>
          <cell r="K56" t="str">
            <v>X</v>
          </cell>
          <cell r="L56" t="str">
            <v>Damage on a Gas facility from third party - Company property billing</v>
          </cell>
          <cell r="M56" t="str">
            <v>N</v>
          </cell>
        </row>
        <row r="57">
          <cell r="A57" t="str">
            <v>3PDCUSTEX</v>
          </cell>
          <cell r="B57" t="str">
            <v>Gas O&amp;M</v>
          </cell>
          <cell r="C57" t="e">
            <v>#N/A</v>
          </cell>
          <cell r="D57" t="str">
            <v>GO-DAMAGE</v>
          </cell>
          <cell r="E57" t="e">
            <v>#N/A</v>
          </cell>
          <cell r="F57" t="str">
            <v>3PDCUSTEX</v>
          </cell>
          <cell r="G57" t="e">
            <v>#N/A</v>
          </cell>
          <cell r="H57" t="str">
            <v>GO-DAMAGE \ 3PDCUSTEX</v>
          </cell>
          <cell r="I57"/>
          <cell r="J57" t="str">
            <v>3PDCUSTEX</v>
          </cell>
          <cell r="K57" t="str">
            <v>X</v>
          </cell>
          <cell r="L57" t="str">
            <v>Damage on a Gas facility from third party - Customer property billing</v>
          </cell>
          <cell r="M57" t="str">
            <v>N</v>
          </cell>
        </row>
        <row r="58">
          <cell r="A58" t="str">
            <v>4CMN10</v>
          </cell>
          <cell r="B58" t="str">
            <v>Gas Capital</v>
          </cell>
          <cell r="C58" t="str">
            <v>Gas</v>
          </cell>
          <cell r="D58" t="str">
            <v>GO-SERVICEOH</v>
          </cell>
          <cell r="E58" t="str">
            <v>Gas Operations - Service Work - OH</v>
          </cell>
          <cell r="F58" t="str">
            <v>C-MNEW4"</v>
          </cell>
          <cell r="G58" t="str">
            <v>INSTALL NEW C-M SERVICE - 4"</v>
          </cell>
          <cell r="H58" t="str">
            <v>GO-SERVICEOH \ C-MNEW4"</v>
          </cell>
          <cell r="I58"/>
          <cell r="J58" t="str">
            <v>4CMN10</v>
          </cell>
          <cell r="K58" t="str">
            <v>I</v>
          </cell>
          <cell r="L58" t="str">
            <v>INSTALL NEW C-M SERVICE - 4"</v>
          </cell>
          <cell r="M58" t="str">
            <v>N</v>
          </cell>
        </row>
        <row r="59">
          <cell r="A59" t="str">
            <v>4CMN70</v>
          </cell>
          <cell r="B59" t="str">
            <v>Gas Capital</v>
          </cell>
          <cell r="C59" t="str">
            <v>Gas</v>
          </cell>
          <cell r="D59" t="str">
            <v>GO-SERVICEKY</v>
          </cell>
          <cell r="E59" t="str">
            <v>Gas Operations - Service Work - KY</v>
          </cell>
          <cell r="F59" t="str">
            <v>C-MNEW4"</v>
          </cell>
          <cell r="G59" t="str">
            <v>INSTALL NEW C-M SERVICE - 4"</v>
          </cell>
          <cell r="H59" t="str">
            <v>GO-SERVICEKY \ C-MNEW4"</v>
          </cell>
          <cell r="I59"/>
          <cell r="J59" t="str">
            <v>4CMN70</v>
          </cell>
          <cell r="K59" t="str">
            <v>I</v>
          </cell>
          <cell r="L59" t="str">
            <v>INSTALL NEW C-M SERVICE - 4"</v>
          </cell>
          <cell r="M59" t="str">
            <v>N</v>
          </cell>
        </row>
        <row r="60">
          <cell r="A60" t="str">
            <v>4CMR10</v>
          </cell>
          <cell r="B60" t="str">
            <v>Gas Capital</v>
          </cell>
          <cell r="C60" t="str">
            <v>Gas</v>
          </cell>
          <cell r="D60" t="str">
            <v>GO-SERVICEOH</v>
          </cell>
          <cell r="E60" t="str">
            <v>Gas Operations - Service Work - OH</v>
          </cell>
          <cell r="F60" t="str">
            <v>C-MRPL4"</v>
          </cell>
          <cell r="G60" t="str">
            <v>INSTALL C-M SERV. FOR RPL, STI, OR PRI PROJECT - 4"</v>
          </cell>
          <cell r="H60" t="str">
            <v>GO-SERVICEOH \ C-MRPL4"</v>
          </cell>
          <cell r="I60"/>
          <cell r="J60" t="str">
            <v>4CMR10</v>
          </cell>
          <cell r="K60" t="str">
            <v>I</v>
          </cell>
          <cell r="L60" t="str">
            <v>INSTALL C-M SERV. FOR RPL, STI, OR PRI PROJECT - 4"</v>
          </cell>
          <cell r="M60" t="str">
            <v>N</v>
          </cell>
        </row>
        <row r="61">
          <cell r="A61" t="str">
            <v>4CMR10</v>
          </cell>
          <cell r="B61" t="str">
            <v>Gas Capital</v>
          </cell>
          <cell r="C61" t="str">
            <v>Gas</v>
          </cell>
          <cell r="D61" t="str">
            <v>GO-SERVICEOH</v>
          </cell>
          <cell r="E61" t="str">
            <v>Gas Operations - Service Work - OH</v>
          </cell>
          <cell r="F61" t="str">
            <v>R-C-MRPL4"</v>
          </cell>
          <cell r="G61" t="str">
            <v>REMOVE C-M SERV. FOR RPL, STI, OR PRI PROJECT - 4"</v>
          </cell>
          <cell r="H61" t="str">
            <v>GO-SERVICEOH \ R-C-MRPL4"</v>
          </cell>
          <cell r="I61"/>
          <cell r="J61" t="str">
            <v>4CMR10</v>
          </cell>
          <cell r="K61" t="str">
            <v>R</v>
          </cell>
          <cell r="L61" t="str">
            <v>REMOVE C-M SERV. FOR RPL, STI, OR PRI PROJECT - 4"</v>
          </cell>
          <cell r="M61" t="str">
            <v>N</v>
          </cell>
        </row>
        <row r="62">
          <cell r="A62" t="str">
            <v>4CMR70</v>
          </cell>
          <cell r="B62" t="str">
            <v>Gas Capital</v>
          </cell>
          <cell r="C62" t="str">
            <v>Gas</v>
          </cell>
          <cell r="D62" t="str">
            <v>GO-SERVICEKY</v>
          </cell>
          <cell r="E62" t="str">
            <v>Gas Operations - Service Work - KY</v>
          </cell>
          <cell r="F62" t="str">
            <v>C-MRPL4"</v>
          </cell>
          <cell r="G62" t="str">
            <v>INSTALL C-M SERV. FOR RPL, STI, OR PRI PROJECT - 4"</v>
          </cell>
          <cell r="H62" t="str">
            <v>GO-SERVICEKY \ C-MRPL4"</v>
          </cell>
          <cell r="I62"/>
          <cell r="J62" t="str">
            <v>4CMR70</v>
          </cell>
          <cell r="K62" t="str">
            <v>I</v>
          </cell>
          <cell r="L62" t="str">
            <v>INSTALL C-M SERV. FOR RPL, STI, OR PRI PROJECT - 4"</v>
          </cell>
          <cell r="M62" t="str">
            <v>N</v>
          </cell>
        </row>
        <row r="63">
          <cell r="A63" t="str">
            <v>4CMR70</v>
          </cell>
          <cell r="B63" t="str">
            <v>Gas Capital</v>
          </cell>
          <cell r="C63" t="str">
            <v>Gas</v>
          </cell>
          <cell r="D63" t="str">
            <v>GO-SERVICEKY</v>
          </cell>
          <cell r="E63" t="str">
            <v>Gas Operations - Service Work - KY</v>
          </cell>
          <cell r="F63" t="str">
            <v>R-C-MRPL4"</v>
          </cell>
          <cell r="G63" t="str">
            <v>REMOVE C-M SERV. FOR RPL, STI, OR PRI PROJECT - 4"</v>
          </cell>
          <cell r="H63" t="str">
            <v>GO-SERVICEKY \ R-C-MRPL4"</v>
          </cell>
          <cell r="I63"/>
          <cell r="J63" t="str">
            <v>4CMR70</v>
          </cell>
          <cell r="K63" t="str">
            <v>R</v>
          </cell>
          <cell r="L63" t="str">
            <v>REMOVE C-M SERV. FOR RPL, STI, OR PRI PROJECT - 4"</v>
          </cell>
          <cell r="M63" t="str">
            <v>N</v>
          </cell>
        </row>
        <row r="64">
          <cell r="A64" t="str">
            <v>4MCN10</v>
          </cell>
          <cell r="B64" t="str">
            <v>Gas Capital</v>
          </cell>
          <cell r="C64" t="str">
            <v>Gas</v>
          </cell>
          <cell r="D64" t="str">
            <v>GO-SERVICEOH</v>
          </cell>
          <cell r="E64" t="str">
            <v>Gas Operations - Service Work - OH</v>
          </cell>
          <cell r="F64" t="str">
            <v>M-CNEW4"</v>
          </cell>
          <cell r="G64" t="str">
            <v>INSTALL NEW M-C SERVICE - 4"</v>
          </cell>
          <cell r="H64" t="str">
            <v>GO-SERVICEOH \ M-CNEW4"</v>
          </cell>
          <cell r="I64"/>
          <cell r="J64" t="str">
            <v>4MCN10</v>
          </cell>
          <cell r="K64" t="str">
            <v>I</v>
          </cell>
          <cell r="L64" t="str">
            <v>INSTALL NEW M-C SERVICE - 4"</v>
          </cell>
          <cell r="M64" t="str">
            <v>N</v>
          </cell>
        </row>
        <row r="65">
          <cell r="A65" t="str">
            <v>4MCN70</v>
          </cell>
          <cell r="B65" t="str">
            <v>Gas Capital</v>
          </cell>
          <cell r="C65" t="str">
            <v>Gas</v>
          </cell>
          <cell r="D65" t="str">
            <v>GO-SERVICEKY</v>
          </cell>
          <cell r="E65" t="str">
            <v>Gas Operations - Service Work - KY</v>
          </cell>
          <cell r="F65" t="str">
            <v>M-CNEW4"</v>
          </cell>
          <cell r="G65" t="str">
            <v>INSTALL NEW M-C SERVICE - 4"</v>
          </cell>
          <cell r="H65" t="str">
            <v>GO-SERVICEKY \ M-CNEW4"</v>
          </cell>
          <cell r="I65"/>
          <cell r="J65" t="str">
            <v>4MCN70</v>
          </cell>
          <cell r="K65" t="str">
            <v>I</v>
          </cell>
          <cell r="L65" t="str">
            <v>INSTALL NEW M-C SERVICE - 4"</v>
          </cell>
          <cell r="M65" t="str">
            <v>N</v>
          </cell>
        </row>
        <row r="66">
          <cell r="A66" t="str">
            <v>4MCR10</v>
          </cell>
          <cell r="B66" t="str">
            <v>Gas Capital</v>
          </cell>
          <cell r="C66" t="str">
            <v>Gas</v>
          </cell>
          <cell r="D66" t="str">
            <v>GO-SERVICEOH</v>
          </cell>
          <cell r="E66" t="str">
            <v>Gas Operations - Service Work - OH</v>
          </cell>
          <cell r="F66" t="str">
            <v>M-CRPL4"</v>
          </cell>
          <cell r="G66" t="str">
            <v>INSTALL M-C SERV. FOR RPL, STI, OR PRI PROJECT - 4"</v>
          </cell>
          <cell r="H66" t="str">
            <v>GO-SERVICEOH \ M-CRPL4"</v>
          </cell>
          <cell r="I66"/>
          <cell r="J66" t="str">
            <v>4MCR10</v>
          </cell>
          <cell r="K66" t="str">
            <v>I</v>
          </cell>
          <cell r="L66" t="str">
            <v>INSTALL M-C SERV. FOR RPL, STI, OR PRI PROJECT - 4"</v>
          </cell>
          <cell r="M66" t="str">
            <v>N</v>
          </cell>
        </row>
        <row r="67">
          <cell r="A67" t="str">
            <v>4MCR10</v>
          </cell>
          <cell r="B67" t="str">
            <v>Gas Capital</v>
          </cell>
          <cell r="C67" t="str">
            <v>Gas</v>
          </cell>
          <cell r="D67" t="str">
            <v>GO-SERVICEOH</v>
          </cell>
          <cell r="E67" t="str">
            <v>Gas Operations - Service Work - OH</v>
          </cell>
          <cell r="F67" t="str">
            <v>R-M-CRPL4"</v>
          </cell>
          <cell r="G67" t="str">
            <v>REMOVE M-C SERV. FOR RPL, STI, OR PRI PROJECT - 4"</v>
          </cell>
          <cell r="H67" t="str">
            <v>GO-SERVICEOH \ R-M-CRPL4"</v>
          </cell>
          <cell r="I67"/>
          <cell r="J67" t="str">
            <v>4MCR10</v>
          </cell>
          <cell r="K67" t="str">
            <v>R</v>
          </cell>
          <cell r="L67" t="str">
            <v>REMOVE M-C SERV. FOR RPL, STI, OR PRI PROJECT - 4"</v>
          </cell>
          <cell r="M67" t="str">
            <v>N</v>
          </cell>
        </row>
        <row r="68">
          <cell r="A68" t="str">
            <v>4MCR70</v>
          </cell>
          <cell r="B68" t="str">
            <v>Gas Capital</v>
          </cell>
          <cell r="C68" t="str">
            <v>Gas</v>
          </cell>
          <cell r="D68" t="str">
            <v>GO-SERVICEKY</v>
          </cell>
          <cell r="E68" t="str">
            <v>Gas Operations - Service Work - KY</v>
          </cell>
          <cell r="F68" t="str">
            <v>M-CRPL4"</v>
          </cell>
          <cell r="G68" t="str">
            <v>INSTALL M-C SERV. FOR RPL, STI, OR PRI PROJECT - 4"</v>
          </cell>
          <cell r="H68" t="str">
            <v>GO-SERVICEKY \ M-CRPL4"</v>
          </cell>
          <cell r="I68"/>
          <cell r="J68" t="str">
            <v>4MCR70</v>
          </cell>
          <cell r="K68" t="str">
            <v>I</v>
          </cell>
          <cell r="L68" t="str">
            <v>INSTALL M-C SERV. FOR RPL, STI, OR PRI PROJECT - 4"</v>
          </cell>
          <cell r="M68" t="str">
            <v>N</v>
          </cell>
        </row>
        <row r="69">
          <cell r="A69" t="str">
            <v>4MCR70</v>
          </cell>
          <cell r="B69" t="str">
            <v>Gas Capital</v>
          </cell>
          <cell r="C69" t="str">
            <v>Gas</v>
          </cell>
          <cell r="D69" t="str">
            <v>GO-SERVICEKY</v>
          </cell>
          <cell r="E69" t="str">
            <v>Gas Operations - Service Work - KY</v>
          </cell>
          <cell r="F69" t="str">
            <v>R-M-CRPL4"</v>
          </cell>
          <cell r="G69" t="str">
            <v>REMOVE M-C SERV. FOR RPL, STI, OR PRI PROJECT - 4"</v>
          </cell>
          <cell r="H69" t="str">
            <v>GO-SERVICEKY \ R-M-CRPL4"</v>
          </cell>
          <cell r="I69"/>
          <cell r="J69" t="str">
            <v>4MCR70</v>
          </cell>
          <cell r="K69" t="str">
            <v>R</v>
          </cell>
          <cell r="L69" t="str">
            <v>REMOVE M-C SERV. FOR RPL, STI, OR PRI PROJECT - 4"</v>
          </cell>
          <cell r="M69" t="str">
            <v>N</v>
          </cell>
        </row>
        <row r="70">
          <cell r="A70" t="str">
            <v>6CMN10</v>
          </cell>
          <cell r="B70" t="str">
            <v>Gas Capital</v>
          </cell>
          <cell r="C70" t="str">
            <v>Gas</v>
          </cell>
          <cell r="D70" t="str">
            <v>GO-SERVICEOH</v>
          </cell>
          <cell r="E70" t="str">
            <v>Gas Operations - Service Work - OH</v>
          </cell>
          <cell r="F70" t="str">
            <v>C-MNEW6"</v>
          </cell>
          <cell r="G70" t="str">
            <v>INSTALL NEW C-M SERVICE - 6"</v>
          </cell>
          <cell r="H70" t="str">
            <v>GO-SERVICEOH \ C-MNEW6"</v>
          </cell>
          <cell r="I70"/>
          <cell r="J70" t="str">
            <v>6CMN10</v>
          </cell>
          <cell r="K70" t="str">
            <v>I</v>
          </cell>
          <cell r="L70" t="str">
            <v>INSTALL NEW C-M SERVICE - 6"</v>
          </cell>
          <cell r="M70" t="str">
            <v>N</v>
          </cell>
        </row>
        <row r="71">
          <cell r="A71" t="str">
            <v>6CMN70</v>
          </cell>
          <cell r="B71" t="str">
            <v>Gas Capital</v>
          </cell>
          <cell r="C71" t="str">
            <v>Gas</v>
          </cell>
          <cell r="D71" t="str">
            <v>GO-SERVICEKY</v>
          </cell>
          <cell r="E71" t="str">
            <v>Gas Operations - Service Work - KY</v>
          </cell>
          <cell r="F71" t="str">
            <v>C-MNEW6"</v>
          </cell>
          <cell r="G71" t="str">
            <v>INSTALL NEW C-M SERVICE - 6"</v>
          </cell>
          <cell r="H71" t="str">
            <v>GO-SERVICEKY \ C-MNEW6"</v>
          </cell>
          <cell r="I71"/>
          <cell r="J71" t="str">
            <v>6CMN70</v>
          </cell>
          <cell r="K71" t="str">
            <v>I</v>
          </cell>
          <cell r="L71" t="str">
            <v>INSTALL NEW C-M SERVICE - 6"</v>
          </cell>
          <cell r="M71" t="str">
            <v>N</v>
          </cell>
        </row>
        <row r="72">
          <cell r="A72" t="str">
            <v>6CMR10</v>
          </cell>
          <cell r="B72" t="str">
            <v>Gas Capital</v>
          </cell>
          <cell r="C72" t="str">
            <v>Gas</v>
          </cell>
          <cell r="D72" t="str">
            <v>GO-SERVICEOH</v>
          </cell>
          <cell r="E72" t="str">
            <v>Gas Operations - Service Work - OH</v>
          </cell>
          <cell r="F72" t="str">
            <v>C-MRPL6"</v>
          </cell>
          <cell r="G72" t="str">
            <v>INSTALL C-M SERV. FOR RPL, STI, OR PRI PROJECT - 6"</v>
          </cell>
          <cell r="H72" t="str">
            <v>GO-SERVICEOH \ C-MRPL6"</v>
          </cell>
          <cell r="I72"/>
          <cell r="J72" t="str">
            <v>6CMR10</v>
          </cell>
          <cell r="K72" t="str">
            <v>I</v>
          </cell>
          <cell r="L72" t="str">
            <v>INSTALL C-M SERV. FOR RPL, STI, OR PRI PROJECT - 6"</v>
          </cell>
          <cell r="M72" t="str">
            <v>N</v>
          </cell>
        </row>
        <row r="73">
          <cell r="A73" t="str">
            <v>6CMR10</v>
          </cell>
          <cell r="B73" t="str">
            <v>Gas Capital</v>
          </cell>
          <cell r="C73" t="str">
            <v>Gas</v>
          </cell>
          <cell r="D73" t="str">
            <v>GO-SERVICEOH</v>
          </cell>
          <cell r="E73" t="str">
            <v>Gas Operations - Service Work - OH</v>
          </cell>
          <cell r="F73" t="str">
            <v>R-C-MRPL6"</v>
          </cell>
          <cell r="G73" t="str">
            <v>REMOVE C-M SERV. FOR RPL, STI, OR PRI PROJECT - 6"</v>
          </cell>
          <cell r="H73" t="str">
            <v>GO-SERVICEOH \ R-C-MRPL6"</v>
          </cell>
          <cell r="I73"/>
          <cell r="J73" t="str">
            <v>6CMR10</v>
          </cell>
          <cell r="K73" t="str">
            <v>R</v>
          </cell>
          <cell r="L73" t="str">
            <v>REMOVE C-M SERV. FOR RPL, STI, OR PRI PROJECT - 6"</v>
          </cell>
          <cell r="M73" t="str">
            <v>N</v>
          </cell>
        </row>
        <row r="74">
          <cell r="A74" t="str">
            <v>6CMR70</v>
          </cell>
          <cell r="B74" t="str">
            <v>Gas Capital</v>
          </cell>
          <cell r="C74" t="str">
            <v>Gas</v>
          </cell>
          <cell r="D74" t="str">
            <v>GO-SERVICEKY</v>
          </cell>
          <cell r="E74" t="str">
            <v>Gas Operations - Service Work - KY</v>
          </cell>
          <cell r="F74" t="str">
            <v>C-MRPL6"</v>
          </cell>
          <cell r="G74" t="str">
            <v>INSTALL C-M SERV. FOR RPL, STI, OR PRI PROJECT - 6"</v>
          </cell>
          <cell r="H74" t="str">
            <v>GO-SERVICEKY \ C-MRPL6"</v>
          </cell>
          <cell r="I74"/>
          <cell r="J74" t="str">
            <v>6CMR70</v>
          </cell>
          <cell r="K74" t="str">
            <v>I</v>
          </cell>
          <cell r="L74" t="str">
            <v>INSTALL C-M SERV. FOR RPL, STI, OR PRI PROJECT - 6"</v>
          </cell>
          <cell r="M74" t="str">
            <v>N</v>
          </cell>
        </row>
        <row r="75">
          <cell r="A75" t="str">
            <v>6CMR70</v>
          </cell>
          <cell r="B75" t="str">
            <v>Gas Capital</v>
          </cell>
          <cell r="C75" t="str">
            <v>Gas</v>
          </cell>
          <cell r="D75" t="str">
            <v>GO-SERVICEKY</v>
          </cell>
          <cell r="E75" t="str">
            <v>Gas Operations - Service Work - KY</v>
          </cell>
          <cell r="F75" t="str">
            <v>R-C-MRPL6"</v>
          </cell>
          <cell r="G75" t="str">
            <v>REMOVE C-M SERV. FOR RPL, STI, OR PRI PROJECT - 6"</v>
          </cell>
          <cell r="H75" t="str">
            <v>GO-SERVICEKY \ R-C-MRPL6"</v>
          </cell>
          <cell r="I75"/>
          <cell r="J75" t="str">
            <v>6CMR70</v>
          </cell>
          <cell r="K75" t="str">
            <v>R</v>
          </cell>
          <cell r="L75" t="str">
            <v>REMOVE C-M SERV. FOR RPL, STI, OR PRI PROJECT - 6"</v>
          </cell>
          <cell r="M75" t="str">
            <v>N</v>
          </cell>
        </row>
        <row r="76">
          <cell r="A76" t="str">
            <v>6MCN10</v>
          </cell>
          <cell r="B76" t="str">
            <v>Gas Capital</v>
          </cell>
          <cell r="C76" t="str">
            <v>Gas</v>
          </cell>
          <cell r="D76" t="str">
            <v>GO-SERVICEOH</v>
          </cell>
          <cell r="E76" t="str">
            <v>Gas Operations - Service Work - OH</v>
          </cell>
          <cell r="F76" t="str">
            <v>M-CNEW6"</v>
          </cell>
          <cell r="G76" t="str">
            <v>INSTALL NEW M-C SERVICE - 6"</v>
          </cell>
          <cell r="H76" t="str">
            <v>GO-SERVICEOH \ M-CNEW6"</v>
          </cell>
          <cell r="I76"/>
          <cell r="J76" t="str">
            <v>6MCN10</v>
          </cell>
          <cell r="K76" t="str">
            <v>I</v>
          </cell>
          <cell r="L76" t="str">
            <v>INSTALL NEW M-C SERVICE - 6"</v>
          </cell>
          <cell r="M76" t="str">
            <v>N</v>
          </cell>
        </row>
        <row r="77">
          <cell r="A77" t="str">
            <v>6MCN70</v>
          </cell>
          <cell r="B77" t="str">
            <v>Gas Capital</v>
          </cell>
          <cell r="C77" t="str">
            <v>Gas</v>
          </cell>
          <cell r="D77" t="str">
            <v>GO-SERVICEKY</v>
          </cell>
          <cell r="E77" t="str">
            <v>Gas Operations - Service Work - KY</v>
          </cell>
          <cell r="F77" t="str">
            <v>M-CNEW6"</v>
          </cell>
          <cell r="G77" t="str">
            <v>INSTALL NEW M-C SERVICE - 6"</v>
          </cell>
          <cell r="H77" t="str">
            <v>GO-SERVICEKY \ M-CNEW6"</v>
          </cell>
          <cell r="I77"/>
          <cell r="J77" t="str">
            <v>6MCN70</v>
          </cell>
          <cell r="K77" t="str">
            <v>I</v>
          </cell>
          <cell r="L77" t="str">
            <v>INSTALL NEW M-C SERVICE - 6"</v>
          </cell>
          <cell r="M77" t="str">
            <v>N</v>
          </cell>
        </row>
        <row r="78">
          <cell r="A78" t="str">
            <v>6MCR10</v>
          </cell>
          <cell r="B78" t="str">
            <v>Gas Capital</v>
          </cell>
          <cell r="C78" t="str">
            <v>Gas</v>
          </cell>
          <cell r="D78" t="str">
            <v>GO-SERVICEOH</v>
          </cell>
          <cell r="E78" t="str">
            <v>Gas Operations - Service Work - OH</v>
          </cell>
          <cell r="F78" t="str">
            <v>M-CRPL6"</v>
          </cell>
          <cell r="G78" t="str">
            <v>INSTALL M-C SERV. FOR RPL, STI, OR PRI PROJECT - 6"</v>
          </cell>
          <cell r="H78" t="str">
            <v>GO-SERVICEOH \ M-CRPL6"</v>
          </cell>
          <cell r="I78"/>
          <cell r="J78" t="str">
            <v>6MCR10</v>
          </cell>
          <cell r="K78" t="str">
            <v>I</v>
          </cell>
          <cell r="L78" t="str">
            <v>INSTALL M-C SERV. FOR RPL, STI, OR PRI PROJECT - 6"</v>
          </cell>
          <cell r="M78" t="str">
            <v>N</v>
          </cell>
        </row>
        <row r="79">
          <cell r="A79" t="str">
            <v>6MCR10</v>
          </cell>
          <cell r="B79" t="str">
            <v>Gas Capital</v>
          </cell>
          <cell r="C79" t="str">
            <v>Gas</v>
          </cell>
          <cell r="D79" t="str">
            <v>GO-SERVICEOH</v>
          </cell>
          <cell r="E79" t="str">
            <v>Gas Operations - Service Work - OH</v>
          </cell>
          <cell r="F79" t="str">
            <v>R-M-CRPL6"</v>
          </cell>
          <cell r="G79" t="str">
            <v>REMOVE M-C SERV. FOR RPL, STI, OR PRI PROJECT - 6"</v>
          </cell>
          <cell r="H79" t="str">
            <v>GO-SERVICEOH \ R-M-CRPL6"</v>
          </cell>
          <cell r="I79"/>
          <cell r="J79" t="str">
            <v>6MCR10</v>
          </cell>
          <cell r="K79" t="str">
            <v>R</v>
          </cell>
          <cell r="L79" t="str">
            <v>REMOVE M-C SERV. FOR RPL, STI, OR PRI PROJECT - 6"</v>
          </cell>
          <cell r="M79" t="str">
            <v>N</v>
          </cell>
        </row>
        <row r="80">
          <cell r="A80" t="str">
            <v>6MCR70</v>
          </cell>
          <cell r="B80" t="str">
            <v>Gas Capital</v>
          </cell>
          <cell r="C80" t="str">
            <v>Gas</v>
          </cell>
          <cell r="D80" t="str">
            <v>GO-SERVICEKY</v>
          </cell>
          <cell r="E80" t="str">
            <v>Gas Operations - Service Work - KY</v>
          </cell>
          <cell r="F80" t="str">
            <v>M-CRPL6"</v>
          </cell>
          <cell r="G80" t="str">
            <v>INSTALL M-C SERV. FOR RPL, STI, OR PRI PROJECT - 6"</v>
          </cell>
          <cell r="H80" t="str">
            <v>GO-SERVICEKY \ M-CRPL6"</v>
          </cell>
          <cell r="I80"/>
          <cell r="J80" t="str">
            <v>6MCR70</v>
          </cell>
          <cell r="K80" t="str">
            <v>I</v>
          </cell>
          <cell r="L80" t="str">
            <v>INSTALL M-C SERV. FOR RPL, STI, OR PRI PROJECT - 6"</v>
          </cell>
          <cell r="M80" t="str">
            <v>N</v>
          </cell>
        </row>
        <row r="81">
          <cell r="A81" t="str">
            <v>6MCR70</v>
          </cell>
          <cell r="B81" t="str">
            <v>Gas Capital</v>
          </cell>
          <cell r="C81" t="str">
            <v>Gas</v>
          </cell>
          <cell r="D81" t="str">
            <v>GO-SERVICEKY</v>
          </cell>
          <cell r="E81" t="str">
            <v>Gas Operations - Service Work - KY</v>
          </cell>
          <cell r="F81" t="str">
            <v>R-M-CRPL6"</v>
          </cell>
          <cell r="G81" t="str">
            <v>REMOVE M-C SERV. FOR RPL, STI, OR PRI PROJECT - 6"</v>
          </cell>
          <cell r="H81" t="str">
            <v>GO-SERVICEKY \ R-M-CRPL6"</v>
          </cell>
          <cell r="I81"/>
          <cell r="J81" t="str">
            <v>6MCR70</v>
          </cell>
          <cell r="K81" t="str">
            <v>R</v>
          </cell>
          <cell r="L81" t="str">
            <v>REMOVE M-C SERV. FOR RPL, STI, OR PRI PROJECT - 6"</v>
          </cell>
          <cell r="M81" t="str">
            <v>N</v>
          </cell>
        </row>
        <row r="82">
          <cell r="A82" t="str">
            <v>874LEAKSU</v>
          </cell>
          <cell r="B82" t="str">
            <v>Gas O&amp;M</v>
          </cell>
          <cell r="C82" t="str">
            <v>Gas</v>
          </cell>
          <cell r="D82" t="str">
            <v>GO-INSP</v>
          </cell>
          <cell r="E82" t="str">
            <v>Gas Operations - Inspections</v>
          </cell>
          <cell r="F82" t="str">
            <v>ATMCOR</v>
          </cell>
          <cell r="G82" t="str">
            <v>Inside atmospheric corrosion survey</v>
          </cell>
          <cell r="H82" t="str">
            <v>GO-INSP \ ATMCOR</v>
          </cell>
          <cell r="I82"/>
          <cell r="J82" t="str">
            <v>874LEAKSU</v>
          </cell>
          <cell r="K82" t="str">
            <v>X</v>
          </cell>
          <cell r="L82" t="str">
            <v>Inside atmospheric corrosion survey</v>
          </cell>
          <cell r="M82" t="str">
            <v>N</v>
          </cell>
        </row>
        <row r="83">
          <cell r="A83" t="str">
            <v>874LEAKSU</v>
          </cell>
          <cell r="B83" t="str">
            <v>Gas O&amp;M</v>
          </cell>
          <cell r="C83" t="str">
            <v>Gas</v>
          </cell>
          <cell r="D83" t="str">
            <v>GO-INSP</v>
          </cell>
          <cell r="E83" t="str">
            <v>Gas Operations - Inspections</v>
          </cell>
          <cell r="F83" t="str">
            <v>DESIB</v>
          </cell>
          <cell r="G83" t="str">
            <v>Designated Building</v>
          </cell>
          <cell r="H83" t="str">
            <v>GO-INSP \ DESIB</v>
          </cell>
          <cell r="I83"/>
          <cell r="J83" t="str">
            <v>874LEAKSU</v>
          </cell>
          <cell r="K83" t="str">
            <v>X</v>
          </cell>
          <cell r="L83" t="str">
            <v>Designated Building</v>
          </cell>
          <cell r="M83" t="str">
            <v>N</v>
          </cell>
        </row>
        <row r="84">
          <cell r="A84" t="str">
            <v>874LEAKSU</v>
          </cell>
          <cell r="B84" t="str">
            <v>Gas O&amp;M</v>
          </cell>
          <cell r="C84" t="str">
            <v>Gas</v>
          </cell>
          <cell r="D84" t="str">
            <v>GO-INSP</v>
          </cell>
          <cell r="E84" t="str">
            <v>Gas Operations - Inspections</v>
          </cell>
          <cell r="F84" t="str">
            <v>RRVF</v>
          </cell>
          <cell r="G84" t="str">
            <v>Regulator Relief Valve Inspection M&amp;R</v>
          </cell>
          <cell r="H84" t="str">
            <v>GO-INSP \ RRVF</v>
          </cell>
          <cell r="I84"/>
          <cell r="J84" t="str">
            <v>874LEAKSU</v>
          </cell>
          <cell r="K84" t="str">
            <v>X</v>
          </cell>
          <cell r="L84" t="str">
            <v>Regulator Relief Valve Inspection M&amp;R</v>
          </cell>
          <cell r="M84" t="str">
            <v>N</v>
          </cell>
        </row>
        <row r="85">
          <cell r="A85" t="str">
            <v>ADLTMT</v>
          </cell>
          <cell r="B85" t="str">
            <v>PD O&amp;M</v>
          </cell>
          <cell r="C85" t="str">
            <v>Carolinas</v>
          </cell>
          <cell r="D85" t="str">
            <v>PD-LREP</v>
          </cell>
          <cell r="E85" t="str">
            <v xml:space="preserve">Light Repair </v>
          </cell>
          <cell r="F85" t="str">
            <v>DECALREPC</v>
          </cell>
          <cell r="G85" t="str">
            <v>Decorative Area Light inspections &amp; repair -- Changing bulbs/photo control Carolinas</v>
          </cell>
          <cell r="H85" t="str">
            <v>PD-LREP \ DECALREPC</v>
          </cell>
          <cell r="I85" t="str">
            <v>ADLTMT</v>
          </cell>
          <cell r="J85" t="str">
            <v>ADLTMT</v>
          </cell>
          <cell r="K85" t="str">
            <v>X</v>
          </cell>
          <cell r="L85" t="str">
            <v>Decorative Area Light inspections &amp; repair -- Changing bulbs/photo control Carolinas</v>
          </cell>
          <cell r="M85" t="str">
            <v>N</v>
          </cell>
        </row>
        <row r="86">
          <cell r="A86" t="str">
            <v>ALTMT</v>
          </cell>
          <cell r="B86" t="str">
            <v>PD O&amp;M</v>
          </cell>
          <cell r="C86" t="str">
            <v>Carolinas</v>
          </cell>
          <cell r="D86" t="str">
            <v>PD-LREP</v>
          </cell>
          <cell r="E86" t="str">
            <v xml:space="preserve">Light Repair </v>
          </cell>
          <cell r="F86" t="str">
            <v>AREALREPC</v>
          </cell>
          <cell r="G86" t="str">
            <v>Area Light inspections &amp; repair -- Changing bulbs/photo control Carolinas</v>
          </cell>
          <cell r="H86" t="str">
            <v>PD-LREP \ AREALREPC</v>
          </cell>
          <cell r="I86" t="str">
            <v>ALTMT</v>
          </cell>
          <cell r="J86" t="str">
            <v>ALTMT</v>
          </cell>
          <cell r="K86" t="str">
            <v>X</v>
          </cell>
          <cell r="L86" t="str">
            <v>Area Light inspections &amp; repair -- Changing bulbs/photo control Carolinas</v>
          </cell>
          <cell r="M86" t="str">
            <v>N</v>
          </cell>
        </row>
        <row r="87">
          <cell r="A87" t="str">
            <v>BATICK</v>
          </cell>
          <cell r="B87" t="str">
            <v>PD Capital</v>
          </cell>
          <cell r="C87" t="str">
            <v>Carolinas</v>
          </cell>
          <cell r="D87" t="str">
            <v>PD-MFAM</v>
          </cell>
          <cell r="E87" t="str">
            <v>Power Delivery - BE - Multi-Family</v>
          </cell>
          <cell r="F87" t="str">
            <v>TAP&amp;SETCK</v>
          </cell>
          <cell r="G87" t="str">
            <v>Tap and Set CK</v>
          </cell>
          <cell r="H87" t="str">
            <v>PD-MFAM \ TAP&amp;SETCK</v>
          </cell>
          <cell r="I87" t="str">
            <v>BAT</v>
          </cell>
          <cell r="J87" t="str">
            <v>BATICK</v>
          </cell>
          <cell r="K87" t="str">
            <v>X</v>
          </cell>
          <cell r="L87" t="str">
            <v>Tap and Set CK</v>
          </cell>
          <cell r="M87" t="str">
            <v>N</v>
          </cell>
        </row>
        <row r="88">
          <cell r="A88" t="str">
            <v>BATINC</v>
          </cell>
          <cell r="B88" t="str">
            <v>PD Capital</v>
          </cell>
          <cell r="C88" t="str">
            <v>Carolinas</v>
          </cell>
          <cell r="D88" t="str">
            <v>PD-MFAM</v>
          </cell>
          <cell r="E88" t="str">
            <v>Power Delivery - BE - Multi-Family</v>
          </cell>
          <cell r="F88" t="str">
            <v>TAP&amp;SETNC</v>
          </cell>
          <cell r="G88" t="str">
            <v>Tap and Set NC</v>
          </cell>
          <cell r="H88" t="str">
            <v>PD-MFAM \ TAP&amp;SETNC</v>
          </cell>
          <cell r="I88" t="str">
            <v>BAT</v>
          </cell>
          <cell r="J88" t="str">
            <v>BATINC</v>
          </cell>
          <cell r="K88" t="str">
            <v>X</v>
          </cell>
          <cell r="L88" t="str">
            <v>Tap and Set NC</v>
          </cell>
          <cell r="M88" t="str">
            <v>N</v>
          </cell>
        </row>
        <row r="89">
          <cell r="A89" t="str">
            <v>BATISC</v>
          </cell>
          <cell r="B89" t="str">
            <v>PD Capital</v>
          </cell>
          <cell r="C89" t="str">
            <v>Carolinas</v>
          </cell>
          <cell r="D89" t="str">
            <v>PD-MFAM</v>
          </cell>
          <cell r="E89" t="str">
            <v>Power Delivery - BE - Multi-Family</v>
          </cell>
          <cell r="F89" t="str">
            <v>TAP&amp;SETSC</v>
          </cell>
          <cell r="G89" t="str">
            <v>Tap and Set SC</v>
          </cell>
          <cell r="H89" t="str">
            <v>PD-MFAM \ TAP&amp;SETSC</v>
          </cell>
          <cell r="I89" t="str">
            <v>BAT</v>
          </cell>
          <cell r="J89" t="str">
            <v>BATISC</v>
          </cell>
          <cell r="K89" t="str">
            <v>X</v>
          </cell>
          <cell r="L89" t="str">
            <v>Tap and Set SC</v>
          </cell>
          <cell r="M89" t="str">
            <v>N</v>
          </cell>
        </row>
        <row r="90">
          <cell r="A90" t="str">
            <v>BITICK</v>
          </cell>
          <cell r="B90" t="str">
            <v>PD Capital</v>
          </cell>
          <cell r="C90" t="str">
            <v>Carolinas</v>
          </cell>
          <cell r="D90" t="str">
            <v>PD-C/I</v>
          </cell>
          <cell r="E90" t="str">
            <v>Power Delivery - BE - Commercial / Industrial</v>
          </cell>
          <cell r="F90" t="str">
            <v>TAP&amp;SETCK</v>
          </cell>
          <cell r="G90" t="str">
            <v>Tap and Set CK</v>
          </cell>
          <cell r="H90" t="str">
            <v>PD-C/I \ TAP&amp;SETCK</v>
          </cell>
          <cell r="I90" t="str">
            <v>BIT</v>
          </cell>
          <cell r="J90" t="str">
            <v>BITICK</v>
          </cell>
          <cell r="K90" t="str">
            <v>X</v>
          </cell>
          <cell r="L90" t="str">
            <v>Tap and Set CK</v>
          </cell>
          <cell r="M90" t="str">
            <v>N</v>
          </cell>
        </row>
        <row r="91">
          <cell r="A91" t="str">
            <v>BITINC</v>
          </cell>
          <cell r="B91" t="str">
            <v>PD Capital</v>
          </cell>
          <cell r="C91" t="str">
            <v>Carolinas</v>
          </cell>
          <cell r="D91" t="str">
            <v>PD-C/I</v>
          </cell>
          <cell r="E91" t="str">
            <v>Power Delivery - BE - Commercial / Industrial</v>
          </cell>
          <cell r="F91" t="str">
            <v>TAP&amp;SETNC</v>
          </cell>
          <cell r="G91" t="str">
            <v>Tap and Set NC</v>
          </cell>
          <cell r="H91" t="str">
            <v>PD-C/I \ TAP&amp;SETNC</v>
          </cell>
          <cell r="I91" t="str">
            <v>BIT</v>
          </cell>
          <cell r="J91" t="str">
            <v>BITINC</v>
          </cell>
          <cell r="K91" t="str">
            <v>X</v>
          </cell>
          <cell r="L91" t="str">
            <v>Tap and Set NC</v>
          </cell>
          <cell r="M91" t="str">
            <v>N</v>
          </cell>
        </row>
        <row r="92">
          <cell r="A92" t="str">
            <v>BITISC</v>
          </cell>
          <cell r="B92" t="str">
            <v>PD Capital</v>
          </cell>
          <cell r="C92" t="str">
            <v>Carolinas</v>
          </cell>
          <cell r="D92" t="str">
            <v>PD-C/I</v>
          </cell>
          <cell r="E92" t="str">
            <v>Power Delivery - BE - Commercial / Industrial</v>
          </cell>
          <cell r="F92" t="str">
            <v>TAP&amp;SETSC</v>
          </cell>
          <cell r="G92" t="str">
            <v>Tap and Set SC</v>
          </cell>
          <cell r="H92" t="str">
            <v>PD-C/I \ TAP&amp;SETSC</v>
          </cell>
          <cell r="I92" t="str">
            <v>BIT</v>
          </cell>
          <cell r="J92" t="str">
            <v>BITISC</v>
          </cell>
          <cell r="K92" t="str">
            <v>X</v>
          </cell>
          <cell r="L92" t="str">
            <v>Tap and Set SC</v>
          </cell>
          <cell r="M92" t="str">
            <v>N</v>
          </cell>
        </row>
        <row r="93">
          <cell r="A93" t="str">
            <v>BSMEINS</v>
          </cell>
          <cell r="B93" t="str">
            <v>PD O&amp;M</v>
          </cell>
          <cell r="C93" t="str">
            <v>MW</v>
          </cell>
          <cell r="D93" t="str">
            <v>PD-INSP</v>
          </cell>
          <cell r="E93" t="str">
            <v>Equipment Inspection</v>
          </cell>
          <cell r="F93" t="str">
            <v>BSME INSP</v>
          </cell>
          <cell r="G93" t="str">
            <v>Below Surface Equip Inspection</v>
          </cell>
          <cell r="H93" t="str">
            <v>PD-INSP \ BSME INSP</v>
          </cell>
          <cell r="I93" t="str">
            <v>BSMEINS</v>
          </cell>
          <cell r="J93" t="str">
            <v>BSMEINS</v>
          </cell>
          <cell r="K93" t="str">
            <v>X</v>
          </cell>
          <cell r="L93" t="str">
            <v>Below Surface Equip Inspection</v>
          </cell>
          <cell r="M93" t="str">
            <v>N</v>
          </cell>
        </row>
        <row r="94">
          <cell r="A94" t="str">
            <v>BSMEINS</v>
          </cell>
          <cell r="B94" t="str">
            <v>PD O&amp;M</v>
          </cell>
          <cell r="C94" t="str">
            <v>MW</v>
          </cell>
          <cell r="D94" t="str">
            <v>PD-INSP</v>
          </cell>
          <cell r="E94" t="str">
            <v>Equipment Inspection</v>
          </cell>
          <cell r="F94" t="str">
            <v>BSME INSP</v>
          </cell>
          <cell r="G94" t="str">
            <v>Below Surface Equip Inspection</v>
          </cell>
          <cell r="H94" t="str">
            <v>PD-INSP \ BSME INSP</v>
          </cell>
          <cell r="I94"/>
          <cell r="J94" t="str">
            <v>BSMEINS</v>
          </cell>
          <cell r="K94" t="str">
            <v>X</v>
          </cell>
          <cell r="L94" t="str">
            <v>INSPECTION OF D BELOW SURF EQ/PATROLLING, MAINT OF D BELOW SURF EQ, AND NETWORK SYS ON CUST PREMISE</v>
          </cell>
          <cell r="M94" t="str">
            <v>N</v>
          </cell>
        </row>
        <row r="95">
          <cell r="A95" t="str">
            <v>BSMEINS</v>
          </cell>
          <cell r="B95" t="str">
            <v>PD O&amp;M</v>
          </cell>
          <cell r="C95" t="str">
            <v>MW</v>
          </cell>
          <cell r="D95" t="str">
            <v>PD-MAINT</v>
          </cell>
          <cell r="E95" t="str">
            <v>Equipment Maintenance</v>
          </cell>
          <cell r="F95" t="str">
            <v>BSMEMAINMW</v>
          </cell>
          <cell r="G95" t="str">
            <v>Below Surf Equip Maintenance Midwest</v>
          </cell>
          <cell r="H95" t="str">
            <v>PD-MAINT \ BSMEMAINMW</v>
          </cell>
          <cell r="I95" t="str">
            <v>BSMEINS</v>
          </cell>
          <cell r="J95" t="str">
            <v>BSMEINS</v>
          </cell>
          <cell r="K95" t="str">
            <v>X</v>
          </cell>
          <cell r="L95" t="str">
            <v>Below Surf Equip Maintenance Midwest</v>
          </cell>
          <cell r="M95" t="str">
            <v>N</v>
          </cell>
        </row>
        <row r="96">
          <cell r="A96" t="str">
            <v>BSMEMT</v>
          </cell>
          <cell r="B96" t="str">
            <v>PD O&amp;M</v>
          </cell>
          <cell r="C96" t="str">
            <v>Carolinas</v>
          </cell>
          <cell r="D96" t="str">
            <v>PD-MAINT</v>
          </cell>
          <cell r="E96" t="str">
            <v>Equipment Maintenance</v>
          </cell>
          <cell r="F96" t="str">
            <v>BSMEMAINC</v>
          </cell>
          <cell r="G96" t="str">
            <v>Below Surf Equip Maintenance Carolinas</v>
          </cell>
          <cell r="H96" t="str">
            <v>PD-MAINT \ BSMEMAINC</v>
          </cell>
          <cell r="I96" t="str">
            <v>BSMEINS</v>
          </cell>
          <cell r="J96" t="str">
            <v>BSMEMT</v>
          </cell>
          <cell r="K96" t="str">
            <v>X</v>
          </cell>
          <cell r="L96" t="str">
            <v>Below Surf Equip Maintenance Carolinas</v>
          </cell>
          <cell r="M96" t="str">
            <v>N</v>
          </cell>
        </row>
        <row r="97">
          <cell r="A97" t="str">
            <v>BSTICK</v>
          </cell>
          <cell r="B97" t="str">
            <v>PD Capital</v>
          </cell>
          <cell r="C97" t="str">
            <v>Carolinas</v>
          </cell>
          <cell r="D97" t="str">
            <v>PD-RES</v>
          </cell>
          <cell r="E97" t="str">
            <v>Power Delivery - BE - Residential</v>
          </cell>
          <cell r="F97" t="str">
            <v>TAP&amp;SETCK</v>
          </cell>
          <cell r="G97" t="str">
            <v>Tap and Set CK</v>
          </cell>
          <cell r="H97" t="str">
            <v>PD-RES \ TAP&amp;SETCK</v>
          </cell>
          <cell r="I97" t="str">
            <v>BST</v>
          </cell>
          <cell r="J97" t="str">
            <v>BSTICK</v>
          </cell>
          <cell r="K97" t="str">
            <v>X</v>
          </cell>
          <cell r="L97" t="str">
            <v>Tap and Set CK</v>
          </cell>
          <cell r="M97" t="str">
            <v>N</v>
          </cell>
        </row>
        <row r="98">
          <cell r="A98" t="str">
            <v>BSTINC</v>
          </cell>
          <cell r="B98" t="str">
            <v>PD Capital</v>
          </cell>
          <cell r="C98" t="str">
            <v>Carolinas</v>
          </cell>
          <cell r="D98" t="str">
            <v>PD-RES</v>
          </cell>
          <cell r="E98" t="str">
            <v>Power Delivery - BE - Residential</v>
          </cell>
          <cell r="F98" t="str">
            <v>TAP&amp;SETNC</v>
          </cell>
          <cell r="G98" t="str">
            <v>Tap and Set NC</v>
          </cell>
          <cell r="H98" t="str">
            <v>PD-RES \ TAP&amp;SETNC</v>
          </cell>
          <cell r="I98" t="str">
            <v>BST</v>
          </cell>
          <cell r="J98" t="str">
            <v>BSTINC</v>
          </cell>
          <cell r="K98" t="str">
            <v>X</v>
          </cell>
          <cell r="L98" t="str">
            <v>Tap and Set NC</v>
          </cell>
          <cell r="M98" t="str">
            <v>N</v>
          </cell>
        </row>
        <row r="99">
          <cell r="A99" t="str">
            <v>BSTISC</v>
          </cell>
          <cell r="B99" t="str">
            <v>PD Capital</v>
          </cell>
          <cell r="C99" t="str">
            <v>Carolinas</v>
          </cell>
          <cell r="D99" t="str">
            <v>PD-RES</v>
          </cell>
          <cell r="E99" t="str">
            <v>Power Delivery - BE - Residential</v>
          </cell>
          <cell r="F99" t="str">
            <v>TAP&amp;SETSC</v>
          </cell>
          <cell r="G99" t="str">
            <v>Tap and Set SC</v>
          </cell>
          <cell r="H99" t="str">
            <v>PD-RES \ TAP&amp;SETSC</v>
          </cell>
          <cell r="I99" t="str">
            <v>BST</v>
          </cell>
          <cell r="J99" t="str">
            <v>BSTISC</v>
          </cell>
          <cell r="K99" t="str">
            <v>X</v>
          </cell>
          <cell r="L99" t="str">
            <v>Tap and Set SC</v>
          </cell>
          <cell r="M99" t="str">
            <v>N</v>
          </cell>
        </row>
        <row r="100">
          <cell r="A100" t="str">
            <v>CADICK</v>
          </cell>
          <cell r="B100" t="str">
            <v>PD Capital</v>
          </cell>
          <cell r="C100" t="str">
            <v>Carolinas</v>
          </cell>
          <cell r="D100" t="str">
            <v>PD-NLITE</v>
          </cell>
          <cell r="E100" t="str">
            <v>Power Delivery - FOC Lighting</v>
          </cell>
          <cell r="F100" t="str">
            <v>DEC AREA CK</v>
          </cell>
          <cell r="G100" t="str">
            <v>Decorative Area Lighting CK</v>
          </cell>
          <cell r="H100" t="str">
            <v>PD-NLITE \ DEC AREA CK</v>
          </cell>
          <cell r="I100" t="str">
            <v>CAD</v>
          </cell>
          <cell r="J100" t="str">
            <v>CADICK</v>
          </cell>
          <cell r="K100" t="str">
            <v>X</v>
          </cell>
          <cell r="L100" t="str">
            <v>Decorative Area Lighting CK</v>
          </cell>
          <cell r="M100" t="str">
            <v>N</v>
          </cell>
        </row>
        <row r="101">
          <cell r="A101" t="str">
            <v>CADINC</v>
          </cell>
          <cell r="B101" t="str">
            <v>PD Capital</v>
          </cell>
          <cell r="C101" t="str">
            <v>Carolinas</v>
          </cell>
          <cell r="D101" t="str">
            <v>PD-NLITE</v>
          </cell>
          <cell r="E101" t="str">
            <v>Power Delivery - FOC Lighting</v>
          </cell>
          <cell r="F101" t="str">
            <v>DEC AREA NC</v>
          </cell>
          <cell r="G101" t="str">
            <v>Decorative Area Lighting NC</v>
          </cell>
          <cell r="H101" t="str">
            <v>PD-NLITE \ DEC AREA NC</v>
          </cell>
          <cell r="I101" t="str">
            <v>CAD</v>
          </cell>
          <cell r="J101" t="str">
            <v>CADINC</v>
          </cell>
          <cell r="K101" t="str">
            <v>X</v>
          </cell>
          <cell r="L101" t="str">
            <v>Decorative Area Lighting NC</v>
          </cell>
          <cell r="M101" t="str">
            <v>N</v>
          </cell>
        </row>
        <row r="102">
          <cell r="A102" t="str">
            <v>CADISC</v>
          </cell>
          <cell r="B102" t="str">
            <v>PD Capital</v>
          </cell>
          <cell r="C102" t="str">
            <v>Carolinas</v>
          </cell>
          <cell r="D102" t="str">
            <v>PD-NLITE</v>
          </cell>
          <cell r="E102" t="str">
            <v>Power Delivery - FOC Lighting</v>
          </cell>
          <cell r="F102" t="str">
            <v>DEC AREA SC</v>
          </cell>
          <cell r="G102" t="str">
            <v>Decorative Area Lighting SC</v>
          </cell>
          <cell r="H102" t="str">
            <v>PD-NLITE \ DEC AREA SC</v>
          </cell>
          <cell r="I102" t="str">
            <v>CAD</v>
          </cell>
          <cell r="J102" t="str">
            <v>CADISC</v>
          </cell>
          <cell r="K102" t="str">
            <v>X</v>
          </cell>
          <cell r="L102" t="str">
            <v>Decorative Area Lighting SC</v>
          </cell>
          <cell r="M102" t="str">
            <v>N</v>
          </cell>
        </row>
        <row r="103">
          <cell r="A103" t="str">
            <v>CALICK</v>
          </cell>
          <cell r="B103" t="str">
            <v>PD Capital</v>
          </cell>
          <cell r="C103" t="str">
            <v>Carolinas</v>
          </cell>
          <cell r="D103" t="str">
            <v>PD-NLITE</v>
          </cell>
          <cell r="E103" t="str">
            <v>Power Delivery - FOC Lighting</v>
          </cell>
          <cell r="F103" t="str">
            <v>AREA CK</v>
          </cell>
          <cell r="G103" t="str">
            <v>Area Lighting -Private CK</v>
          </cell>
          <cell r="H103" t="str">
            <v>PD-NLITE \ AREA CK</v>
          </cell>
          <cell r="I103" t="str">
            <v>CAL</v>
          </cell>
          <cell r="J103" t="str">
            <v>CALICK</v>
          </cell>
          <cell r="K103" t="str">
            <v>X</v>
          </cell>
          <cell r="L103" t="str">
            <v>Area Lighting -Private CK</v>
          </cell>
          <cell r="M103" t="str">
            <v>N</v>
          </cell>
        </row>
        <row r="104">
          <cell r="A104" t="str">
            <v>CALINC</v>
          </cell>
          <cell r="B104" t="str">
            <v>PD Capital</v>
          </cell>
          <cell r="C104" t="str">
            <v>Carolinas</v>
          </cell>
          <cell r="D104" t="str">
            <v>PD-NLITE</v>
          </cell>
          <cell r="E104" t="str">
            <v>Power Delivery - FOC Lighting</v>
          </cell>
          <cell r="F104" t="str">
            <v>AREA NC</v>
          </cell>
          <cell r="G104" t="str">
            <v>Area Lighting -Private NC</v>
          </cell>
          <cell r="H104" t="str">
            <v>PD-NLITE \ AREA NC</v>
          </cell>
          <cell r="I104" t="str">
            <v>CAL</v>
          </cell>
          <cell r="J104" t="str">
            <v>CALINC</v>
          </cell>
          <cell r="K104" t="str">
            <v>X</v>
          </cell>
          <cell r="L104" t="str">
            <v>Area Lighting -Private NC</v>
          </cell>
          <cell r="M104" t="str">
            <v>N</v>
          </cell>
        </row>
        <row r="105">
          <cell r="A105" t="str">
            <v>CALISC</v>
          </cell>
          <cell r="B105" t="str">
            <v>PD Capital</v>
          </cell>
          <cell r="C105" t="str">
            <v>Carolinas</v>
          </cell>
          <cell r="D105" t="str">
            <v>PD-NLITE</v>
          </cell>
          <cell r="E105" t="str">
            <v>Power Delivery - FOC Lighting</v>
          </cell>
          <cell r="F105" t="str">
            <v>AREA SC</v>
          </cell>
          <cell r="G105" t="str">
            <v>Area Lighting -Private SC</v>
          </cell>
          <cell r="H105" t="str">
            <v>PD-NLITE \ AREA SC</v>
          </cell>
          <cell r="I105" t="str">
            <v>CAL</v>
          </cell>
          <cell r="J105" t="str">
            <v>CALISC</v>
          </cell>
          <cell r="K105" t="str">
            <v>X</v>
          </cell>
          <cell r="L105" t="str">
            <v>Area Lighting -Private SC</v>
          </cell>
          <cell r="M105" t="str">
            <v>N</v>
          </cell>
        </row>
        <row r="106">
          <cell r="A106" t="str">
            <v>CAPAC</v>
          </cell>
          <cell r="B106" t="str">
            <v>PD O&amp;M</v>
          </cell>
          <cell r="C106" t="str">
            <v>MW</v>
          </cell>
          <cell r="D106" t="str">
            <v>PD-DLCAP</v>
          </cell>
          <cell r="E106" t="str">
            <v>MW Distribution Line Capacitors - Insp &amp; Maint</v>
          </cell>
          <cell r="F106" t="str">
            <v>INSPMT</v>
          </cell>
          <cell r="G106" t="str">
            <v>Inspection and Maintenance</v>
          </cell>
          <cell r="H106" t="str">
            <v>PD-DLCAP \ INSPMT</v>
          </cell>
          <cell r="I106" t="str">
            <v>CAPAC</v>
          </cell>
          <cell r="J106" t="str">
            <v>CAPAC</v>
          </cell>
          <cell r="K106" t="str">
            <v>X</v>
          </cell>
          <cell r="L106" t="str">
            <v>Inspection and Maintenance</v>
          </cell>
          <cell r="M106" t="str">
            <v>N</v>
          </cell>
        </row>
        <row r="107">
          <cell r="A107" t="str">
            <v>CAPICK</v>
          </cell>
          <cell r="B107" t="str">
            <v>PD Capital</v>
          </cell>
          <cell r="C107" t="str">
            <v>Carolinas</v>
          </cell>
          <cell r="D107" t="str">
            <v>PD-MFAM</v>
          </cell>
          <cell r="E107" t="str">
            <v>Power Delivery - BE - Multi-Family</v>
          </cell>
          <cell r="F107" t="str">
            <v>PRI/SEC CK</v>
          </cell>
          <cell r="G107" t="str">
            <v>Primary / Secondary CK</v>
          </cell>
          <cell r="H107" t="str">
            <v>PD-MFAM \ PRI/SEC CK</v>
          </cell>
          <cell r="I107" t="str">
            <v>CAP</v>
          </cell>
          <cell r="J107" t="str">
            <v>CAPICK</v>
          </cell>
          <cell r="K107" t="str">
            <v>X</v>
          </cell>
          <cell r="L107" t="str">
            <v>Primary / Secondary CK</v>
          </cell>
          <cell r="M107" t="str">
            <v>N</v>
          </cell>
        </row>
        <row r="108">
          <cell r="A108" t="str">
            <v>CAPIN</v>
          </cell>
          <cell r="B108" t="str">
            <v>PD Capital</v>
          </cell>
          <cell r="C108" t="str">
            <v>MW</v>
          </cell>
          <cell r="D108" t="str">
            <v>PD-SCAP</v>
          </cell>
          <cell r="E108" t="e">
            <v>#N/A</v>
          </cell>
          <cell r="F108" t="str">
            <v>CAPCHGIN</v>
          </cell>
          <cell r="G108" t="e">
            <v>#N/A</v>
          </cell>
          <cell r="H108" t="str">
            <v>PD-SCAP \ CAPCHGIN</v>
          </cell>
          <cell r="I108" t="str">
            <v>RCR</v>
          </cell>
          <cell r="J108" t="str">
            <v>CAPIN</v>
          </cell>
          <cell r="K108" t="str">
            <v>I</v>
          </cell>
          <cell r="L108" t="str">
            <v>CHANGEOUT OF CAPACITOR SWITCH OR BANK FOR PROGRAM INDIANA</v>
          </cell>
          <cell r="M108" t="str">
            <v>N</v>
          </cell>
        </row>
        <row r="109">
          <cell r="A109" t="str">
            <v>CAPINC</v>
          </cell>
          <cell r="B109" t="str">
            <v>PD Capital</v>
          </cell>
          <cell r="C109" t="str">
            <v>Carolinas</v>
          </cell>
          <cell r="D109" t="str">
            <v>PD-MFAM</v>
          </cell>
          <cell r="E109" t="str">
            <v>Power Delivery - BE - Multi-Family</v>
          </cell>
          <cell r="F109" t="str">
            <v>PRI/SEC NC</v>
          </cell>
          <cell r="G109" t="str">
            <v>Primary / Secondary NC</v>
          </cell>
          <cell r="H109" t="str">
            <v>PD-MFAM \ PRI/SEC NC</v>
          </cell>
          <cell r="I109" t="str">
            <v>CAP</v>
          </cell>
          <cell r="J109" t="str">
            <v>CAPINC</v>
          </cell>
          <cell r="K109" t="str">
            <v>X</v>
          </cell>
          <cell r="L109" t="str">
            <v>Primary / Secondary NC</v>
          </cell>
          <cell r="M109" t="str">
            <v>N</v>
          </cell>
        </row>
        <row r="110">
          <cell r="A110" t="str">
            <v>CAPISC</v>
          </cell>
          <cell r="B110" t="str">
            <v>PD Capital</v>
          </cell>
          <cell r="C110" t="str">
            <v>Carolinas</v>
          </cell>
          <cell r="D110" t="str">
            <v>PD-MFAM</v>
          </cell>
          <cell r="E110" t="str">
            <v>Power Delivery - BE - Multi-Family</v>
          </cell>
          <cell r="F110" t="str">
            <v>PRI/SEC SC</v>
          </cell>
          <cell r="G110" t="str">
            <v>Primary / Secondary</v>
          </cell>
          <cell r="H110" t="str">
            <v>PD-MFAM \ PRI/SEC SC</v>
          </cell>
          <cell r="I110" t="str">
            <v>CAP</v>
          </cell>
          <cell r="J110" t="str">
            <v>CAPISC</v>
          </cell>
          <cell r="K110" t="str">
            <v>X</v>
          </cell>
          <cell r="L110" t="str">
            <v>Primary / Secondary</v>
          </cell>
          <cell r="M110" t="str">
            <v>N</v>
          </cell>
        </row>
        <row r="111">
          <cell r="A111" t="str">
            <v>CAPKY</v>
          </cell>
          <cell r="B111" t="str">
            <v>PD Capital</v>
          </cell>
          <cell r="C111" t="str">
            <v>MW</v>
          </cell>
          <cell r="D111" t="str">
            <v>PD-SCAP</v>
          </cell>
          <cell r="E111" t="e">
            <v>#N/A</v>
          </cell>
          <cell r="F111" t="str">
            <v>CAPCHGKY</v>
          </cell>
          <cell r="G111" t="e">
            <v>#N/A</v>
          </cell>
          <cell r="H111" t="str">
            <v>PD-SCAP \ CAPCHGKY</v>
          </cell>
          <cell r="I111" t="str">
            <v>RCR</v>
          </cell>
          <cell r="J111" t="str">
            <v>CAPKY</v>
          </cell>
          <cell r="K111" t="str">
            <v>I</v>
          </cell>
          <cell r="L111" t="str">
            <v>CHANGEOUT OF CAPACITOR SWITCH OR BANK FOR PROGRAM KENTUCKY</v>
          </cell>
          <cell r="M111" t="str">
            <v>N</v>
          </cell>
        </row>
        <row r="112">
          <cell r="A112" t="str">
            <v>CAPOH</v>
          </cell>
          <cell r="B112" t="str">
            <v>PD Capital</v>
          </cell>
          <cell r="C112" t="str">
            <v>MW</v>
          </cell>
          <cell r="D112" t="str">
            <v>PD-SCAP</v>
          </cell>
          <cell r="E112" t="e">
            <v>#N/A</v>
          </cell>
          <cell r="F112" t="str">
            <v>CAPCHGOH</v>
          </cell>
          <cell r="G112" t="e">
            <v>#N/A</v>
          </cell>
          <cell r="H112" t="str">
            <v>PD-SCAP \ CAPCHGOH</v>
          </cell>
          <cell r="I112" t="str">
            <v>RCR</v>
          </cell>
          <cell r="J112" t="str">
            <v>CAPOH</v>
          </cell>
          <cell r="K112" t="str">
            <v>I</v>
          </cell>
          <cell r="L112" t="str">
            <v>CHANGEOUT OF CAPACITOR SWITCH OR BANK FOR PROGRAM OHIO</v>
          </cell>
          <cell r="M112" t="str">
            <v>N</v>
          </cell>
        </row>
        <row r="113">
          <cell r="A113" t="str">
            <v>CARICK</v>
          </cell>
          <cell r="B113" t="str">
            <v>PD Capital</v>
          </cell>
          <cell r="C113" t="str">
            <v>Carolinas</v>
          </cell>
          <cell r="D113" t="str">
            <v>PD-LTREP</v>
          </cell>
          <cell r="E113" t="str">
            <v>Power Delivery - FOC Lighting Replacement</v>
          </cell>
          <cell r="F113" t="str">
            <v>DÉCOR CK</v>
          </cell>
          <cell r="G113" t="str">
            <v>Decorative Area/Area -replacement bad head CK</v>
          </cell>
          <cell r="H113" t="str">
            <v>PD-LTREP \ DÉCOR CK</v>
          </cell>
          <cell r="I113" t="str">
            <v>CAR</v>
          </cell>
          <cell r="J113" t="str">
            <v>CARICK</v>
          </cell>
          <cell r="K113" t="str">
            <v>X</v>
          </cell>
          <cell r="L113" t="str">
            <v>Decorative Area/Area -replacement bad head CK</v>
          </cell>
          <cell r="M113" t="str">
            <v>N</v>
          </cell>
        </row>
        <row r="114">
          <cell r="A114" t="str">
            <v>CARINC</v>
          </cell>
          <cell r="B114" t="str">
            <v>PD Capital</v>
          </cell>
          <cell r="C114" t="str">
            <v>Carolinas</v>
          </cell>
          <cell r="D114" t="str">
            <v>PD-LTREP</v>
          </cell>
          <cell r="E114" t="str">
            <v>Power Delivery - FOC Lighting Replacement</v>
          </cell>
          <cell r="F114" t="str">
            <v>DÉCOR NC</v>
          </cell>
          <cell r="G114" t="str">
            <v>Decorative Area/Area -replacement bad head NC</v>
          </cell>
          <cell r="H114" t="str">
            <v>PD-LTREP \ DÉCOR NC</v>
          </cell>
          <cell r="I114" t="str">
            <v>CAR</v>
          </cell>
          <cell r="J114" t="str">
            <v>CARINC</v>
          </cell>
          <cell r="K114" t="str">
            <v>X</v>
          </cell>
          <cell r="L114" t="str">
            <v>Decorative Area/Area -replacement bad head NC</v>
          </cell>
          <cell r="M114" t="str">
            <v>N</v>
          </cell>
        </row>
        <row r="115">
          <cell r="A115" t="str">
            <v>CARISC</v>
          </cell>
          <cell r="B115" t="str">
            <v>PD Capital</v>
          </cell>
          <cell r="C115" t="str">
            <v>Carolinas</v>
          </cell>
          <cell r="D115" t="str">
            <v>PD-LTREP</v>
          </cell>
          <cell r="E115" t="str">
            <v>Power Delivery - FOC Lighting Replacement</v>
          </cell>
          <cell r="F115" t="str">
            <v>DÉCOR SC</v>
          </cell>
          <cell r="G115" t="str">
            <v>Decorative Area/Area -replacement bad head SC</v>
          </cell>
          <cell r="H115" t="str">
            <v>PD-LTREP \ DÉCOR SC</v>
          </cell>
          <cell r="I115" t="str">
            <v>CAR</v>
          </cell>
          <cell r="J115" t="str">
            <v>CARISC</v>
          </cell>
          <cell r="K115" t="str">
            <v>X</v>
          </cell>
          <cell r="L115" t="str">
            <v>Decorative Area/Area -replacement bad head SC</v>
          </cell>
          <cell r="M115" t="str">
            <v>N</v>
          </cell>
        </row>
        <row r="116">
          <cell r="A116" t="str">
            <v>CBVISP</v>
          </cell>
          <cell r="B116" t="str">
            <v>Gas O&amp;M</v>
          </cell>
          <cell r="C116" t="str">
            <v>Gas</v>
          </cell>
          <cell r="D116" t="str">
            <v>GO-INSP</v>
          </cell>
          <cell r="E116" t="str">
            <v>Gas Operations - Inspections</v>
          </cell>
          <cell r="F116" t="str">
            <v>CBVISP</v>
          </cell>
          <cell r="G116" t="str">
            <v>KY curb box inspection</v>
          </cell>
          <cell r="H116" t="str">
            <v>GO-INSP \ CBVISP</v>
          </cell>
          <cell r="I116"/>
          <cell r="J116" t="str">
            <v>CBVISP</v>
          </cell>
          <cell r="K116" t="str">
            <v>X</v>
          </cell>
          <cell r="L116" t="str">
            <v>KY curb box inspection</v>
          </cell>
          <cell r="M116" t="str">
            <v>N</v>
          </cell>
        </row>
        <row r="117">
          <cell r="A117" t="str">
            <v>CCEMC</v>
          </cell>
          <cell r="B117" t="str">
            <v>Gas O&amp;M</v>
          </cell>
          <cell r="C117" t="str">
            <v>Gas</v>
          </cell>
          <cell r="D117" t="str">
            <v>GO-MC</v>
          </cell>
          <cell r="E117" t="str">
            <v>Gas Operations - Maintenance Corrective</v>
          </cell>
          <cell r="F117" t="str">
            <v>CCEMC</v>
          </cell>
          <cell r="G117" t="str">
            <v>Install Anode that reads below -.85v</v>
          </cell>
          <cell r="H117" t="str">
            <v>GO-MC \ CCEMC</v>
          </cell>
          <cell r="I117"/>
          <cell r="J117" t="str">
            <v>CCEMC</v>
          </cell>
          <cell r="K117" t="str">
            <v>X</v>
          </cell>
          <cell r="L117" t="str">
            <v>Install Anode that reads below -.85v</v>
          </cell>
          <cell r="M117" t="str">
            <v>N</v>
          </cell>
        </row>
        <row r="118">
          <cell r="A118" t="str">
            <v>CCEMP</v>
          </cell>
          <cell r="B118" t="str">
            <v>Gas O&amp;M</v>
          </cell>
          <cell r="C118" t="str">
            <v>Gas</v>
          </cell>
          <cell r="D118" t="str">
            <v>GO-PM</v>
          </cell>
          <cell r="E118" t="str">
            <v>Gas Operations - Preventative Maintenance</v>
          </cell>
          <cell r="F118" t="str">
            <v>CCEMP</v>
          </cell>
          <cell r="G118" t="str">
            <v>Install Anode that reads above -.85v</v>
          </cell>
          <cell r="H118" t="str">
            <v>GO-PM \ CCEMP</v>
          </cell>
          <cell r="I118"/>
          <cell r="J118" t="str">
            <v>CCEMP</v>
          </cell>
          <cell r="K118" t="str">
            <v>X</v>
          </cell>
          <cell r="L118" t="str">
            <v>Install Anode that reads above -.85v</v>
          </cell>
          <cell r="M118" t="str">
            <v>N</v>
          </cell>
        </row>
        <row r="119">
          <cell r="A119" t="str">
            <v>CCOICK</v>
          </cell>
          <cell r="B119" t="e">
            <v>#N/A</v>
          </cell>
          <cell r="C119" t="e">
            <v>#N/A</v>
          </cell>
          <cell r="D119" t="str">
            <v>PD-C/I</v>
          </cell>
          <cell r="E119" t="e">
            <v>#N/A</v>
          </cell>
          <cell r="F119" t="str">
            <v>SERVICECK</v>
          </cell>
          <cell r="G119" t="e">
            <v>#N/A</v>
          </cell>
          <cell r="H119" t="str">
            <v>PD-C/I \ SERVICECK</v>
          </cell>
          <cell r="I119" t="str">
            <v>CIS</v>
          </cell>
          <cell r="J119" t="str">
            <v>CCOICK</v>
          </cell>
          <cell r="K119" t="str">
            <v>I</v>
          </cell>
          <cell r="L119" t="str">
            <v>SERVICECK</v>
          </cell>
          <cell r="M119" t="str">
            <v>N</v>
          </cell>
        </row>
        <row r="120">
          <cell r="A120" t="str">
            <v>CCOINC</v>
          </cell>
          <cell r="B120" t="e">
            <v>#N/A</v>
          </cell>
          <cell r="C120" t="e">
            <v>#N/A</v>
          </cell>
          <cell r="D120" t="str">
            <v>PD-C/I</v>
          </cell>
          <cell r="E120" t="e">
            <v>#N/A</v>
          </cell>
          <cell r="F120" t="str">
            <v>SERVICENC</v>
          </cell>
          <cell r="G120" t="e">
            <v>#N/A</v>
          </cell>
          <cell r="H120" t="str">
            <v>PD-C/I \ SERVICENC</v>
          </cell>
          <cell r="I120" t="str">
            <v>CIS</v>
          </cell>
          <cell r="J120" t="str">
            <v>CCOINC</v>
          </cell>
          <cell r="K120" t="str">
            <v>X</v>
          </cell>
          <cell r="L120" t="str">
            <v>SERVICE NC</v>
          </cell>
          <cell r="M120" t="str">
            <v>N</v>
          </cell>
        </row>
        <row r="121">
          <cell r="A121" t="str">
            <v>CCOISC</v>
          </cell>
          <cell r="B121" t="e">
            <v>#N/A</v>
          </cell>
          <cell r="C121" t="e">
            <v>#N/A</v>
          </cell>
          <cell r="D121" t="str">
            <v>PD-C/I</v>
          </cell>
          <cell r="E121" t="e">
            <v>#N/A</v>
          </cell>
          <cell r="F121" t="str">
            <v>SERVICESC</v>
          </cell>
          <cell r="G121" t="e">
            <v>#N/A</v>
          </cell>
          <cell r="H121" t="str">
            <v>PD-C/I \ SERVICESC</v>
          </cell>
          <cell r="I121" t="str">
            <v>CIS</v>
          </cell>
          <cell r="J121" t="str">
            <v>CCOISC</v>
          </cell>
          <cell r="K121" t="str">
            <v>X</v>
          </cell>
          <cell r="L121" t="str">
            <v>SERVICE SC</v>
          </cell>
          <cell r="M121" t="str">
            <v>N</v>
          </cell>
        </row>
        <row r="122">
          <cell r="A122" t="str">
            <v>CEFICK</v>
          </cell>
          <cell r="B122" t="str">
            <v>PD Capital</v>
          </cell>
          <cell r="C122" t="str">
            <v>Carolinas</v>
          </cell>
          <cell r="D122" t="str">
            <v>PD-EXFAC</v>
          </cell>
          <cell r="E122" t="str">
            <v>Power Delivery - BE - Extra Facilities</v>
          </cell>
          <cell r="F122" t="str">
            <v>EXTRAFACCK</v>
          </cell>
          <cell r="G122" t="str">
            <v>Customer Requested Extra Facilities CK</v>
          </cell>
          <cell r="H122" t="str">
            <v>PD-EXFAC \ EXTRAFACCK</v>
          </cell>
          <cell r="I122" t="str">
            <v>CEF</v>
          </cell>
          <cell r="J122" t="str">
            <v>CEFICK</v>
          </cell>
          <cell r="K122" t="str">
            <v>X</v>
          </cell>
          <cell r="L122" t="str">
            <v>Customer Requested Extra Facilities CK</v>
          </cell>
          <cell r="M122" t="str">
            <v>N</v>
          </cell>
        </row>
        <row r="123">
          <cell r="A123" t="str">
            <v>CEFINC</v>
          </cell>
          <cell r="B123" t="str">
            <v>PD Capital</v>
          </cell>
          <cell r="C123" t="str">
            <v>Carolinas</v>
          </cell>
          <cell r="D123" t="str">
            <v>PD-EXFAC</v>
          </cell>
          <cell r="E123" t="str">
            <v>Power Delivery - BE - Extra Facilities</v>
          </cell>
          <cell r="F123" t="str">
            <v>EXTRAFACNC</v>
          </cell>
          <cell r="G123" t="str">
            <v>Customer Requested Extra Facilities NC</v>
          </cell>
          <cell r="H123" t="str">
            <v>PD-EXFAC \ EXTRAFACNC</v>
          </cell>
          <cell r="I123" t="str">
            <v>CEF</v>
          </cell>
          <cell r="J123" t="str">
            <v>CEFINC</v>
          </cell>
          <cell r="K123" t="str">
            <v>X</v>
          </cell>
          <cell r="L123" t="str">
            <v>Customer Requested Extra Facilities NC</v>
          </cell>
          <cell r="M123" t="str">
            <v>N</v>
          </cell>
        </row>
        <row r="124">
          <cell r="A124" t="str">
            <v>CEFISC</v>
          </cell>
          <cell r="B124" t="str">
            <v>PD Capital</v>
          </cell>
          <cell r="C124" t="str">
            <v>Carolinas</v>
          </cell>
          <cell r="D124" t="str">
            <v>PD-EXFAC</v>
          </cell>
          <cell r="E124" t="str">
            <v>Power Delivery - BE - Extra Facilities</v>
          </cell>
          <cell r="F124" t="str">
            <v>EXTRAFACSC</v>
          </cell>
          <cell r="G124" t="str">
            <v>Customer Requested Extra Facilities SC</v>
          </cell>
          <cell r="H124" t="str">
            <v>PD-EXFAC \ EXTRAFACSC</v>
          </cell>
          <cell r="I124" t="str">
            <v>CEF</v>
          </cell>
          <cell r="J124" t="str">
            <v>CEFISC</v>
          </cell>
          <cell r="K124" t="str">
            <v>X</v>
          </cell>
          <cell r="L124" t="str">
            <v>Customer Requested Extra Facilities SC</v>
          </cell>
          <cell r="M124" t="str">
            <v>N</v>
          </cell>
        </row>
        <row r="125">
          <cell r="A125" t="str">
            <v>CERTIN</v>
          </cell>
          <cell r="B125" t="str">
            <v>PD Capital</v>
          </cell>
          <cell r="C125" t="str">
            <v>MW</v>
          </cell>
          <cell r="D125" t="str">
            <v>PD-RELIA</v>
          </cell>
          <cell r="E125" t="str">
            <v>Power Delivery - Reliability</v>
          </cell>
          <cell r="F125" t="str">
            <v>CAPEQPTIN</v>
          </cell>
          <cell r="G125" t="str">
            <v>Replace Transmission Units of Property Capital equipment Xarms, timbers, arrestors, conductor etc IN</v>
          </cell>
          <cell r="H125" t="str">
            <v>PD-RELIA \ CAPEQPTIN</v>
          </cell>
          <cell r="I125" t="str">
            <v>TLINEQ</v>
          </cell>
          <cell r="J125" t="str">
            <v>CERTIN</v>
          </cell>
          <cell r="K125" t="str">
            <v>I</v>
          </cell>
          <cell r="L125" t="str">
            <v>Replace Transmission Units of Property Capital equipment Xarms, timbers, arrestors, conductor etc IN</v>
          </cell>
          <cell r="M125" t="str">
            <v>N</v>
          </cell>
        </row>
        <row r="126">
          <cell r="A126" t="str">
            <v>CERTKY</v>
          </cell>
          <cell r="B126" t="str">
            <v>PD Capital</v>
          </cell>
          <cell r="C126" t="str">
            <v>MW</v>
          </cell>
          <cell r="D126" t="str">
            <v>PD-RELIA</v>
          </cell>
          <cell r="E126" t="str">
            <v>Power Delivery - Reliability</v>
          </cell>
          <cell r="F126" t="str">
            <v>CAPEQPTKY</v>
          </cell>
          <cell r="G126" t="str">
            <v>Replace Transmission Units of Property Capital equipment Xarms, timbers, arrestors, conductor etc KY</v>
          </cell>
          <cell r="H126" t="str">
            <v>PD-RELIA \ CAPEQPTKY</v>
          </cell>
          <cell r="I126" t="str">
            <v>TLINEQ</v>
          </cell>
          <cell r="J126" t="str">
            <v>CERTKY</v>
          </cell>
          <cell r="K126" t="str">
            <v>I</v>
          </cell>
          <cell r="L126" t="str">
            <v>Replace Transmission Units of Property Capital equipment Xarms, timbers, arrestors, conductor etc KY</v>
          </cell>
          <cell r="M126" t="str">
            <v>N</v>
          </cell>
        </row>
        <row r="127">
          <cell r="A127" t="str">
            <v>CERTOH</v>
          </cell>
          <cell r="B127" t="str">
            <v>PD Capital</v>
          </cell>
          <cell r="C127" t="str">
            <v>MW</v>
          </cell>
          <cell r="D127" t="str">
            <v>PD-RELIA</v>
          </cell>
          <cell r="E127" t="str">
            <v>Power Delivery - Reliability</v>
          </cell>
          <cell r="F127" t="str">
            <v>CAPEQPTOH</v>
          </cell>
          <cell r="G127" t="str">
            <v>Replace Transmission Units of Property Capital equipment Xarms, timbers, arrestors, conductor etc OH</v>
          </cell>
          <cell r="H127" t="str">
            <v>PD-RELIA \ CAPEQPTOH</v>
          </cell>
          <cell r="I127" t="str">
            <v>TLINEQ</v>
          </cell>
          <cell r="J127" t="str">
            <v>CERTOH</v>
          </cell>
          <cell r="K127" t="str">
            <v>I</v>
          </cell>
          <cell r="L127" t="str">
            <v>Replace Transmission Units of Property Capital equipment Xarms, timbers, arrestors, conductor etc OH</v>
          </cell>
          <cell r="M127" t="str">
            <v>N</v>
          </cell>
        </row>
        <row r="128">
          <cell r="A128" t="str">
            <v>CFLICK</v>
          </cell>
          <cell r="B128" t="str">
            <v>PD Capital</v>
          </cell>
          <cell r="C128" t="str">
            <v>Carolinas</v>
          </cell>
          <cell r="D128" t="str">
            <v>PD-NLITE</v>
          </cell>
          <cell r="E128" t="str">
            <v>Power Delivery - FOC Lighting</v>
          </cell>
          <cell r="F128" t="str">
            <v>FLOOD CK</v>
          </cell>
          <cell r="G128" t="str">
            <v>Flood Lights CK</v>
          </cell>
          <cell r="H128" t="str">
            <v>PD-NLITE \ FLOOD CK</v>
          </cell>
          <cell r="I128" t="str">
            <v>CFL</v>
          </cell>
          <cell r="J128" t="str">
            <v>CFLICK</v>
          </cell>
          <cell r="K128" t="str">
            <v>X</v>
          </cell>
          <cell r="L128" t="str">
            <v>Flood Lights CK</v>
          </cell>
          <cell r="M128" t="str">
            <v>N</v>
          </cell>
        </row>
        <row r="129">
          <cell r="A129" t="str">
            <v>CFLINC</v>
          </cell>
          <cell r="B129" t="str">
            <v>PD Capital</v>
          </cell>
          <cell r="C129" t="str">
            <v>Carolinas</v>
          </cell>
          <cell r="D129" t="str">
            <v>PD-NLITE</v>
          </cell>
          <cell r="E129" t="str">
            <v>Power Delivery - FOC Lighting</v>
          </cell>
          <cell r="F129" t="str">
            <v>FLOOD NC</v>
          </cell>
          <cell r="G129" t="str">
            <v>Flood Lights NC</v>
          </cell>
          <cell r="H129" t="str">
            <v>PD-NLITE \ FLOOD NC</v>
          </cell>
          <cell r="I129" t="str">
            <v>CFL</v>
          </cell>
          <cell r="J129" t="str">
            <v>CFLINC</v>
          </cell>
          <cell r="K129" t="str">
            <v>X</v>
          </cell>
          <cell r="L129" t="str">
            <v>Flood Lights NC</v>
          </cell>
          <cell r="M129" t="str">
            <v>N</v>
          </cell>
        </row>
        <row r="130">
          <cell r="A130" t="str">
            <v>CFLISC</v>
          </cell>
          <cell r="B130" t="str">
            <v>PD Capital</v>
          </cell>
          <cell r="C130" t="str">
            <v>Carolinas</v>
          </cell>
          <cell r="D130" t="str">
            <v>PD-NLITE</v>
          </cell>
          <cell r="E130" t="str">
            <v>Power Delivery - FOC Lighting</v>
          </cell>
          <cell r="F130" t="str">
            <v>FLOOD SC</v>
          </cell>
          <cell r="G130" t="str">
            <v>Flood Lights SC</v>
          </cell>
          <cell r="H130" t="str">
            <v>PD-NLITE \ FLOOD SC</v>
          </cell>
          <cell r="I130" t="str">
            <v>CFL</v>
          </cell>
          <cell r="J130" t="str">
            <v>CFLISC</v>
          </cell>
          <cell r="K130" t="str">
            <v>X</v>
          </cell>
          <cell r="L130" t="str">
            <v>Flood Lights SC</v>
          </cell>
          <cell r="M130" t="str">
            <v>N</v>
          </cell>
        </row>
        <row r="131">
          <cell r="A131" t="str">
            <v>CFRICK</v>
          </cell>
          <cell r="B131" t="str">
            <v>PD Capital</v>
          </cell>
          <cell r="C131" t="str">
            <v>Carolinas</v>
          </cell>
          <cell r="D131" t="str">
            <v>PD-LTREP</v>
          </cell>
          <cell r="E131" t="str">
            <v>Power Delivery - FOC Lighting Replacement</v>
          </cell>
          <cell r="F131" t="str">
            <v>FLOOD CK</v>
          </cell>
          <cell r="G131" t="str">
            <v>Flood Light -replacement bad head CK</v>
          </cell>
          <cell r="H131" t="str">
            <v>PD-LTREP \ FLOOD CK</v>
          </cell>
          <cell r="I131" t="str">
            <v>CFR</v>
          </cell>
          <cell r="J131" t="str">
            <v>CFRICK</v>
          </cell>
          <cell r="K131" t="str">
            <v>X</v>
          </cell>
          <cell r="L131" t="str">
            <v>Flood Light -replacement bad head CK</v>
          </cell>
          <cell r="M131" t="str">
            <v>N</v>
          </cell>
        </row>
        <row r="132">
          <cell r="A132" t="str">
            <v>CFRINC</v>
          </cell>
          <cell r="B132" t="str">
            <v>PD Capital</v>
          </cell>
          <cell r="C132" t="str">
            <v>Carolinas</v>
          </cell>
          <cell r="D132" t="str">
            <v>PD-LTREP</v>
          </cell>
          <cell r="E132" t="str">
            <v>Power Delivery - FOC Lighting Replacement</v>
          </cell>
          <cell r="F132" t="str">
            <v>FLOOD NC</v>
          </cell>
          <cell r="G132" t="str">
            <v>Flood Light -replacement bad head NC</v>
          </cell>
          <cell r="H132" t="str">
            <v>PD-LTREP \ FLOOD NC</v>
          </cell>
          <cell r="I132" t="str">
            <v>CFR</v>
          </cell>
          <cell r="J132" t="str">
            <v>CFRINC</v>
          </cell>
          <cell r="K132" t="str">
            <v>X</v>
          </cell>
          <cell r="L132" t="str">
            <v>Flood Light -replacement bad head NC</v>
          </cell>
          <cell r="M132" t="str">
            <v>N</v>
          </cell>
        </row>
        <row r="133">
          <cell r="A133" t="str">
            <v>CFRISC</v>
          </cell>
          <cell r="B133" t="str">
            <v>PD Capital</v>
          </cell>
          <cell r="C133" t="str">
            <v>Carolinas</v>
          </cell>
          <cell r="D133" t="str">
            <v>PD-LTREP</v>
          </cell>
          <cell r="E133" t="str">
            <v>Power Delivery - FOC Lighting Replacement</v>
          </cell>
          <cell r="F133" t="str">
            <v>FLOOD SC</v>
          </cell>
          <cell r="G133" t="str">
            <v>Flood Light -replacement bad head SC</v>
          </cell>
          <cell r="H133" t="str">
            <v>PD-LTREP \ FLOOD SC</v>
          </cell>
          <cell r="I133" t="str">
            <v>CFR</v>
          </cell>
          <cell r="J133" t="str">
            <v>CFRISC</v>
          </cell>
          <cell r="K133" t="str">
            <v>X</v>
          </cell>
          <cell r="L133" t="str">
            <v>Flood Light -replacement bad head SC</v>
          </cell>
          <cell r="M133" t="str">
            <v>N</v>
          </cell>
        </row>
        <row r="134">
          <cell r="A134" t="str">
            <v>CFYICK</v>
          </cell>
          <cell r="B134" t="str">
            <v>PD Capital</v>
          </cell>
          <cell r="C134" t="str">
            <v>Carolinas</v>
          </cell>
          <cell r="D134" t="str">
            <v>PD-SCAP</v>
          </cell>
          <cell r="E134" t="str">
            <v>Power Delivery - System Capacity</v>
          </cell>
          <cell r="F134" t="str">
            <v>SYS CAP CK</v>
          </cell>
          <cell r="G134" t="str">
            <v>System upgrades that are initiated by Planning CK</v>
          </cell>
          <cell r="H134" t="str">
            <v>PD-SCAP \ SYS CAP CK</v>
          </cell>
          <cell r="I134" t="str">
            <v>CFY</v>
          </cell>
          <cell r="J134" t="str">
            <v>CFYICK</v>
          </cell>
          <cell r="K134" t="str">
            <v>X</v>
          </cell>
          <cell r="L134" t="str">
            <v>System upgrades that are initiated by Planning CK</v>
          </cell>
          <cell r="M134" t="str">
            <v>N</v>
          </cell>
        </row>
        <row r="135">
          <cell r="A135" t="str">
            <v>CFYINC</v>
          </cell>
          <cell r="B135" t="str">
            <v>PD Capital</v>
          </cell>
          <cell r="C135" t="str">
            <v>Carolinas</v>
          </cell>
          <cell r="D135" t="str">
            <v>PD-SCAP</v>
          </cell>
          <cell r="E135" t="str">
            <v>Power Delivery - System Capacity</v>
          </cell>
          <cell r="F135" t="str">
            <v>SYS CAP NC</v>
          </cell>
          <cell r="G135" t="str">
            <v>System upgrades that are initiated by Planning NC</v>
          </cell>
          <cell r="H135" t="str">
            <v>PD-SCAP \ SYS CAP NC</v>
          </cell>
          <cell r="I135" t="str">
            <v>CFY</v>
          </cell>
          <cell r="J135" t="str">
            <v>CFYINC</v>
          </cell>
          <cell r="K135" t="str">
            <v>X</v>
          </cell>
          <cell r="L135" t="str">
            <v>System upgrades that are initiated by Planning NC</v>
          </cell>
          <cell r="M135" t="str">
            <v>N</v>
          </cell>
        </row>
        <row r="136">
          <cell r="A136" t="str">
            <v>CFYISC</v>
          </cell>
          <cell r="B136" t="str">
            <v>PD Capital</v>
          </cell>
          <cell r="C136" t="str">
            <v>Carolinas</v>
          </cell>
          <cell r="D136" t="str">
            <v>PD-SCAP</v>
          </cell>
          <cell r="E136" t="str">
            <v>Power Delivery - System Capacity</v>
          </cell>
          <cell r="F136" t="str">
            <v>SYS CAP SC</v>
          </cell>
          <cell r="G136" t="str">
            <v>System upgrades that are initiated by Planning SC</v>
          </cell>
          <cell r="H136" t="str">
            <v>PD-SCAP \ SYS CAP SC</v>
          </cell>
          <cell r="I136" t="str">
            <v>CFY</v>
          </cell>
          <cell r="J136" t="str">
            <v>CFYISC</v>
          </cell>
          <cell r="K136" t="str">
            <v>X</v>
          </cell>
          <cell r="L136" t="str">
            <v>System upgrades that are initiated by Planning SC</v>
          </cell>
          <cell r="M136" t="str">
            <v>N</v>
          </cell>
        </row>
        <row r="137">
          <cell r="A137" t="str">
            <v>CHRICK</v>
          </cell>
          <cell r="B137" t="str">
            <v>PD Capital</v>
          </cell>
          <cell r="C137" t="str">
            <v>Carolinas</v>
          </cell>
          <cell r="D137" t="str">
            <v>PD-RELO</v>
          </cell>
          <cell r="E137" t="str">
            <v>Power Delivery - Relocation D</v>
          </cell>
          <cell r="F137" t="str">
            <v>HIGHWAYCK</v>
          </cell>
          <cell r="G137" t="str">
            <v>Highway Relocations</v>
          </cell>
          <cell r="H137" t="str">
            <v>PD-RELO \ HIGHWAYCK</v>
          </cell>
          <cell r="I137" t="str">
            <v>CHR</v>
          </cell>
          <cell r="J137" t="str">
            <v>CHRICK</v>
          </cell>
          <cell r="K137" t="str">
            <v>X</v>
          </cell>
          <cell r="L137" t="str">
            <v>Highway Relocations CK</v>
          </cell>
          <cell r="M137" t="str">
            <v>N</v>
          </cell>
        </row>
        <row r="138">
          <cell r="A138" t="str">
            <v>CHRINC</v>
          </cell>
          <cell r="B138" t="str">
            <v>PD Capital</v>
          </cell>
          <cell r="C138" t="str">
            <v>Carolinas</v>
          </cell>
          <cell r="D138" t="str">
            <v>PD-RELO</v>
          </cell>
          <cell r="E138" t="str">
            <v>Power Delivery - Relocation D</v>
          </cell>
          <cell r="F138" t="str">
            <v>HIGHWAYNC</v>
          </cell>
          <cell r="G138" t="str">
            <v>Highway Relocations NC</v>
          </cell>
          <cell r="H138" t="str">
            <v>PD-RELO \ HIGHWAYNC</v>
          </cell>
          <cell r="I138" t="str">
            <v>CHR</v>
          </cell>
          <cell r="J138" t="str">
            <v>CHRINC</v>
          </cell>
          <cell r="K138" t="str">
            <v>X</v>
          </cell>
          <cell r="L138" t="str">
            <v>Highway Relocations NC</v>
          </cell>
          <cell r="M138" t="str">
            <v>N</v>
          </cell>
        </row>
        <row r="139">
          <cell r="A139" t="str">
            <v>CHRISC</v>
          </cell>
          <cell r="B139" t="str">
            <v>PD Capital</v>
          </cell>
          <cell r="C139" t="str">
            <v>Carolinas</v>
          </cell>
          <cell r="D139" t="str">
            <v>PD-RELO</v>
          </cell>
          <cell r="E139" t="str">
            <v>Power Delivery - Relocation D</v>
          </cell>
          <cell r="F139" t="str">
            <v>HIGHWAYSC</v>
          </cell>
          <cell r="G139" t="str">
            <v>Highway Relocations SC</v>
          </cell>
          <cell r="H139" t="str">
            <v>PD-RELO \ HIGHWAYSC</v>
          </cell>
          <cell r="I139" t="str">
            <v>CHR</v>
          </cell>
          <cell r="J139" t="str">
            <v>CHRISC</v>
          </cell>
          <cell r="K139" t="str">
            <v>X</v>
          </cell>
          <cell r="L139" t="str">
            <v>Highway Relocations SC</v>
          </cell>
          <cell r="M139" t="str">
            <v>N</v>
          </cell>
        </row>
        <row r="140">
          <cell r="A140" t="str">
            <v>CIBS01MM</v>
          </cell>
          <cell r="B140" t="e">
            <v>#N/A</v>
          </cell>
          <cell r="C140" t="e">
            <v>#N/A</v>
          </cell>
          <cell r="D140" t="str">
            <v>GO-SERVICEKY</v>
          </cell>
          <cell r="E140" t="e">
            <v>#N/A</v>
          </cell>
          <cell r="F140" t="str">
            <v>MOVEMETER</v>
          </cell>
          <cell r="G140" t="e">
            <v>#N/A</v>
          </cell>
          <cell r="H140" t="str">
            <v>GO-SERVICEKY \ MOVEMETER</v>
          </cell>
          <cell r="I140"/>
          <cell r="J140" t="str">
            <v>CIBS01MM</v>
          </cell>
          <cell r="K140" t="str">
            <v>X</v>
          </cell>
          <cell r="L140" t="str">
            <v>Relocated Meter</v>
          </cell>
          <cell r="M140" t="str">
            <v>N</v>
          </cell>
        </row>
        <row r="141">
          <cell r="A141" t="str">
            <v>CIBS01MM</v>
          </cell>
          <cell r="B141" t="e">
            <v>#N/A</v>
          </cell>
          <cell r="C141" t="e">
            <v>#N/A</v>
          </cell>
          <cell r="D141" t="str">
            <v>GO-SERVICEOH</v>
          </cell>
          <cell r="E141" t="e">
            <v>#N/A</v>
          </cell>
          <cell r="F141" t="str">
            <v>MOVEMETER</v>
          </cell>
          <cell r="G141" t="e">
            <v>#N/A</v>
          </cell>
          <cell r="H141" t="str">
            <v>GO-SERVICEOH \ MOVEMETER</v>
          </cell>
          <cell r="I141"/>
          <cell r="J141" t="str">
            <v>CIBS01MM</v>
          </cell>
          <cell r="K141" t="str">
            <v>X</v>
          </cell>
          <cell r="L141" t="str">
            <v>Relocated Meter</v>
          </cell>
          <cell r="M141" t="str">
            <v>N</v>
          </cell>
        </row>
        <row r="142">
          <cell r="A142" t="str">
            <v>CIPICK</v>
          </cell>
          <cell r="B142" t="str">
            <v>PD Capital</v>
          </cell>
          <cell r="C142" t="str">
            <v>Carolinas</v>
          </cell>
          <cell r="D142" t="str">
            <v>PD-C/I</v>
          </cell>
          <cell r="E142" t="str">
            <v>Power Delivery - BE - Commercial / Industrial</v>
          </cell>
          <cell r="F142" t="str">
            <v>PRI/SEC CK</v>
          </cell>
          <cell r="G142" t="str">
            <v>Primary / Secondary CK</v>
          </cell>
          <cell r="H142" t="str">
            <v>PD-C/I \ PRI/SEC CK</v>
          </cell>
          <cell r="I142" t="str">
            <v>CIP</v>
          </cell>
          <cell r="J142" t="str">
            <v>CIPICK</v>
          </cell>
          <cell r="K142" t="str">
            <v>X</v>
          </cell>
          <cell r="L142" t="str">
            <v>Primary / Secondary CK</v>
          </cell>
          <cell r="M142" t="str">
            <v>N</v>
          </cell>
        </row>
        <row r="143">
          <cell r="A143" t="str">
            <v>CIPINC</v>
          </cell>
          <cell r="B143" t="str">
            <v>PD Capital</v>
          </cell>
          <cell r="C143" t="str">
            <v>Carolinas</v>
          </cell>
          <cell r="D143" t="str">
            <v>PD-C/I</v>
          </cell>
          <cell r="E143" t="str">
            <v>Power Delivery - BE - Commercial / Industrial</v>
          </cell>
          <cell r="F143" t="str">
            <v>PRI/SEC NC</v>
          </cell>
          <cell r="G143" t="str">
            <v>Primary / Secondary NC</v>
          </cell>
          <cell r="H143" t="str">
            <v>PD-C/I \ PRI/SEC NC</v>
          </cell>
          <cell r="I143" t="str">
            <v>CIP</v>
          </cell>
          <cell r="J143" t="str">
            <v>CIPINC</v>
          </cell>
          <cell r="K143" t="str">
            <v>X</v>
          </cell>
          <cell r="L143" t="str">
            <v>Primary / Secondary NC</v>
          </cell>
          <cell r="M143" t="str">
            <v>N</v>
          </cell>
        </row>
        <row r="144">
          <cell r="A144" t="str">
            <v>CIPISC</v>
          </cell>
          <cell r="B144" t="str">
            <v>PD Capital</v>
          </cell>
          <cell r="C144" t="str">
            <v>Carolinas</v>
          </cell>
          <cell r="D144" t="str">
            <v>PD-C/I</v>
          </cell>
          <cell r="E144" t="str">
            <v>Power Delivery - BE - Commercial / Industrial</v>
          </cell>
          <cell r="F144" t="str">
            <v>PRI/SEC SC</v>
          </cell>
          <cell r="G144" t="str">
            <v>Primary / Secondary</v>
          </cell>
          <cell r="H144" t="str">
            <v>PD-C/I \ PRI/SEC SC</v>
          </cell>
          <cell r="I144" t="str">
            <v>CIP</v>
          </cell>
          <cell r="J144" t="str">
            <v>CIPISC</v>
          </cell>
          <cell r="K144" t="str">
            <v>X</v>
          </cell>
          <cell r="L144" t="str">
            <v>Primary / Secondary</v>
          </cell>
          <cell r="M144" t="str">
            <v>N</v>
          </cell>
        </row>
        <row r="145">
          <cell r="A145" t="str">
            <v>CLAIMSC</v>
          </cell>
          <cell r="B145" t="str">
            <v>PD O&amp;M</v>
          </cell>
          <cell r="C145" t="str">
            <v>none</v>
          </cell>
          <cell r="D145" t="str">
            <v>PD-CLAIMS</v>
          </cell>
          <cell r="E145" t="str">
            <v>Electric Damage Claims</v>
          </cell>
          <cell r="F145" t="str">
            <v>ELEC</v>
          </cell>
          <cell r="G145" t="str">
            <v>Electric</v>
          </cell>
          <cell r="H145" t="str">
            <v>PD-CLAIMS \ ELEC</v>
          </cell>
          <cell r="I145" t="str">
            <v>ADMED</v>
          </cell>
          <cell r="J145" t="str">
            <v>CLAIMSC</v>
          </cell>
          <cell r="K145" t="str">
            <v>X</v>
          </cell>
          <cell r="L145" t="str">
            <v>Electric</v>
          </cell>
          <cell r="M145" t="str">
            <v>N</v>
          </cell>
        </row>
        <row r="146">
          <cell r="A146" t="str">
            <v>CLAIMSC</v>
          </cell>
          <cell r="B146" t="str">
            <v>PD O&amp;M</v>
          </cell>
          <cell r="C146" t="str">
            <v>none</v>
          </cell>
          <cell r="D146" t="str">
            <v>PD-MISC</v>
          </cell>
          <cell r="E146" t="str">
            <v>Miscellaneous work not service related at customer facility</v>
          </cell>
          <cell r="F146" t="str">
            <v>CSPREMISE</v>
          </cell>
          <cell r="G146" t="str">
            <v xml:space="preserve">Customer Premise </v>
          </cell>
          <cell r="H146" t="str">
            <v>PD-MISC \ CSPREMISE</v>
          </cell>
          <cell r="I146" t="str">
            <v>ADMED</v>
          </cell>
          <cell r="J146" t="str">
            <v>CLAIMSC</v>
          </cell>
          <cell r="K146" t="str">
            <v>X</v>
          </cell>
          <cell r="L146" t="str">
            <v>CUSTOMER PREMISE - INQUIRY INVESTIGATION &amp; REPAIR (NON-OUTAGE RELATED)</v>
          </cell>
          <cell r="M146" t="str">
            <v>N</v>
          </cell>
        </row>
        <row r="147">
          <cell r="A147" t="str">
            <v>CLAIMSC</v>
          </cell>
          <cell r="B147" t="str">
            <v>PD Capital</v>
          </cell>
          <cell r="C147" t="str">
            <v>none</v>
          </cell>
          <cell r="D147" t="str">
            <v>PD-OMS</v>
          </cell>
          <cell r="E147" t="str">
            <v>Outage Management Follow-up</v>
          </cell>
          <cell r="F147" t="str">
            <v>FUN</v>
          </cell>
          <cell r="G147" t="str">
            <v>Followup</v>
          </cell>
          <cell r="H147" t="str">
            <v>PD-OMS \ FUN</v>
          </cell>
          <cell r="I147" t="str">
            <v>ADMED</v>
          </cell>
          <cell r="J147" t="str">
            <v>CLAIMSC</v>
          </cell>
          <cell r="K147" t="str">
            <v>X</v>
          </cell>
          <cell r="L147" t="str">
            <v>Followup</v>
          </cell>
          <cell r="M147" t="str">
            <v>N</v>
          </cell>
        </row>
        <row r="148">
          <cell r="A148" t="str">
            <v>CMAP10</v>
          </cell>
          <cell r="B148" t="str">
            <v>Gas Capital</v>
          </cell>
          <cell r="C148" t="str">
            <v>Gas</v>
          </cell>
          <cell r="D148" t="str">
            <v>GO-SERVICEOH</v>
          </cell>
          <cell r="E148" t="str">
            <v>Gas Operations - Service Work - OH</v>
          </cell>
          <cell r="F148" t="str">
            <v>C-M AMRP</v>
          </cell>
          <cell r="G148" t="str">
            <v>INSTALL C-M SERVICE FOR CEX PROJECT</v>
          </cell>
          <cell r="H148" t="str">
            <v>GO-SERVICEOH \ C-M AMRP</v>
          </cell>
          <cell r="I148"/>
          <cell r="J148" t="str">
            <v>CMAP10</v>
          </cell>
          <cell r="K148" t="str">
            <v>I</v>
          </cell>
          <cell r="L148" t="str">
            <v>INSTALL C-M SERVICE FOR CEX PROJECT</v>
          </cell>
          <cell r="M148" t="str">
            <v>N</v>
          </cell>
        </row>
        <row r="149">
          <cell r="A149" t="str">
            <v>CMAP10</v>
          </cell>
          <cell r="B149" t="str">
            <v>Gas Capital</v>
          </cell>
          <cell r="C149" t="str">
            <v>Gas</v>
          </cell>
          <cell r="D149" t="str">
            <v>GO-SERVICEOH</v>
          </cell>
          <cell r="E149" t="str">
            <v>Gas Operations - Service Work - OH</v>
          </cell>
          <cell r="F149" t="str">
            <v>R-C-M AMRP</v>
          </cell>
          <cell r="G149" t="str">
            <v>REMOVE C-M SERVICE FOR CEX PROJECT</v>
          </cell>
          <cell r="H149" t="str">
            <v>GO-SERVICEOH \ R-C-M AMRP</v>
          </cell>
          <cell r="I149"/>
          <cell r="J149" t="str">
            <v>CMAP10</v>
          </cell>
          <cell r="K149" t="str">
            <v>R</v>
          </cell>
          <cell r="L149" t="str">
            <v>REMOVE C-M SERVICE FOR CEX PROJECT</v>
          </cell>
          <cell r="M149" t="str">
            <v>N</v>
          </cell>
        </row>
        <row r="150">
          <cell r="A150" t="str">
            <v>CMAP70</v>
          </cell>
          <cell r="B150" t="str">
            <v>Gas Capital</v>
          </cell>
          <cell r="C150" t="str">
            <v>Gas</v>
          </cell>
          <cell r="D150" t="str">
            <v>GO-SERVICEKY</v>
          </cell>
          <cell r="E150" t="str">
            <v>Gas Operations - Service Work - KY</v>
          </cell>
          <cell r="F150" t="str">
            <v>C-M AMRP</v>
          </cell>
          <cell r="G150" t="str">
            <v>INSTALL C-M SERVICE FOR CEX PROJECT</v>
          </cell>
          <cell r="H150" t="str">
            <v>GO-SERVICEKY \ C-M AMRP</v>
          </cell>
          <cell r="I150"/>
          <cell r="J150" t="str">
            <v>CMAP70</v>
          </cell>
          <cell r="K150" t="str">
            <v>I</v>
          </cell>
          <cell r="L150" t="str">
            <v>INSTALL C-M SERVICE FOR CEX PROJECT</v>
          </cell>
          <cell r="M150" t="str">
            <v>N</v>
          </cell>
        </row>
        <row r="151">
          <cell r="A151" t="str">
            <v>CMAP70</v>
          </cell>
          <cell r="B151" t="str">
            <v>Gas Capital</v>
          </cell>
          <cell r="C151" t="str">
            <v>Gas</v>
          </cell>
          <cell r="D151" t="str">
            <v>GO-SERVICEKY</v>
          </cell>
          <cell r="E151" t="str">
            <v>Gas Operations - Service Work - KY</v>
          </cell>
          <cell r="F151" t="str">
            <v>R-C-M AMRP</v>
          </cell>
          <cell r="G151" t="str">
            <v>REMOVE C-M SERVICE FOR CEX PROJECT</v>
          </cell>
          <cell r="H151" t="str">
            <v>GO-SERVICEKY \ R-C-M AMRP</v>
          </cell>
          <cell r="I151"/>
          <cell r="J151" t="str">
            <v>CMAP70</v>
          </cell>
          <cell r="K151" t="str">
            <v>R</v>
          </cell>
          <cell r="L151" t="str">
            <v>REMOVE C-M SERVICE FOR CEX PROJECT</v>
          </cell>
          <cell r="M151" t="str">
            <v>N</v>
          </cell>
        </row>
        <row r="152">
          <cell r="A152" t="str">
            <v>CMNP10</v>
          </cell>
          <cell r="B152" t="e">
            <v>#N/A</v>
          </cell>
          <cell r="C152" t="e">
            <v>#N/A</v>
          </cell>
          <cell r="D152" t="str">
            <v>GO-SERVICEOH</v>
          </cell>
          <cell r="E152" t="e">
            <v>#N/A</v>
          </cell>
          <cell r="F152" t="str">
            <v>C-MNEWCOM&lt;3"</v>
          </cell>
          <cell r="G152" t="e">
            <v>#N/A</v>
          </cell>
          <cell r="H152" t="str">
            <v>GO-SERVICEOH \ C-MNEWCOM&lt;3"</v>
          </cell>
          <cell r="I152"/>
          <cell r="J152" t="str">
            <v>CMNP10</v>
          </cell>
          <cell r="K152" t="str">
            <v>I</v>
          </cell>
          <cell r="L152" t="str">
            <v>INSTALL NEW COMMERCIAL C-M SERVICE LESS THAN 3"</v>
          </cell>
          <cell r="M152" t="str">
            <v>N</v>
          </cell>
        </row>
        <row r="153">
          <cell r="A153" t="str">
            <v>CMNP10</v>
          </cell>
          <cell r="B153" t="e">
            <v>#N/A</v>
          </cell>
          <cell r="C153" t="e">
            <v>#N/A</v>
          </cell>
          <cell r="D153" t="str">
            <v>GO-SERVICEOH</v>
          </cell>
          <cell r="E153" t="e">
            <v>#N/A</v>
          </cell>
          <cell r="F153" t="str">
            <v>C-MNEWRES&lt;3"</v>
          </cell>
          <cell r="G153" t="e">
            <v>#N/A</v>
          </cell>
          <cell r="H153" t="str">
            <v>GO-SERVICEOH \ C-MNEWRES&lt;3"</v>
          </cell>
          <cell r="I153"/>
          <cell r="J153" t="str">
            <v>CMNP10</v>
          </cell>
          <cell r="K153" t="str">
            <v>I</v>
          </cell>
          <cell r="L153" t="str">
            <v>INSTALL NEW RESIDENTIAL C-M SERVICE LESS THAN 3"</v>
          </cell>
          <cell r="M153" t="str">
            <v>N</v>
          </cell>
        </row>
        <row r="154">
          <cell r="A154" t="str">
            <v>CMNP70</v>
          </cell>
          <cell r="B154" t="e">
            <v>#N/A</v>
          </cell>
          <cell r="C154" t="e">
            <v>#N/A</v>
          </cell>
          <cell r="D154" t="str">
            <v>GO-SERVICEKY</v>
          </cell>
          <cell r="E154" t="e">
            <v>#N/A</v>
          </cell>
          <cell r="F154" t="str">
            <v>C-MNEWCOM&lt;3"</v>
          </cell>
          <cell r="G154" t="e">
            <v>#N/A</v>
          </cell>
          <cell r="H154" t="str">
            <v>GO-SERVICEKY \ C-MNEWCOM&lt;3"</v>
          </cell>
          <cell r="I154"/>
          <cell r="J154" t="str">
            <v>CMNP70</v>
          </cell>
          <cell r="K154" t="str">
            <v>I</v>
          </cell>
          <cell r="L154" t="str">
            <v>INSTALL NEW COMMERCIAL C-M SERVICE LESS THAN 3"</v>
          </cell>
          <cell r="M154" t="str">
            <v>N</v>
          </cell>
        </row>
        <row r="155">
          <cell r="A155" t="str">
            <v>CMNP70</v>
          </cell>
          <cell r="B155" t="e">
            <v>#N/A</v>
          </cell>
          <cell r="C155" t="e">
            <v>#N/A</v>
          </cell>
          <cell r="D155" t="str">
            <v>GO-SERVICEKY</v>
          </cell>
          <cell r="E155" t="e">
            <v>#N/A</v>
          </cell>
          <cell r="F155" t="str">
            <v>C-MNEWRES&lt;3"</v>
          </cell>
          <cell r="G155" t="e">
            <v>#N/A</v>
          </cell>
          <cell r="H155" t="str">
            <v>GO-SERVICEKY \ C-MNEWRES&lt;3"</v>
          </cell>
          <cell r="I155"/>
          <cell r="J155" t="str">
            <v>CMNP70</v>
          </cell>
          <cell r="K155" t="str">
            <v>I</v>
          </cell>
          <cell r="L155" t="str">
            <v>INSTALL NEW RESIDENTIAL C-M SERVICE LESS THAN 3"</v>
          </cell>
          <cell r="M155" t="str">
            <v>N</v>
          </cell>
        </row>
        <row r="156">
          <cell r="A156" t="str">
            <v>CMREPAIR</v>
          </cell>
          <cell r="B156" t="str">
            <v>Gas O&amp;M</v>
          </cell>
          <cell r="C156" t="str">
            <v>Gas</v>
          </cell>
          <cell r="D156" t="str">
            <v>GO-DAMAGE</v>
          </cell>
          <cell r="E156" t="str">
            <v>Gas Operations - Third Party Damage</v>
          </cell>
          <cell r="F156" t="str">
            <v>CMREPAIR</v>
          </cell>
          <cell r="G156" t="str">
            <v>Third Party damage - Less than 2" C-M</v>
          </cell>
          <cell r="H156" t="str">
            <v>GO-DAMAGE \ CMREPAIR</v>
          </cell>
          <cell r="I156"/>
          <cell r="J156" t="str">
            <v>CMREPAIR</v>
          </cell>
          <cell r="K156" t="str">
            <v>X</v>
          </cell>
          <cell r="L156" t="str">
            <v>Third Party damage - Less than 2" C-M</v>
          </cell>
          <cell r="M156" t="str">
            <v>N</v>
          </cell>
        </row>
        <row r="157">
          <cell r="A157" t="str">
            <v>CMRP10</v>
          </cell>
          <cell r="B157" t="str">
            <v>Gas Capital</v>
          </cell>
          <cell r="C157" t="str">
            <v>Gas</v>
          </cell>
          <cell r="D157" t="str">
            <v>GO-RIRPLOH</v>
          </cell>
          <cell r="E157" t="str">
            <v>Gas Operations - Riser Replacement - OH</v>
          </cell>
          <cell r="F157" t="str">
            <v>INST1194</v>
          </cell>
          <cell r="G157" t="str">
            <v>INSTALL 1194 RISER/RISER ADAPTER - NOT TRACKER RISERS</v>
          </cell>
          <cell r="H157" t="str">
            <v>GO-RIRPLOH \ INST1194</v>
          </cell>
          <cell r="I157"/>
          <cell r="J157" t="str">
            <v>CMRP10</v>
          </cell>
          <cell r="K157" t="str">
            <v>I</v>
          </cell>
          <cell r="L157" t="str">
            <v>INSTALL 1194 RISER/RISER ADAPTER - NOT TRACKER RISERS</v>
          </cell>
          <cell r="M157" t="str">
            <v>N</v>
          </cell>
        </row>
        <row r="158">
          <cell r="A158" t="str">
            <v>CMRP10</v>
          </cell>
          <cell r="B158" t="str">
            <v>Gas Capital</v>
          </cell>
          <cell r="C158" t="str">
            <v>Gas</v>
          </cell>
          <cell r="D158" t="str">
            <v>GO-RIRPLOH</v>
          </cell>
          <cell r="E158" t="str">
            <v>Gas Operations - Riser Replacement - OH</v>
          </cell>
          <cell r="F158" t="str">
            <v>INSTOTHER</v>
          </cell>
          <cell r="G158" t="str">
            <v>INSTALL OTHER</v>
          </cell>
          <cell r="H158" t="str">
            <v>GO-RIRPLOH \ INSTOTHER</v>
          </cell>
          <cell r="I158"/>
          <cell r="J158" t="str">
            <v>CMRP10</v>
          </cell>
          <cell r="K158" t="str">
            <v>I</v>
          </cell>
          <cell r="L158" t="str">
            <v>INSTALL OTHER</v>
          </cell>
          <cell r="M158" t="str">
            <v>N</v>
          </cell>
        </row>
        <row r="159">
          <cell r="A159" t="str">
            <v>CMRP10</v>
          </cell>
          <cell r="B159" t="str">
            <v>Gas Capital</v>
          </cell>
          <cell r="C159" t="str">
            <v>Gas</v>
          </cell>
          <cell r="D159" t="str">
            <v>GO-RIRPLOH</v>
          </cell>
          <cell r="E159" t="str">
            <v>Gas Operations - Riser Replacement - OH</v>
          </cell>
          <cell r="F159" t="str">
            <v>REMOVE</v>
          </cell>
          <cell r="G159" t="str">
            <v>REMOVE</v>
          </cell>
          <cell r="H159" t="str">
            <v>GO-RIRPLOH \ REMOVE</v>
          </cell>
          <cell r="I159"/>
          <cell r="J159" t="str">
            <v>CMRP10</v>
          </cell>
          <cell r="K159" t="str">
            <v>R</v>
          </cell>
          <cell r="L159" t="str">
            <v>REMOVE</v>
          </cell>
          <cell r="M159" t="str">
            <v>N</v>
          </cell>
        </row>
        <row r="160">
          <cell r="A160" t="str">
            <v>CMRP10</v>
          </cell>
          <cell r="B160" t="str">
            <v>Gas Capital</v>
          </cell>
          <cell r="C160" t="str">
            <v>Gas</v>
          </cell>
          <cell r="D160" t="str">
            <v>GO-SERVICEOH</v>
          </cell>
          <cell r="E160" t="str">
            <v>Gas Operations - Service Work - OH</v>
          </cell>
          <cell r="F160" t="str">
            <v>C-MRPL&lt;3"</v>
          </cell>
          <cell r="G160" t="str">
            <v>INSTALL C-M SERV. FOR RPL, STI, OR PRI PROJECT LESS THAN 3"</v>
          </cell>
          <cell r="H160" t="str">
            <v>GO-SERVICEOH \ C-MRPL&lt;3"</v>
          </cell>
          <cell r="I160"/>
          <cell r="J160" t="str">
            <v>CMRP10</v>
          </cell>
          <cell r="K160" t="str">
            <v>I</v>
          </cell>
          <cell r="L160" t="str">
            <v>INSTALL C-M SERV. FOR RPL, STI, OR PRI PROJECT LESS THAN 3"</v>
          </cell>
          <cell r="M160" t="str">
            <v>N</v>
          </cell>
        </row>
        <row r="161">
          <cell r="A161" t="str">
            <v>CMRP10</v>
          </cell>
          <cell r="B161" t="str">
            <v>Gas Capital</v>
          </cell>
          <cell r="C161" t="str">
            <v>Gas</v>
          </cell>
          <cell r="D161" t="str">
            <v>GO-SERVICEOH</v>
          </cell>
          <cell r="E161" t="str">
            <v>Gas Operations - Service Work - OH</v>
          </cell>
          <cell r="F161" t="str">
            <v>CMRP10</v>
          </cell>
          <cell r="G161" t="str">
            <v>Abandon Service C-M Company Owned - Ohio</v>
          </cell>
          <cell r="H161" t="str">
            <v>GO-SERVICEOH \ CMRP10</v>
          </cell>
          <cell r="I161"/>
          <cell r="J161" t="str">
            <v>CMRP10</v>
          </cell>
          <cell r="K161" t="str">
            <v>R</v>
          </cell>
          <cell r="L161" t="str">
            <v>Abandon Service C-M Company Owned - Ohio</v>
          </cell>
          <cell r="M161" t="str">
            <v>N</v>
          </cell>
        </row>
        <row r="162">
          <cell r="A162" t="str">
            <v>CMRP10</v>
          </cell>
          <cell r="B162" t="str">
            <v>Gas Capital</v>
          </cell>
          <cell r="C162" t="str">
            <v>Gas</v>
          </cell>
          <cell r="D162" t="str">
            <v>GO-SERVICEOH</v>
          </cell>
          <cell r="E162" t="str">
            <v>Gas Operations - Service Work - OH</v>
          </cell>
          <cell r="F162" t="str">
            <v>R-C-MRPL&lt;3"</v>
          </cell>
          <cell r="G162" t="str">
            <v>REMOVE C-M SERV. FOR RPL, STI, OR PRI PROJECT LESS THAN 3"</v>
          </cell>
          <cell r="H162" t="str">
            <v>GO-SERVICEOH \ R-C-MRPL&lt;3"</v>
          </cell>
          <cell r="I162"/>
          <cell r="J162" t="str">
            <v>CMRP10</v>
          </cell>
          <cell r="K162" t="str">
            <v>R</v>
          </cell>
          <cell r="L162" t="str">
            <v>REMOVE C-M SERV. FOR RPL, STI, OR PRI PROJECT LESS THAN 3"</v>
          </cell>
          <cell r="M162" t="str">
            <v>N</v>
          </cell>
        </row>
        <row r="163">
          <cell r="A163" t="str">
            <v>CMRP70</v>
          </cell>
          <cell r="B163" t="str">
            <v>Gas Capital</v>
          </cell>
          <cell r="C163" t="str">
            <v>Gas</v>
          </cell>
          <cell r="D163" t="str">
            <v>GO-RIRPLKY</v>
          </cell>
          <cell r="E163" t="str">
            <v>Gas Operations - Riser Replacement - KY</v>
          </cell>
          <cell r="F163" t="str">
            <v>INST1194</v>
          </cell>
          <cell r="G163" t="str">
            <v>INSTALL 1194 RISER/RISER ADAPTER - NOT TRACKER RISERS</v>
          </cell>
          <cell r="H163" t="str">
            <v>GO-RIRPLKY \ INST1194</v>
          </cell>
          <cell r="I163"/>
          <cell r="J163" t="str">
            <v>CMRP70</v>
          </cell>
          <cell r="K163" t="str">
            <v>I</v>
          </cell>
          <cell r="L163" t="str">
            <v>INSTALL 1194 RISER/RISER ADAPTER - NOT TRACKER RISERS</v>
          </cell>
          <cell r="M163" t="str">
            <v>N</v>
          </cell>
        </row>
        <row r="164">
          <cell r="A164" t="str">
            <v>CMRP70</v>
          </cell>
          <cell r="B164" t="str">
            <v>Gas Capital</v>
          </cell>
          <cell r="C164" t="str">
            <v>Gas</v>
          </cell>
          <cell r="D164" t="str">
            <v>GO-RIRPLKY</v>
          </cell>
          <cell r="E164" t="str">
            <v>Gas Operations - Riser Replacement - KY</v>
          </cell>
          <cell r="F164" t="str">
            <v>INSTOTHER</v>
          </cell>
          <cell r="G164" t="str">
            <v>INSTALL OTHER</v>
          </cell>
          <cell r="H164" t="str">
            <v>GO-RIRPLKY \ INSTOTHER</v>
          </cell>
          <cell r="I164"/>
          <cell r="J164" t="str">
            <v>CMRP70</v>
          </cell>
          <cell r="K164" t="str">
            <v>I</v>
          </cell>
          <cell r="L164" t="str">
            <v>INSTALL OTHER</v>
          </cell>
          <cell r="M164" t="str">
            <v>N</v>
          </cell>
        </row>
        <row r="165">
          <cell r="A165" t="str">
            <v>CMRP70</v>
          </cell>
          <cell r="B165" t="str">
            <v>Gas Capital</v>
          </cell>
          <cell r="C165" t="str">
            <v>Gas</v>
          </cell>
          <cell r="D165" t="str">
            <v>GO-RIRPLKY</v>
          </cell>
          <cell r="E165" t="str">
            <v>Gas Operations - Riser Replacement - KY</v>
          </cell>
          <cell r="F165" t="str">
            <v>REMOVE</v>
          </cell>
          <cell r="G165" t="str">
            <v>REMOVE</v>
          </cell>
          <cell r="H165" t="str">
            <v>GO-RIRPLKY \ REMOVE</v>
          </cell>
          <cell r="I165"/>
          <cell r="J165" t="str">
            <v>CMRP70</v>
          </cell>
          <cell r="K165" t="str">
            <v>R</v>
          </cell>
          <cell r="L165" t="str">
            <v>REMOVE</v>
          </cell>
          <cell r="M165" t="str">
            <v>N</v>
          </cell>
        </row>
        <row r="166">
          <cell r="A166" t="str">
            <v>CMRP70</v>
          </cell>
          <cell r="B166" t="str">
            <v>Gas Capital</v>
          </cell>
          <cell r="C166" t="str">
            <v>Gas</v>
          </cell>
          <cell r="D166" t="str">
            <v>GO-SERVICEKY</v>
          </cell>
          <cell r="E166" t="str">
            <v>Gas Operations - Service Work - KY</v>
          </cell>
          <cell r="F166" t="str">
            <v>C-MRPL&lt;3"</v>
          </cell>
          <cell r="G166" t="str">
            <v>INSTALL C-M SERV. FOR RPL, STI, OR PRI PROJECT LESS THAN 3"</v>
          </cell>
          <cell r="H166" t="str">
            <v>GO-SERVICEKY \ C-MRPL&lt;3"</v>
          </cell>
          <cell r="I166"/>
          <cell r="J166" t="str">
            <v>CMRP70</v>
          </cell>
          <cell r="K166" t="str">
            <v>I</v>
          </cell>
          <cell r="L166" t="str">
            <v>INSTALL C-M SERV. FOR RPL, STI, OR PRI PROJECT LESS THAN 3"</v>
          </cell>
          <cell r="M166" t="str">
            <v>N</v>
          </cell>
        </row>
        <row r="167">
          <cell r="A167" t="str">
            <v>CMRP70</v>
          </cell>
          <cell r="B167" t="str">
            <v>Gas Capital</v>
          </cell>
          <cell r="C167" t="str">
            <v>Gas</v>
          </cell>
          <cell r="D167" t="str">
            <v>GO-SERVICEKY</v>
          </cell>
          <cell r="E167" t="str">
            <v>Gas Operations - Service Work - KY</v>
          </cell>
          <cell r="F167" t="str">
            <v>CMRP70</v>
          </cell>
          <cell r="G167" t="str">
            <v>Abandon Service C-M Companny Owned - Kentucky</v>
          </cell>
          <cell r="H167" t="str">
            <v>GO-SERVICEKY \ CMRP70</v>
          </cell>
          <cell r="I167"/>
          <cell r="J167" t="str">
            <v>CMRP70</v>
          </cell>
          <cell r="K167" t="str">
            <v>R</v>
          </cell>
          <cell r="L167" t="str">
            <v>Abandon Service C-M Companny Owned - Kentucky</v>
          </cell>
          <cell r="M167" t="str">
            <v>N</v>
          </cell>
        </row>
        <row r="168">
          <cell r="A168" t="str">
            <v>CMRP70</v>
          </cell>
          <cell r="B168" t="str">
            <v>Gas Capital</v>
          </cell>
          <cell r="C168" t="str">
            <v>Gas</v>
          </cell>
          <cell r="D168" t="str">
            <v>GO-SERVICEKY</v>
          </cell>
          <cell r="E168" t="str">
            <v>Gas Operations - Service Work - KY</v>
          </cell>
          <cell r="F168" t="str">
            <v>R-C-MRPL&lt;3"</v>
          </cell>
          <cell r="G168" t="str">
            <v>REMOVE C-M SERV. FOR RPL, STI, OR PRI PROJECT LESS THAN 3"</v>
          </cell>
          <cell r="H168" t="str">
            <v>GO-SERVICEKY \ R-C-MRPL&lt;3"</v>
          </cell>
          <cell r="I168"/>
          <cell r="J168" t="str">
            <v>CMRP70</v>
          </cell>
          <cell r="K168" t="str">
            <v>R</v>
          </cell>
          <cell r="L168" t="str">
            <v>REMOVE C-M SERV. FOR RPL, STI, OR PRI PROJECT LESS THAN 3"</v>
          </cell>
          <cell r="M168" t="str">
            <v>N</v>
          </cell>
        </row>
        <row r="169">
          <cell r="A169" t="str">
            <v>COUICK</v>
          </cell>
          <cell r="B169" t="str">
            <v>PD Capital</v>
          </cell>
          <cell r="C169" t="str">
            <v>Carolinas</v>
          </cell>
          <cell r="D169" t="str">
            <v>PD-RELO</v>
          </cell>
          <cell r="E169" t="str">
            <v>Power Delivery - Relocation D</v>
          </cell>
          <cell r="F169" t="str">
            <v>O UTLY CK</v>
          </cell>
          <cell r="G169" t="str">
            <v>Other Utilities -phone, cable attachments, other utility request CK</v>
          </cell>
          <cell r="H169" t="str">
            <v>PD-RELO \ O UTLY CK</v>
          </cell>
          <cell r="I169" t="str">
            <v>COU</v>
          </cell>
          <cell r="J169" t="str">
            <v>COUICK</v>
          </cell>
          <cell r="K169" t="str">
            <v>X</v>
          </cell>
          <cell r="L169" t="str">
            <v>Other Utilities -phone, cable attachments, other utility request CK</v>
          </cell>
          <cell r="M169" t="str">
            <v>N</v>
          </cell>
        </row>
        <row r="170">
          <cell r="A170" t="str">
            <v>COUINC</v>
          </cell>
          <cell r="B170" t="str">
            <v>PD Capital</v>
          </cell>
          <cell r="C170" t="str">
            <v>Carolinas</v>
          </cell>
          <cell r="D170" t="str">
            <v>PD-RELO</v>
          </cell>
          <cell r="E170" t="str">
            <v>Power Delivery - Relocation D</v>
          </cell>
          <cell r="F170" t="str">
            <v>O UTLY NC</v>
          </cell>
          <cell r="G170" t="str">
            <v>Other Utilities -phone, cable attachments, other utility request NC</v>
          </cell>
          <cell r="H170" t="str">
            <v>PD-RELO \ O UTLY NC</v>
          </cell>
          <cell r="I170" t="str">
            <v>COU</v>
          </cell>
          <cell r="J170" t="str">
            <v>COUINC</v>
          </cell>
          <cell r="K170" t="str">
            <v>X</v>
          </cell>
          <cell r="L170" t="str">
            <v>Other Utilities -phone, cable attachments, other utility request NC</v>
          </cell>
          <cell r="M170" t="str">
            <v>N</v>
          </cell>
        </row>
        <row r="171">
          <cell r="A171" t="str">
            <v>COUISC</v>
          </cell>
          <cell r="B171" t="str">
            <v>PD Capital</v>
          </cell>
          <cell r="C171" t="str">
            <v>Carolinas</v>
          </cell>
          <cell r="D171" t="str">
            <v>PD-RELO</v>
          </cell>
          <cell r="E171" t="str">
            <v>Power Delivery - Relocation D</v>
          </cell>
          <cell r="F171" t="str">
            <v>O UTLY SC</v>
          </cell>
          <cell r="G171" t="str">
            <v>Other Utilities -phone, cable attachments, other utility request SC</v>
          </cell>
          <cell r="H171" t="str">
            <v>PD-RELO \ O UTLY SC</v>
          </cell>
          <cell r="I171" t="str">
            <v>COU</v>
          </cell>
          <cell r="J171" t="str">
            <v>COUISC</v>
          </cell>
          <cell r="K171" t="str">
            <v>X</v>
          </cell>
          <cell r="L171" t="str">
            <v>Other Utilities -phone, cable attachments, other utility request SC</v>
          </cell>
          <cell r="M171" t="str">
            <v>N</v>
          </cell>
        </row>
        <row r="172">
          <cell r="A172" t="str">
            <v>COVERUP</v>
          </cell>
          <cell r="B172" t="str">
            <v>PD O&amp;M</v>
          </cell>
          <cell r="C172" t="str">
            <v>MW</v>
          </cell>
          <cell r="D172" t="str">
            <v>PD-CPREM</v>
          </cell>
          <cell r="E172" t="e">
            <v>#N/A</v>
          </cell>
          <cell r="F172" t="str">
            <v>COVERUP</v>
          </cell>
          <cell r="G172" t="e">
            <v>#N/A</v>
          </cell>
          <cell r="H172" t="str">
            <v>PD-CPREM \ COVERUP</v>
          </cell>
          <cell r="I172" t="str">
            <v>CUSINS</v>
          </cell>
          <cell r="J172" t="str">
            <v>COVERUP</v>
          </cell>
          <cell r="K172" t="str">
            <v>X</v>
          </cell>
          <cell r="L172" t="str">
            <v>COVERUP REQUEST</v>
          </cell>
          <cell r="M172" t="str">
            <v>N</v>
          </cell>
        </row>
        <row r="173">
          <cell r="A173" t="str">
            <v>CRCICK</v>
          </cell>
          <cell r="B173" t="str">
            <v>PD Capital</v>
          </cell>
          <cell r="C173" t="str">
            <v>Carolinas</v>
          </cell>
          <cell r="D173" t="str">
            <v>PD-C/I</v>
          </cell>
          <cell r="E173" t="str">
            <v>Power Delivery - BE - Commercial / Industrial</v>
          </cell>
          <cell r="F173" t="str">
            <v>RELO CK</v>
          </cell>
          <cell r="G173" t="str">
            <v>Relocation CK</v>
          </cell>
          <cell r="H173" t="str">
            <v>PD-C/I \ RELO CK</v>
          </cell>
          <cell r="I173" t="str">
            <v>CRF</v>
          </cell>
          <cell r="J173" t="str">
            <v>CRCICK</v>
          </cell>
          <cell r="K173" t="str">
            <v>X</v>
          </cell>
          <cell r="L173" t="str">
            <v>Relocation CK</v>
          </cell>
          <cell r="M173" t="str">
            <v>N</v>
          </cell>
        </row>
        <row r="174">
          <cell r="A174" t="str">
            <v>CRCINC</v>
          </cell>
          <cell r="B174" t="str">
            <v>PD Capital</v>
          </cell>
          <cell r="C174" t="str">
            <v>Carolinas</v>
          </cell>
          <cell r="D174" t="str">
            <v>PD-C/I</v>
          </cell>
          <cell r="E174" t="str">
            <v>Power Delivery - BE - Commercial / Industrial</v>
          </cell>
          <cell r="F174" t="str">
            <v>RELO NC</v>
          </cell>
          <cell r="G174" t="str">
            <v>Relocation NC</v>
          </cell>
          <cell r="H174" t="str">
            <v>PD-C/I \ RELO NC</v>
          </cell>
          <cell r="I174" t="str">
            <v>CRF</v>
          </cell>
          <cell r="J174" t="str">
            <v>CRCINC</v>
          </cell>
          <cell r="K174" t="str">
            <v>X</v>
          </cell>
          <cell r="L174" t="str">
            <v>Relocation NC</v>
          </cell>
          <cell r="M174" t="str">
            <v>N</v>
          </cell>
        </row>
        <row r="175">
          <cell r="A175" t="str">
            <v>CRCISC</v>
          </cell>
          <cell r="B175" t="str">
            <v>PD Capital</v>
          </cell>
          <cell r="C175" t="str">
            <v>Carolinas</v>
          </cell>
          <cell r="D175" t="str">
            <v>PD-C/I</v>
          </cell>
          <cell r="E175" t="str">
            <v>Power Delivery - BE - Commercial / Industrial</v>
          </cell>
          <cell r="F175" t="str">
            <v>RELO SC</v>
          </cell>
          <cell r="G175" t="str">
            <v>Relocation SC</v>
          </cell>
          <cell r="H175" t="str">
            <v>PD-C/I \ RELO SC</v>
          </cell>
          <cell r="I175" t="str">
            <v>CRF</v>
          </cell>
          <cell r="J175" t="str">
            <v>CRCISC</v>
          </cell>
          <cell r="K175" t="str">
            <v>X</v>
          </cell>
          <cell r="L175" t="str">
            <v>Relocation SC</v>
          </cell>
          <cell r="M175" t="str">
            <v>N</v>
          </cell>
        </row>
        <row r="176">
          <cell r="A176" t="str">
            <v>CRDICK</v>
          </cell>
          <cell r="B176" t="str">
            <v>PD Capital</v>
          </cell>
          <cell r="C176" t="str">
            <v>Carolinas</v>
          </cell>
          <cell r="D176" t="str">
            <v>PD-RES</v>
          </cell>
          <cell r="E176" t="str">
            <v>Power Delivery - BE - Residential</v>
          </cell>
          <cell r="F176" t="str">
            <v>SERVICECK</v>
          </cell>
          <cell r="G176" t="str">
            <v>Service CK</v>
          </cell>
          <cell r="H176" t="str">
            <v>PD-RES \ SERVICECK</v>
          </cell>
          <cell r="I176" t="str">
            <v>CSS</v>
          </cell>
          <cell r="J176" t="str">
            <v>CRDICK</v>
          </cell>
          <cell r="K176" t="str">
            <v>X</v>
          </cell>
          <cell r="L176" t="str">
            <v>Service CK</v>
          </cell>
          <cell r="M176" t="str">
            <v>N</v>
          </cell>
        </row>
        <row r="177">
          <cell r="A177" t="str">
            <v>CRDINC</v>
          </cell>
          <cell r="B177" t="str">
            <v>PD Capital</v>
          </cell>
          <cell r="C177" t="str">
            <v>Carolinas</v>
          </cell>
          <cell r="D177" t="str">
            <v>PD-RES</v>
          </cell>
          <cell r="E177" t="str">
            <v>Power Delivery - BE - Residential</v>
          </cell>
          <cell r="F177" t="str">
            <v>SERVICENC</v>
          </cell>
          <cell r="G177" t="str">
            <v>Service NC</v>
          </cell>
          <cell r="H177" t="str">
            <v>PD-RES \ SERVICENC</v>
          </cell>
          <cell r="I177" t="str">
            <v>CSS</v>
          </cell>
          <cell r="J177" t="str">
            <v>CRDINC</v>
          </cell>
          <cell r="K177" t="str">
            <v>X</v>
          </cell>
          <cell r="L177" t="str">
            <v>Service NC</v>
          </cell>
          <cell r="M177" t="str">
            <v>N</v>
          </cell>
        </row>
        <row r="178">
          <cell r="A178" t="str">
            <v>CRDISC</v>
          </cell>
          <cell r="B178" t="str">
            <v>PD Capital</v>
          </cell>
          <cell r="C178" t="str">
            <v>Carolinas</v>
          </cell>
          <cell r="D178" t="str">
            <v>PD-RES</v>
          </cell>
          <cell r="E178" t="str">
            <v>Power Delivery - BE - Residential</v>
          </cell>
          <cell r="F178" t="str">
            <v>SERVICESC</v>
          </cell>
          <cell r="G178" t="str">
            <v>Service SC</v>
          </cell>
          <cell r="H178" t="str">
            <v>PD-RES \ SERVICESC</v>
          </cell>
          <cell r="I178" t="str">
            <v>CSS</v>
          </cell>
          <cell r="J178" t="str">
            <v>CRDISC</v>
          </cell>
          <cell r="K178" t="str">
            <v>X</v>
          </cell>
          <cell r="L178" t="str">
            <v>Service SC</v>
          </cell>
          <cell r="M178" t="str">
            <v>N</v>
          </cell>
        </row>
        <row r="179">
          <cell r="A179" t="str">
            <v>CREICK</v>
          </cell>
          <cell r="B179" t="str">
            <v>PD Capital</v>
          </cell>
          <cell r="C179" t="str">
            <v>Carolinas</v>
          </cell>
          <cell r="D179" t="str">
            <v>PD-RES</v>
          </cell>
          <cell r="E179" t="str">
            <v>Power Delivery - BE - Residential</v>
          </cell>
          <cell r="F179" t="str">
            <v>RELOUPGCK</v>
          </cell>
          <cell r="G179" t="str">
            <v>Relocation / Upgrade CK</v>
          </cell>
          <cell r="H179" t="str">
            <v>PD-RES \ RELOUPGCK</v>
          </cell>
          <cell r="I179" t="str">
            <v>CRF</v>
          </cell>
          <cell r="J179" t="str">
            <v>CREICK</v>
          </cell>
          <cell r="K179" t="str">
            <v>X</v>
          </cell>
          <cell r="L179" t="str">
            <v>Relocation / Upgrade CK</v>
          </cell>
          <cell r="M179" t="str">
            <v>N</v>
          </cell>
        </row>
        <row r="180">
          <cell r="A180" t="str">
            <v>CREINC</v>
          </cell>
          <cell r="B180" t="str">
            <v>PD Capital</v>
          </cell>
          <cell r="C180" t="str">
            <v>Carolinas</v>
          </cell>
          <cell r="D180" t="str">
            <v>PD-RES</v>
          </cell>
          <cell r="E180" t="str">
            <v>Power Delivery - BE - Residential</v>
          </cell>
          <cell r="F180" t="str">
            <v>RELOUPGNC</v>
          </cell>
          <cell r="G180" t="str">
            <v>Relocation / Upgrade NC</v>
          </cell>
          <cell r="H180" t="str">
            <v>PD-RES \ RELOUPGNC</v>
          </cell>
          <cell r="I180" t="str">
            <v>CRF</v>
          </cell>
          <cell r="J180" t="str">
            <v>CREINC</v>
          </cell>
          <cell r="K180" t="str">
            <v>X</v>
          </cell>
          <cell r="L180" t="str">
            <v>Relocation / Upgrade NC</v>
          </cell>
          <cell r="M180" t="str">
            <v>N</v>
          </cell>
        </row>
        <row r="181">
          <cell r="A181" t="str">
            <v>CREISC</v>
          </cell>
          <cell r="B181" t="str">
            <v>PD Capital</v>
          </cell>
          <cell r="C181" t="str">
            <v>Carolinas</v>
          </cell>
          <cell r="D181" t="str">
            <v>PD-RES</v>
          </cell>
          <cell r="E181" t="str">
            <v>Power Delivery - BE - Residential</v>
          </cell>
          <cell r="F181" t="str">
            <v>RELOUPGSC</v>
          </cell>
          <cell r="G181" t="str">
            <v>Relocation / Upgrade SC</v>
          </cell>
          <cell r="H181" t="str">
            <v>PD-RES \ RELOUPGSC</v>
          </cell>
          <cell r="I181" t="str">
            <v>CRF</v>
          </cell>
          <cell r="J181" t="str">
            <v>CREISC</v>
          </cell>
          <cell r="K181" t="str">
            <v>X</v>
          </cell>
          <cell r="L181" t="str">
            <v>Relocation / Upgrade SC</v>
          </cell>
          <cell r="M181" t="str">
            <v>N</v>
          </cell>
        </row>
        <row r="182">
          <cell r="A182" t="str">
            <v>CRMICK</v>
          </cell>
          <cell r="B182" t="str">
            <v>PD Capital</v>
          </cell>
          <cell r="C182" t="str">
            <v>Carolinas</v>
          </cell>
          <cell r="D182" t="str">
            <v>PD-MFAM</v>
          </cell>
          <cell r="E182" t="str">
            <v>Power Delivery - BE - Multi-Family</v>
          </cell>
          <cell r="F182" t="str">
            <v>SERVICECK</v>
          </cell>
          <cell r="G182" t="str">
            <v>Service CK</v>
          </cell>
          <cell r="H182" t="str">
            <v>PD-MFAM \ SERVICECK</v>
          </cell>
          <cell r="I182" t="str">
            <v>CAS</v>
          </cell>
          <cell r="J182" t="str">
            <v>CRMICK</v>
          </cell>
          <cell r="K182" t="str">
            <v>X</v>
          </cell>
          <cell r="L182" t="str">
            <v>Service CK</v>
          </cell>
          <cell r="M182" t="str">
            <v>N</v>
          </cell>
        </row>
        <row r="183">
          <cell r="A183" t="str">
            <v>CRMINC</v>
          </cell>
          <cell r="B183" t="str">
            <v>PD Capital</v>
          </cell>
          <cell r="C183" t="str">
            <v>Carolinas</v>
          </cell>
          <cell r="D183" t="str">
            <v>PD-MFAM</v>
          </cell>
          <cell r="E183" t="str">
            <v>Power Delivery - BE - Multi-Family</v>
          </cell>
          <cell r="F183" t="str">
            <v>SERVICENC</v>
          </cell>
          <cell r="G183" t="str">
            <v>Service NC</v>
          </cell>
          <cell r="H183" t="str">
            <v>PD-MFAM \ SERVICENC</v>
          </cell>
          <cell r="I183" t="str">
            <v>CAS</v>
          </cell>
          <cell r="J183" t="str">
            <v>CRMINC</v>
          </cell>
          <cell r="K183" t="str">
            <v>X</v>
          </cell>
          <cell r="L183" t="str">
            <v>Service NC</v>
          </cell>
          <cell r="M183" t="str">
            <v>N</v>
          </cell>
        </row>
        <row r="184">
          <cell r="A184" t="str">
            <v>CRMISC</v>
          </cell>
          <cell r="B184" t="str">
            <v>PD Capital</v>
          </cell>
          <cell r="C184" t="str">
            <v>Carolinas</v>
          </cell>
          <cell r="D184" t="str">
            <v>PD-MFAM</v>
          </cell>
          <cell r="E184" t="str">
            <v>Power Delivery - BE - Multi-Family</v>
          </cell>
          <cell r="F184" t="str">
            <v>SERVICESC</v>
          </cell>
          <cell r="G184" t="str">
            <v>Service SC</v>
          </cell>
          <cell r="H184" t="str">
            <v>PD-MFAM \ SERVICESC</v>
          </cell>
          <cell r="I184" t="str">
            <v>CAS</v>
          </cell>
          <cell r="J184" t="str">
            <v>CRMISC</v>
          </cell>
          <cell r="K184" t="str">
            <v>X</v>
          </cell>
          <cell r="L184" t="str">
            <v>Service SC</v>
          </cell>
          <cell r="M184" t="str">
            <v>N</v>
          </cell>
        </row>
        <row r="185">
          <cell r="A185" t="str">
            <v>CSDICK</v>
          </cell>
          <cell r="B185" t="str">
            <v>PD Capital</v>
          </cell>
          <cell r="C185" t="str">
            <v>Carolinas</v>
          </cell>
          <cell r="D185" t="str">
            <v>PD-NLITE</v>
          </cell>
          <cell r="E185" t="str">
            <v>Power Delivery - FOC Lighting</v>
          </cell>
          <cell r="F185" t="str">
            <v>DEC STREET CK</v>
          </cell>
          <cell r="G185" t="str">
            <v>Decorative Street Lighting CK</v>
          </cell>
          <cell r="H185" t="str">
            <v>PD-NLITE \ DEC STREET CK</v>
          </cell>
          <cell r="I185" t="str">
            <v>CSD</v>
          </cell>
          <cell r="J185" t="str">
            <v>CSDICK</v>
          </cell>
          <cell r="K185" t="str">
            <v>X</v>
          </cell>
          <cell r="L185" t="str">
            <v>Decorative Street Lighting CK</v>
          </cell>
          <cell r="M185" t="str">
            <v>N</v>
          </cell>
        </row>
        <row r="186">
          <cell r="A186" t="str">
            <v>CSDINC</v>
          </cell>
          <cell r="B186" t="str">
            <v>PD Capital</v>
          </cell>
          <cell r="C186" t="str">
            <v>Carolinas</v>
          </cell>
          <cell r="D186" t="str">
            <v>PD-NLITE</v>
          </cell>
          <cell r="E186" t="str">
            <v>Power Delivery - FOC Lighting</v>
          </cell>
          <cell r="F186" t="str">
            <v>DEC STREET NC</v>
          </cell>
          <cell r="G186" t="str">
            <v>Decorative Street Lighting NC</v>
          </cell>
          <cell r="H186" t="str">
            <v>PD-NLITE \ DEC STREET NC</v>
          </cell>
          <cell r="I186" t="str">
            <v>CSD</v>
          </cell>
          <cell r="J186" t="str">
            <v>CSDINC</v>
          </cell>
          <cell r="K186" t="str">
            <v>X</v>
          </cell>
          <cell r="L186" t="str">
            <v>Decorative Street Lighting NC</v>
          </cell>
          <cell r="M186" t="str">
            <v>N</v>
          </cell>
        </row>
        <row r="187">
          <cell r="A187" t="str">
            <v>CSDISC</v>
          </cell>
          <cell r="B187" t="str">
            <v>PD Capital</v>
          </cell>
          <cell r="C187" t="str">
            <v>Carolinas</v>
          </cell>
          <cell r="D187" t="str">
            <v>PD-NLITE</v>
          </cell>
          <cell r="E187" t="str">
            <v>Power Delivery - FOC Lighting</v>
          </cell>
          <cell r="F187" t="str">
            <v>DEC STREET SC</v>
          </cell>
          <cell r="G187" t="str">
            <v>Decorative Street Lighting SC</v>
          </cell>
          <cell r="H187" t="str">
            <v>PD-NLITE \ DEC STREET SC</v>
          </cell>
          <cell r="I187" t="str">
            <v>CSD</v>
          </cell>
          <cell r="J187" t="str">
            <v>CSDISC</v>
          </cell>
          <cell r="K187" t="str">
            <v>X</v>
          </cell>
          <cell r="L187" t="str">
            <v>Decorative Street Lighting SC</v>
          </cell>
          <cell r="M187" t="str">
            <v>N</v>
          </cell>
        </row>
        <row r="188">
          <cell r="A188" t="str">
            <v>CSIICK</v>
          </cell>
          <cell r="B188" t="str">
            <v>PD Capital</v>
          </cell>
          <cell r="C188" t="str">
            <v>Carolinas</v>
          </cell>
          <cell r="D188" t="str">
            <v>PD-INTGT</v>
          </cell>
          <cell r="E188" t="str">
            <v>Power Delivery - Integrity</v>
          </cell>
          <cell r="F188" t="str">
            <v>POLERPODCK</v>
          </cell>
          <cell r="G188" t="str">
            <v>Pole Replacement non-LIP (Car wrecks, discovered by routine work, anything non-LIP) CK</v>
          </cell>
          <cell r="H188" t="str">
            <v>PD-INTGT \ POLERPODCK</v>
          </cell>
          <cell r="I188" t="str">
            <v>CSI</v>
          </cell>
          <cell r="J188" t="str">
            <v>CSIICK</v>
          </cell>
          <cell r="K188" t="str">
            <v>X</v>
          </cell>
          <cell r="L188" t="str">
            <v>Pole Replacement non-LIP (Car wrecks, discovered by routine work, anything non-LIP) CK</v>
          </cell>
          <cell r="M188" t="str">
            <v>N</v>
          </cell>
        </row>
        <row r="189">
          <cell r="A189" t="str">
            <v>CSIINC</v>
          </cell>
          <cell r="B189" t="str">
            <v>PD Capital</v>
          </cell>
          <cell r="C189" t="str">
            <v>Carolinas</v>
          </cell>
          <cell r="D189" t="str">
            <v>PD-INTGT</v>
          </cell>
          <cell r="E189" t="str">
            <v>Power Delivery - Integrity</v>
          </cell>
          <cell r="F189" t="str">
            <v>POLERPODNC</v>
          </cell>
          <cell r="G189" t="str">
            <v>Pole Replacement non-LIP (Car wrecks, discovered by routine work, anything non-LIP) NC</v>
          </cell>
          <cell r="H189" t="str">
            <v>PD-INTGT \ POLERPODNC</v>
          </cell>
          <cell r="I189" t="str">
            <v>CSI</v>
          </cell>
          <cell r="J189" t="str">
            <v>CSIINC</v>
          </cell>
          <cell r="K189" t="str">
            <v>X</v>
          </cell>
          <cell r="L189" t="str">
            <v>Pole Replacement non-LIP (Car wrecks, discovered by routine work, anything non-LIP) NC</v>
          </cell>
          <cell r="M189" t="str">
            <v>N</v>
          </cell>
        </row>
        <row r="190">
          <cell r="A190" t="str">
            <v>CSIISC</v>
          </cell>
          <cell r="B190" t="str">
            <v>PD Capital</v>
          </cell>
          <cell r="C190" t="str">
            <v>Carolinas</v>
          </cell>
          <cell r="D190" t="str">
            <v>PD-INTGT</v>
          </cell>
          <cell r="E190" t="str">
            <v>Power Delivery - Integrity</v>
          </cell>
          <cell r="F190" t="str">
            <v>POLERPODSC</v>
          </cell>
          <cell r="G190" t="str">
            <v>Pole Replacement non-LIP (Car wrecks, discovered by routine work, anything non-LIP) SC</v>
          </cell>
          <cell r="H190" t="str">
            <v>PD-INTGT \ POLERPODSC</v>
          </cell>
          <cell r="I190" t="str">
            <v>CSI</v>
          </cell>
          <cell r="J190" t="str">
            <v>CSIISC</v>
          </cell>
          <cell r="K190" t="str">
            <v>X</v>
          </cell>
          <cell r="L190" t="str">
            <v>Pole Replacement non-LIP (Car wrecks, discovered by routine work, anything non-LIP) SC</v>
          </cell>
          <cell r="M190" t="str">
            <v>N</v>
          </cell>
        </row>
        <row r="191">
          <cell r="A191" t="str">
            <v>CSIN</v>
          </cell>
          <cell r="B191" t="str">
            <v>PD Capital</v>
          </cell>
          <cell r="C191" t="str">
            <v>MW</v>
          </cell>
          <cell r="D191" t="str">
            <v>PD-RELIA</v>
          </cell>
          <cell r="E191" t="str">
            <v>Power Delivery - Reliability</v>
          </cell>
          <cell r="F191" t="str">
            <v>CIR SECTIN</v>
          </cell>
          <cell r="G191" t="str">
            <v>Installation of sectionalizing devices (reclosers, sectionalizers, OVRs, etc) IN</v>
          </cell>
          <cell r="H191" t="str">
            <v>PD-RELIA \ CIR SECTIN</v>
          </cell>
          <cell r="I191" t="str">
            <v>RFS</v>
          </cell>
          <cell r="J191" t="str">
            <v>CSIN</v>
          </cell>
          <cell r="K191" t="str">
            <v>I</v>
          </cell>
          <cell r="L191" t="str">
            <v>Installation of sectionalizing devices (reclosers, sectionalizers, OVRs, etc) IN</v>
          </cell>
          <cell r="M191" t="str">
            <v>N</v>
          </cell>
        </row>
        <row r="192">
          <cell r="A192" t="str">
            <v>CSKY</v>
          </cell>
          <cell r="B192" t="str">
            <v>PD Capital</v>
          </cell>
          <cell r="C192" t="str">
            <v>MW</v>
          </cell>
          <cell r="D192" t="str">
            <v>PD-RELIA</v>
          </cell>
          <cell r="E192" t="str">
            <v>Power Delivery - Reliability</v>
          </cell>
          <cell r="F192" t="str">
            <v>CIR SECTKY</v>
          </cell>
          <cell r="G192" t="str">
            <v>Installation of sectionalizing devices (reclosers, sectionalizers, OVRs, etc) KY</v>
          </cell>
          <cell r="H192" t="str">
            <v>PD-RELIA \ CIR SECTKY</v>
          </cell>
          <cell r="I192" t="str">
            <v>RFS</v>
          </cell>
          <cell r="J192" t="str">
            <v>CSKY</v>
          </cell>
          <cell r="K192" t="str">
            <v>I</v>
          </cell>
          <cell r="L192" t="str">
            <v>Installation of sectionalizing devices (reclosers, sectionalizers, OVRs, etc) KY</v>
          </cell>
          <cell r="M192" t="str">
            <v>N</v>
          </cell>
        </row>
        <row r="193">
          <cell r="A193" t="str">
            <v>CSLICK</v>
          </cell>
          <cell r="B193" t="str">
            <v>PD Capital</v>
          </cell>
          <cell r="C193" t="str">
            <v>Carolinas</v>
          </cell>
          <cell r="D193" t="str">
            <v>PD-NLITE</v>
          </cell>
          <cell r="E193" t="str">
            <v>Power Delivery - FOC Lighting</v>
          </cell>
          <cell r="F193" t="str">
            <v>STREET CK</v>
          </cell>
          <cell r="G193" t="str">
            <v>Street Light CK</v>
          </cell>
          <cell r="H193" t="str">
            <v>PD-NLITE \ STREET CK</v>
          </cell>
          <cell r="I193" t="str">
            <v>CSL</v>
          </cell>
          <cell r="J193" t="str">
            <v>CSLICK</v>
          </cell>
          <cell r="K193" t="str">
            <v>X</v>
          </cell>
          <cell r="L193" t="str">
            <v>Street Light CK</v>
          </cell>
          <cell r="M193" t="str">
            <v>N</v>
          </cell>
        </row>
        <row r="194">
          <cell r="A194" t="str">
            <v>CSLINC</v>
          </cell>
          <cell r="B194" t="str">
            <v>PD Capital</v>
          </cell>
          <cell r="C194" t="str">
            <v>Carolinas</v>
          </cell>
          <cell r="D194" t="str">
            <v>PD-NLITE</v>
          </cell>
          <cell r="E194" t="str">
            <v>Power Delivery - FOC Lighting</v>
          </cell>
          <cell r="F194" t="str">
            <v>STREET NC</v>
          </cell>
          <cell r="G194" t="str">
            <v>Street Light NC</v>
          </cell>
          <cell r="H194" t="str">
            <v>PD-NLITE \ STREET NC</v>
          </cell>
          <cell r="I194" t="str">
            <v>CSL</v>
          </cell>
          <cell r="J194" t="str">
            <v>CSLINC</v>
          </cell>
          <cell r="K194" t="str">
            <v>X</v>
          </cell>
          <cell r="L194" t="str">
            <v>Street Light NC</v>
          </cell>
          <cell r="M194" t="str">
            <v>N</v>
          </cell>
        </row>
        <row r="195">
          <cell r="A195" t="str">
            <v>CSLISC</v>
          </cell>
          <cell r="B195" t="str">
            <v>PD Capital</v>
          </cell>
          <cell r="C195" t="str">
            <v>Carolinas</v>
          </cell>
          <cell r="D195" t="str">
            <v>PD-NLITE</v>
          </cell>
          <cell r="E195" t="str">
            <v>Power Delivery - FOC Lighting</v>
          </cell>
          <cell r="F195" t="str">
            <v>STREET SC</v>
          </cell>
          <cell r="G195" t="str">
            <v>Street Light SC</v>
          </cell>
          <cell r="H195" t="str">
            <v>PD-NLITE \ STREET SC</v>
          </cell>
          <cell r="I195" t="str">
            <v>CSL</v>
          </cell>
          <cell r="J195" t="str">
            <v>CSLISC</v>
          </cell>
          <cell r="K195" t="str">
            <v>X</v>
          </cell>
          <cell r="L195" t="str">
            <v>Street Light SC</v>
          </cell>
          <cell r="M195" t="str">
            <v>N</v>
          </cell>
        </row>
        <row r="196">
          <cell r="A196" t="str">
            <v>CSOH</v>
          </cell>
          <cell r="B196" t="str">
            <v>PD Capital</v>
          </cell>
          <cell r="C196" t="str">
            <v>MW</v>
          </cell>
          <cell r="D196" t="str">
            <v>PD-RELIA</v>
          </cell>
          <cell r="E196" t="str">
            <v>Power Delivery - Reliability</v>
          </cell>
          <cell r="F196" t="str">
            <v>CIR SECTOH</v>
          </cell>
          <cell r="G196" t="str">
            <v>Installation of sectionalizing devices (reclosers, sectionalizers, OVRs, etc) OH</v>
          </cell>
          <cell r="H196" t="str">
            <v>PD-RELIA \ CIR SECTOH</v>
          </cell>
          <cell r="I196" t="str">
            <v>RFS</v>
          </cell>
          <cell r="J196" t="str">
            <v>CSOH</v>
          </cell>
          <cell r="K196" t="str">
            <v>I</v>
          </cell>
          <cell r="L196" t="str">
            <v>Installation of sectionalizing devices (reclosers, sectionalizers, OVRs, etc) OH</v>
          </cell>
          <cell r="M196" t="str">
            <v>N</v>
          </cell>
        </row>
        <row r="197">
          <cell r="A197" t="str">
            <v>CSPICK</v>
          </cell>
          <cell r="B197" t="str">
            <v>PD Capital</v>
          </cell>
          <cell r="C197" t="str">
            <v>Carolinas</v>
          </cell>
          <cell r="D197" t="str">
            <v>PD-RES</v>
          </cell>
          <cell r="E197" t="str">
            <v>Power Delivery - BE - Residential</v>
          </cell>
          <cell r="F197" t="str">
            <v>PRI/SEC CK</v>
          </cell>
          <cell r="G197" t="str">
            <v>Primary / Secondary CK</v>
          </cell>
          <cell r="H197" t="str">
            <v>PD-RES \ PRI/SEC CK</v>
          </cell>
          <cell r="I197" t="str">
            <v>CSP</v>
          </cell>
          <cell r="J197" t="str">
            <v>CSPICK</v>
          </cell>
          <cell r="K197" t="str">
            <v>X</v>
          </cell>
          <cell r="L197" t="str">
            <v>Primary / Secondary CK</v>
          </cell>
          <cell r="M197" t="str">
            <v>N</v>
          </cell>
        </row>
        <row r="198">
          <cell r="A198" t="str">
            <v>CSPIN</v>
          </cell>
          <cell r="B198" t="str">
            <v>PD Capital</v>
          </cell>
          <cell r="C198" t="str">
            <v>MW</v>
          </cell>
          <cell r="D198" t="str">
            <v>PD-RELIA</v>
          </cell>
          <cell r="E198" t="str">
            <v>Power Delivery - Reliability</v>
          </cell>
          <cell r="F198" t="str">
            <v>TX RETROIN</v>
          </cell>
          <cell r="G198" t="str">
            <v>Retrofitting CSP transformers IN</v>
          </cell>
          <cell r="H198" t="str">
            <v>PD-RELIA \ TX RETROIN</v>
          </cell>
          <cell r="I198" t="str">
            <v>RXR</v>
          </cell>
          <cell r="J198" t="str">
            <v>CSPIN</v>
          </cell>
          <cell r="K198" t="str">
            <v>I</v>
          </cell>
          <cell r="L198" t="str">
            <v>Retrofitting CSP transformers IN</v>
          </cell>
          <cell r="M198" t="str">
            <v>N</v>
          </cell>
        </row>
        <row r="199">
          <cell r="A199" t="str">
            <v>CSPINC</v>
          </cell>
          <cell r="B199" t="str">
            <v>PD Capital</v>
          </cell>
          <cell r="C199" t="str">
            <v>Carolinas</v>
          </cell>
          <cell r="D199" t="str">
            <v>PD-RES</v>
          </cell>
          <cell r="E199" t="str">
            <v>Power Delivery - BE - Residential</v>
          </cell>
          <cell r="F199" t="str">
            <v>PRI/SEC NC</v>
          </cell>
          <cell r="G199" t="str">
            <v>Primary / Secondary NC</v>
          </cell>
          <cell r="H199" t="str">
            <v>PD-RES \ PRI/SEC NC</v>
          </cell>
          <cell r="I199" t="str">
            <v>CSP</v>
          </cell>
          <cell r="J199" t="str">
            <v>CSPINC</v>
          </cell>
          <cell r="K199" t="str">
            <v>X</v>
          </cell>
          <cell r="L199" t="str">
            <v>Primary / Secondary NC</v>
          </cell>
          <cell r="M199" t="str">
            <v>N</v>
          </cell>
        </row>
        <row r="200">
          <cell r="A200" t="str">
            <v>CSPISC</v>
          </cell>
          <cell r="B200" t="str">
            <v>PD Capital</v>
          </cell>
          <cell r="C200" t="str">
            <v>Carolinas</v>
          </cell>
          <cell r="D200" t="str">
            <v>PD-RES</v>
          </cell>
          <cell r="E200" t="str">
            <v>Power Delivery - BE - Residential</v>
          </cell>
          <cell r="F200" t="str">
            <v>PRI/SEC SC</v>
          </cell>
          <cell r="G200" t="str">
            <v>Primary / Secondary</v>
          </cell>
          <cell r="H200" t="str">
            <v>PD-RES \ PRI/SEC SC</v>
          </cell>
          <cell r="I200" t="str">
            <v>CSP</v>
          </cell>
          <cell r="J200" t="str">
            <v>CSPISC</v>
          </cell>
          <cell r="K200" t="str">
            <v>X</v>
          </cell>
          <cell r="L200" t="str">
            <v>Primary / Secondary</v>
          </cell>
          <cell r="M200" t="str">
            <v>N</v>
          </cell>
        </row>
        <row r="201">
          <cell r="A201" t="str">
            <v>CSPKY</v>
          </cell>
          <cell r="B201" t="str">
            <v>PD Capital</v>
          </cell>
          <cell r="C201" t="str">
            <v>MW</v>
          </cell>
          <cell r="D201" t="str">
            <v>PD-RELIA</v>
          </cell>
          <cell r="E201" t="str">
            <v>Power Delivery - Reliability</v>
          </cell>
          <cell r="F201" t="str">
            <v>TX RETROKY</v>
          </cell>
          <cell r="G201" t="str">
            <v>Retrofitting CSP transformers KY</v>
          </cell>
          <cell r="H201" t="str">
            <v>PD-RELIA \ TX RETROKY</v>
          </cell>
          <cell r="I201" t="str">
            <v>RXR</v>
          </cell>
          <cell r="J201" t="str">
            <v>CSPKY</v>
          </cell>
          <cell r="K201" t="str">
            <v>I</v>
          </cell>
          <cell r="L201" t="str">
            <v>Retrofitting CSP transformers KY</v>
          </cell>
          <cell r="M201" t="str">
            <v>N</v>
          </cell>
        </row>
        <row r="202">
          <cell r="A202" t="str">
            <v>CSPOH</v>
          </cell>
          <cell r="B202" t="str">
            <v>PD Capital</v>
          </cell>
          <cell r="C202" t="str">
            <v>MW</v>
          </cell>
          <cell r="D202" t="str">
            <v>PD-RELIA</v>
          </cell>
          <cell r="E202" t="str">
            <v>Power Delivery - Reliability</v>
          </cell>
          <cell r="F202" t="str">
            <v>TX RETROOH</v>
          </cell>
          <cell r="G202" t="str">
            <v>Retrofitting CSP transformers OH</v>
          </cell>
          <cell r="H202" t="str">
            <v>PD-RELIA \ TX RETROOH</v>
          </cell>
          <cell r="I202" t="str">
            <v>RXR</v>
          </cell>
          <cell r="J202" t="str">
            <v>CSPOH</v>
          </cell>
          <cell r="K202" t="str">
            <v>I</v>
          </cell>
          <cell r="L202" t="str">
            <v>Retrofitting CSP transformers OH</v>
          </cell>
          <cell r="M202" t="str">
            <v>N</v>
          </cell>
        </row>
        <row r="203">
          <cell r="A203" t="str">
            <v>CSRICK</v>
          </cell>
          <cell r="B203" t="str">
            <v>PD Capital</v>
          </cell>
          <cell r="C203" t="str">
            <v>Carolinas</v>
          </cell>
          <cell r="D203" t="str">
            <v>PD-LTREP</v>
          </cell>
          <cell r="E203" t="str">
            <v>Power Delivery - FOC Lighting Replacement</v>
          </cell>
          <cell r="F203" t="str">
            <v>STREET CK</v>
          </cell>
          <cell r="G203" t="str">
            <v>Street Light -replacement bad head CK</v>
          </cell>
          <cell r="H203" t="str">
            <v>PD-LTREP \ STREET CK</v>
          </cell>
          <cell r="I203" t="str">
            <v>CSR</v>
          </cell>
          <cell r="J203" t="str">
            <v>CSRICK</v>
          </cell>
          <cell r="K203" t="str">
            <v>X</v>
          </cell>
          <cell r="L203" t="str">
            <v>Street Light -replacement bad head CK</v>
          </cell>
          <cell r="M203" t="str">
            <v>N</v>
          </cell>
        </row>
        <row r="204">
          <cell r="A204" t="str">
            <v>CSRINC</v>
          </cell>
          <cell r="B204" t="str">
            <v>PD Capital</v>
          </cell>
          <cell r="C204" t="str">
            <v>Carolinas</v>
          </cell>
          <cell r="D204" t="str">
            <v>PD-LTREP</v>
          </cell>
          <cell r="E204" t="str">
            <v>Power Delivery - FOC Lighting Replacement</v>
          </cell>
          <cell r="F204" t="str">
            <v>STREET NC</v>
          </cell>
          <cell r="G204" t="str">
            <v>Street Light -replacement bad head NC</v>
          </cell>
          <cell r="H204" t="str">
            <v>PD-LTREP \ STREET NC</v>
          </cell>
          <cell r="I204" t="str">
            <v>CSR</v>
          </cell>
          <cell r="J204" t="str">
            <v>CSRINC</v>
          </cell>
          <cell r="K204" t="str">
            <v>X</v>
          </cell>
          <cell r="L204" t="str">
            <v>Street Light -replacement bad head NC</v>
          </cell>
          <cell r="M204" t="str">
            <v>N</v>
          </cell>
        </row>
        <row r="205">
          <cell r="A205" t="str">
            <v>CSRISC</v>
          </cell>
          <cell r="B205" t="str">
            <v>PD Capital</v>
          </cell>
          <cell r="C205" t="str">
            <v>Carolinas</v>
          </cell>
          <cell r="D205" t="str">
            <v>PD-LTREP</v>
          </cell>
          <cell r="E205" t="str">
            <v>Power Delivery - FOC Lighting Replacement</v>
          </cell>
          <cell r="F205" t="str">
            <v>STREET SC</v>
          </cell>
          <cell r="G205" t="str">
            <v>Street Light -replacement bad head SC</v>
          </cell>
          <cell r="H205" t="str">
            <v>PD-LTREP \ STREET SC</v>
          </cell>
          <cell r="I205" t="str">
            <v>CSR</v>
          </cell>
          <cell r="J205" t="str">
            <v>CSRISC</v>
          </cell>
          <cell r="K205" t="str">
            <v>X</v>
          </cell>
          <cell r="L205" t="str">
            <v>Street Light -replacement bad head SC</v>
          </cell>
          <cell r="M205" t="str">
            <v>N</v>
          </cell>
        </row>
        <row r="206">
          <cell r="A206" t="str">
            <v>CUSINS</v>
          </cell>
          <cell r="B206" t="str">
            <v>PD O&amp;M</v>
          </cell>
          <cell r="C206" t="str">
            <v>MW</v>
          </cell>
          <cell r="D206" t="str">
            <v>PD-CPREM</v>
          </cell>
          <cell r="E206" t="e">
            <v>#N/A</v>
          </cell>
          <cell r="F206" t="str">
            <v>CSPREMISE</v>
          </cell>
          <cell r="G206" t="e">
            <v>#N/A</v>
          </cell>
          <cell r="H206" t="str">
            <v>PD-CPREM \ CSPREMISE</v>
          </cell>
          <cell r="I206" t="str">
            <v>CUSINS</v>
          </cell>
          <cell r="J206" t="str">
            <v>CUSINS</v>
          </cell>
          <cell r="K206" t="str">
            <v>X</v>
          </cell>
          <cell r="L206" t="str">
            <v>CUSTOMER PREMISE - INQUIRY INVESTIGATION &amp; REPAIR (NON-OUTAGE RELATED)</v>
          </cell>
          <cell r="M206" t="str">
            <v>N</v>
          </cell>
        </row>
        <row r="207">
          <cell r="A207" t="str">
            <v>CUSTPREM</v>
          </cell>
          <cell r="B207" t="str">
            <v>Gas O&amp;M</v>
          </cell>
          <cell r="C207" t="e">
            <v>#N/A</v>
          </cell>
          <cell r="D207" t="str">
            <v>GO-DAMAGE</v>
          </cell>
          <cell r="E207" t="e">
            <v>#N/A</v>
          </cell>
          <cell r="F207" t="str">
            <v>CUSTPREM</v>
          </cell>
          <cell r="G207" t="e">
            <v>#N/A</v>
          </cell>
          <cell r="H207" t="str">
            <v>GO-DAMAGE \ CUSTPREM</v>
          </cell>
          <cell r="I207"/>
          <cell r="J207" t="str">
            <v>CUSTPREM</v>
          </cell>
          <cell r="K207" t="str">
            <v>X</v>
          </cell>
          <cell r="L207" t="str">
            <v>Damage on a Gas facility from third party - Customer property non-billing</v>
          </cell>
          <cell r="M207" t="str">
            <v>N</v>
          </cell>
        </row>
        <row r="208">
          <cell r="A208" t="str">
            <v>CUSTPREM</v>
          </cell>
          <cell r="B208" t="str">
            <v>Gas O&amp;M</v>
          </cell>
          <cell r="C208" t="str">
            <v>Gas</v>
          </cell>
          <cell r="D208" t="str">
            <v>GO-PREMW</v>
          </cell>
          <cell r="E208" t="str">
            <v>Gas Operations - Premise Work</v>
          </cell>
          <cell r="F208" t="str">
            <v>CUSTPREM</v>
          </cell>
          <cell r="G208" t="str">
            <v>Painting meter or remodel work on a customer premise</v>
          </cell>
          <cell r="H208" t="str">
            <v>GO-PREMW \ CUSTPREM</v>
          </cell>
          <cell r="I208"/>
          <cell r="J208" t="str">
            <v>CUSTPREM</v>
          </cell>
          <cell r="K208" t="str">
            <v>X</v>
          </cell>
          <cell r="L208" t="str">
            <v>Painting meter or remodel work on a customer premise</v>
          </cell>
          <cell r="M208" t="str">
            <v>N</v>
          </cell>
        </row>
        <row r="209">
          <cell r="A209" t="str">
            <v>D2082</v>
          </cell>
          <cell r="B209" t="str">
            <v>Gas Capital</v>
          </cell>
          <cell r="C209" t="str">
            <v>Gas</v>
          </cell>
          <cell r="D209" t="str">
            <v>GO-RIRPLOH</v>
          </cell>
          <cell r="E209" t="str">
            <v>Gas Operations - Riser Replacement - OH</v>
          </cell>
          <cell r="F209" t="str">
            <v>INSTARRP</v>
          </cell>
          <cell r="G209" t="str">
            <v>INSTALL ARRP RISER/RISER ADAPTER</v>
          </cell>
          <cell r="H209" t="str">
            <v>GO-RIRPLOH \ INSTARRP</v>
          </cell>
          <cell r="I209"/>
          <cell r="J209" t="str">
            <v>D2082</v>
          </cell>
          <cell r="K209" t="str">
            <v>I</v>
          </cell>
          <cell r="L209" t="str">
            <v>INSTALL ARRP RISER/RISER ADAPTER</v>
          </cell>
          <cell r="M209" t="str">
            <v>N</v>
          </cell>
        </row>
        <row r="210">
          <cell r="A210" t="str">
            <v>D2082</v>
          </cell>
          <cell r="B210" t="str">
            <v>Gas Capital</v>
          </cell>
          <cell r="C210" t="str">
            <v>Gas</v>
          </cell>
          <cell r="D210" t="str">
            <v>GO-RIRPLOH</v>
          </cell>
          <cell r="E210" t="str">
            <v>Gas Operations - Riser Replacement - OH</v>
          </cell>
          <cell r="F210" t="str">
            <v>INSTROP</v>
          </cell>
          <cell r="G210" t="str">
            <v>INSTALL ROP RISER/RISER ADAPTER</v>
          </cell>
          <cell r="H210" t="str">
            <v>GO-RIRPLOH \ INSTROP</v>
          </cell>
          <cell r="I210"/>
          <cell r="J210" t="str">
            <v>D2082</v>
          </cell>
          <cell r="K210" t="str">
            <v>I</v>
          </cell>
          <cell r="L210" t="str">
            <v>INSTALL ROP RISER/RISER ADAPTER</v>
          </cell>
          <cell r="M210" t="str">
            <v>N</v>
          </cell>
        </row>
        <row r="211">
          <cell r="A211" t="str">
            <v>DHOTSPOT</v>
          </cell>
          <cell r="B211" t="str">
            <v>PD Veg Mgmt</v>
          </cell>
          <cell r="C211" t="str">
            <v>Veg</v>
          </cell>
          <cell r="D211" t="str">
            <v>PD-DVEGO</v>
          </cell>
          <cell r="E211" t="str">
            <v>Vegetation Management - Distribution - O&amp;M</v>
          </cell>
          <cell r="F211" t="str">
            <v>DVMFURIMW</v>
          </cell>
          <cell r="G211" t="str">
            <v>MW - Veg related follow up requests from field opers - major outage fu or other R&amp;I.</v>
          </cell>
          <cell r="H211" t="str">
            <v>PD-DVEGO \ DVMFURIMW</v>
          </cell>
          <cell r="I211" t="str">
            <v>DLUNPL</v>
          </cell>
          <cell r="J211" t="str">
            <v>DHOTSPOT</v>
          </cell>
          <cell r="K211" t="str">
            <v>X</v>
          </cell>
          <cell r="L211" t="str">
            <v>Veg related follow up requests from field opers - major outage fu or other R&amp;I Midwest</v>
          </cell>
          <cell r="M211" t="str">
            <v>N</v>
          </cell>
        </row>
        <row r="212">
          <cell r="A212" t="str">
            <v>DOADMMT</v>
          </cell>
          <cell r="B212" t="str">
            <v>PD Veg Mgmt</v>
          </cell>
          <cell r="C212" t="str">
            <v>Veg</v>
          </cell>
          <cell r="D212" t="str">
            <v>PD-DVEGO</v>
          </cell>
          <cell r="E212" t="str">
            <v>Vegetation Management - Distribution - O&amp;M</v>
          </cell>
          <cell r="F212" t="str">
            <v>DRWSUPMW</v>
          </cell>
          <cell r="G212" t="str">
            <v>Veg Mgmt expenses such as oversight, expenses, training and other miscellaneous expenses Midwest</v>
          </cell>
          <cell r="H212" t="str">
            <v>PD-DVEGO \ DRWSUPMW</v>
          </cell>
          <cell r="I212" t="str">
            <v>VMADMD</v>
          </cell>
          <cell r="J212" t="str">
            <v>DOADMMT</v>
          </cell>
          <cell r="K212" t="str">
            <v>X</v>
          </cell>
          <cell r="L212" t="str">
            <v>Veg Mgmt expenses such as oversight, expenses, training and other miscellaneous expenses Midwest</v>
          </cell>
          <cell r="M212" t="str">
            <v>N</v>
          </cell>
        </row>
        <row r="213">
          <cell r="A213" t="str">
            <v>DOFPLC</v>
          </cell>
          <cell r="B213" t="str">
            <v>PD Veg Mgmt</v>
          </cell>
          <cell r="C213" t="str">
            <v>Veg</v>
          </cell>
          <cell r="D213" t="str">
            <v>PD-DVEGO</v>
          </cell>
          <cell r="E213" t="str">
            <v>Vegetation Management - Distribution - O&amp;M</v>
          </cell>
          <cell r="F213" t="str">
            <v>DVMFOPI</v>
          </cell>
          <cell r="G213" t="str">
            <v>Veg Mgmt - Pre-planning work for tree crews.</v>
          </cell>
          <cell r="H213" t="str">
            <v>PD-DVEGO \ DVMFOPI</v>
          </cell>
          <cell r="I213" t="str">
            <v>DLUNPL</v>
          </cell>
          <cell r="J213" t="str">
            <v>DOFPLC</v>
          </cell>
          <cell r="K213" t="str">
            <v>X</v>
          </cell>
          <cell r="L213" t="str">
            <v>Veg Mgmt - Pre-planning work for tree crews.</v>
          </cell>
          <cell r="M213" t="str">
            <v>N</v>
          </cell>
        </row>
        <row r="214">
          <cell r="A214" t="str">
            <v>DOLCPC</v>
          </cell>
          <cell r="B214" t="str">
            <v>PD Veg Mgmt</v>
          </cell>
          <cell r="C214" t="str">
            <v>Veg</v>
          </cell>
          <cell r="D214" t="str">
            <v>PD-DVEGO</v>
          </cell>
          <cell r="E214" t="str">
            <v>Vegetation Management - Distribution - O&amp;M</v>
          </cell>
          <cell r="F214" t="str">
            <v>DCIRMAINMW</v>
          </cell>
          <cell r="G214" t="str">
            <v>Veg Mgmt - Distribution routine circuit maintenance Midwest</v>
          </cell>
          <cell r="H214" t="str">
            <v>PD-DVEGO \ DCIRMAINMW</v>
          </cell>
          <cell r="I214" t="str">
            <v>DLCLPLN</v>
          </cell>
          <cell r="J214" t="str">
            <v>DOLCPC</v>
          </cell>
          <cell r="K214" t="str">
            <v>X</v>
          </cell>
          <cell r="L214" t="str">
            <v>Veg Mgmt - Distribution routine circuit maintenance Midwest</v>
          </cell>
          <cell r="M214" t="str">
            <v>N</v>
          </cell>
        </row>
        <row r="215">
          <cell r="A215" t="str">
            <v>DOLCUC</v>
          </cell>
          <cell r="B215" t="str">
            <v>PD Veg Mgmt</v>
          </cell>
          <cell r="C215" t="str">
            <v>Veg</v>
          </cell>
          <cell r="D215" t="str">
            <v>PD-DVEGO</v>
          </cell>
          <cell r="E215" t="str">
            <v>Vegetation Management - Distribution - O&amp;M</v>
          </cell>
          <cell r="F215" t="str">
            <v>DVMFUCUSMW</v>
          </cell>
          <cell r="G215" t="str">
            <v>Vegetation related requests from customers were it is deemed work is necessary Midwest</v>
          </cell>
          <cell r="H215" t="str">
            <v>PD-DVEGO \ DVMFUCUSMW</v>
          </cell>
          <cell r="I215" t="str">
            <v>DLUNPL</v>
          </cell>
          <cell r="J215" t="str">
            <v>DOLCUC</v>
          </cell>
          <cell r="K215" t="str">
            <v>X</v>
          </cell>
          <cell r="L215" t="str">
            <v>Vegetation related requests from customers were it is deemed work is necessary Midwest</v>
          </cell>
          <cell r="M215" t="str">
            <v>N</v>
          </cell>
        </row>
        <row r="216">
          <cell r="A216" t="str">
            <v>DSVMCC</v>
          </cell>
          <cell r="B216" t="str">
            <v>PD Veg Mgmt</v>
          </cell>
          <cell r="C216" t="str">
            <v>Veg</v>
          </cell>
          <cell r="D216" t="str">
            <v>PD-SUBVM</v>
          </cell>
          <cell r="E216" t="str">
            <v>Vegetation Management - Substation - O&amp;M</v>
          </cell>
          <cell r="F216" t="str">
            <v>SUBVMRETMW</v>
          </cell>
          <cell r="G216" t="str">
            <v>Sub VM Distribution station bare ground herbicide Midwest</v>
          </cell>
          <cell r="H216" t="str">
            <v>PD-SUBVM \ SUBVMRETMW</v>
          </cell>
          <cell r="I216" t="str">
            <v>DVMCHEM</v>
          </cell>
          <cell r="J216" t="str">
            <v>DSVMCC</v>
          </cell>
          <cell r="K216" t="str">
            <v>X</v>
          </cell>
          <cell r="L216" t="str">
            <v>Sub VM Distribution station bare ground herbicide Midwest</v>
          </cell>
          <cell r="M216" t="str">
            <v>N</v>
          </cell>
        </row>
        <row r="217">
          <cell r="A217" t="str">
            <v>DWAICK</v>
          </cell>
          <cell r="B217" t="str">
            <v>PD Capital</v>
          </cell>
          <cell r="C217" t="str">
            <v>Carolinas</v>
          </cell>
          <cell r="D217" t="str">
            <v>PD-INTGT</v>
          </cell>
          <cell r="E217" t="str">
            <v>Power Delivery - Integrity</v>
          </cell>
          <cell r="F217" t="str">
            <v>DW/PILCCK</v>
          </cell>
          <cell r="G217" t="str">
            <v>Underground cable replacement Drainwire/PILC CK</v>
          </cell>
          <cell r="H217" t="str">
            <v>PD-INTGT \ DW/PILCCK</v>
          </cell>
          <cell r="I217" t="str">
            <v>DWA</v>
          </cell>
          <cell r="J217" t="str">
            <v>DWAICK</v>
          </cell>
          <cell r="K217" t="str">
            <v>X</v>
          </cell>
          <cell r="L217" t="str">
            <v>Underground cable replacement Drainwire/PILC CK</v>
          </cell>
          <cell r="M217" t="str">
            <v>N</v>
          </cell>
        </row>
        <row r="218">
          <cell r="A218" t="str">
            <v>DWAINC</v>
          </cell>
          <cell r="B218" t="str">
            <v>PD Capital</v>
          </cell>
          <cell r="C218" t="str">
            <v>Carolinas</v>
          </cell>
          <cell r="D218" t="str">
            <v>PD-INTGT</v>
          </cell>
          <cell r="E218" t="str">
            <v>Power Delivery - Integrity</v>
          </cell>
          <cell r="F218" t="str">
            <v>DW/PILCNC</v>
          </cell>
          <cell r="G218" t="str">
            <v>Underground cable replacement Drainwire/PILC NC</v>
          </cell>
          <cell r="H218" t="str">
            <v>PD-INTGT \ DW/PILCNC</v>
          </cell>
          <cell r="I218" t="str">
            <v>DWA</v>
          </cell>
          <cell r="J218" t="str">
            <v>DWAINC</v>
          </cell>
          <cell r="K218" t="str">
            <v>X</v>
          </cell>
          <cell r="L218" t="str">
            <v>Underground cable replacement Drainwire/PILC NC</v>
          </cell>
          <cell r="M218" t="str">
            <v>N</v>
          </cell>
        </row>
        <row r="219">
          <cell r="A219" t="str">
            <v>DWAISC</v>
          </cell>
          <cell r="B219" t="str">
            <v>PD Capital</v>
          </cell>
          <cell r="C219" t="str">
            <v>Carolinas</v>
          </cell>
          <cell r="D219" t="str">
            <v>PD-INTGT</v>
          </cell>
          <cell r="E219" t="str">
            <v>Power Delivery - Integrity</v>
          </cell>
          <cell r="F219" t="str">
            <v>DW/PILCSC</v>
          </cell>
          <cell r="G219" t="str">
            <v>Underground cable replacement Drainwire/PILC SC</v>
          </cell>
          <cell r="H219" t="str">
            <v>PD-INTGT \ DW/PILCSC</v>
          </cell>
          <cell r="I219" t="str">
            <v>DWA</v>
          </cell>
          <cell r="J219" t="str">
            <v>DWAISC</v>
          </cell>
          <cell r="K219" t="str">
            <v>X</v>
          </cell>
          <cell r="L219" t="str">
            <v>Underground cable replacement Drainwire/PILC SC</v>
          </cell>
          <cell r="M219" t="str">
            <v>N</v>
          </cell>
        </row>
        <row r="220">
          <cell r="A220" t="str">
            <v>EDGHPRV</v>
          </cell>
          <cell r="B220" t="str">
            <v>Gas O&amp;M</v>
          </cell>
          <cell r="C220" t="str">
            <v>Gas</v>
          </cell>
          <cell r="D220" t="str">
            <v>GO-INSP</v>
          </cell>
          <cell r="E220" t="str">
            <v>Gas Operations - Inspections</v>
          </cell>
          <cell r="F220" t="str">
            <v>EDGHPEX</v>
          </cell>
          <cell r="G220" t="str">
            <v>House Line Inspection - Inside Piping</v>
          </cell>
          <cell r="H220" t="str">
            <v>GO-INSP \ EDGHPEX</v>
          </cell>
          <cell r="I220"/>
          <cell r="J220" t="str">
            <v>EDGHPRV</v>
          </cell>
          <cell r="K220" t="str">
            <v>X</v>
          </cell>
          <cell r="L220" t="str">
            <v>House Line Inspection-Inside Piping</v>
          </cell>
          <cell r="M220" t="str">
            <v>N</v>
          </cell>
        </row>
        <row r="221">
          <cell r="A221" t="str">
            <v>EDGLL</v>
          </cell>
          <cell r="B221" t="str">
            <v>Gas O&amp;M</v>
          </cell>
          <cell r="C221" t="e">
            <v>#N/A</v>
          </cell>
          <cell r="D221" t="str">
            <v>GO-LNLOC</v>
          </cell>
          <cell r="E221" t="e">
            <v>#N/A</v>
          </cell>
          <cell r="F221" t="str">
            <v>EDGLL</v>
          </cell>
          <cell r="G221" t="e">
            <v>#N/A</v>
          </cell>
          <cell r="H221" t="str">
            <v>GO-LNLOC \ EDGLL</v>
          </cell>
          <cell r="I221"/>
          <cell r="J221" t="str">
            <v>EDGLL</v>
          </cell>
          <cell r="K221" t="str">
            <v>X</v>
          </cell>
          <cell r="L221" t="str">
            <v>Gas Line Locates</v>
          </cell>
          <cell r="M221" t="str">
            <v>N</v>
          </cell>
        </row>
        <row r="222">
          <cell r="A222" t="str">
            <v>EDGLS</v>
          </cell>
          <cell r="B222" t="str">
            <v>Gas O&amp;M</v>
          </cell>
          <cell r="C222" t="str">
            <v>Gas</v>
          </cell>
          <cell r="D222" t="str">
            <v>GO-INSP</v>
          </cell>
          <cell r="E222" t="str">
            <v>Gas Operations - Inspections</v>
          </cell>
          <cell r="F222" t="str">
            <v>EDGLS</v>
          </cell>
          <cell r="G222" t="str">
            <v>Leak Survey</v>
          </cell>
          <cell r="H222" t="str">
            <v>GO-INSP \ EDGLS</v>
          </cell>
          <cell r="I222"/>
          <cell r="J222" t="str">
            <v>EDGLS</v>
          </cell>
          <cell r="K222" t="str">
            <v>X</v>
          </cell>
          <cell r="L222" t="str">
            <v>Leak Survey</v>
          </cell>
          <cell r="M222" t="str">
            <v>N</v>
          </cell>
        </row>
        <row r="223">
          <cell r="A223" t="str">
            <v>EDGM3PD</v>
          </cell>
          <cell r="B223" t="str">
            <v>Gas O&amp;M</v>
          </cell>
          <cell r="C223" t="str">
            <v>Gas</v>
          </cell>
          <cell r="D223" t="str">
            <v>GO-DAMAGE</v>
          </cell>
          <cell r="E223" t="str">
            <v>Gas Operations - Third Party Damage</v>
          </cell>
          <cell r="F223" t="str">
            <v>EDGM3PD</v>
          </cell>
          <cell r="G223" t="str">
            <v>Third Party damage - No Charge</v>
          </cell>
          <cell r="H223" t="str">
            <v>GO-DAMAGE \ EDGM3PD</v>
          </cell>
          <cell r="I223"/>
          <cell r="J223" t="str">
            <v>EDGM3PD</v>
          </cell>
          <cell r="K223" t="str">
            <v>X</v>
          </cell>
          <cell r="L223" t="str">
            <v>Third Party damage - No Charge</v>
          </cell>
          <cell r="M223" t="str">
            <v>N</v>
          </cell>
        </row>
        <row r="224">
          <cell r="A224" t="str">
            <v>EDGMREX</v>
          </cell>
          <cell r="B224" t="str">
            <v>Gas O&amp;M</v>
          </cell>
          <cell r="C224" t="str">
            <v>Gas</v>
          </cell>
          <cell r="D224" t="str">
            <v>GO-RELOC</v>
          </cell>
          <cell r="E224" t="str">
            <v>Gas Operations - Relocation of Gas Facility</v>
          </cell>
          <cell r="F224" t="str">
            <v>EDGMREX</v>
          </cell>
          <cell r="G224" t="str">
            <v>Relocate inside meter to outside</v>
          </cell>
          <cell r="H224" t="str">
            <v>GO-RELOC \ EDGMREX</v>
          </cell>
          <cell r="I224"/>
          <cell r="J224" t="str">
            <v>EDGMREX</v>
          </cell>
          <cell r="K224" t="str">
            <v>X</v>
          </cell>
          <cell r="L224" t="str">
            <v>Relocate inside meter to outside</v>
          </cell>
          <cell r="M224" t="str">
            <v>N</v>
          </cell>
        </row>
        <row r="225">
          <cell r="A225" t="str">
            <v>EDGVISUAL</v>
          </cell>
          <cell r="B225" t="str">
            <v>Gas O&amp;M</v>
          </cell>
          <cell r="C225" t="str">
            <v>Gas</v>
          </cell>
          <cell r="D225" t="str">
            <v>GO-INSP</v>
          </cell>
          <cell r="E225" t="str">
            <v>Gas Operations - Inspections</v>
          </cell>
          <cell r="F225" t="str">
            <v>EDGVISUAL</v>
          </cell>
          <cell r="G225" t="str">
            <v>House Line Inspection - Underground Piping</v>
          </cell>
          <cell r="H225" t="str">
            <v>GO-INSP \ EDGVISUAL</v>
          </cell>
          <cell r="I225"/>
          <cell r="J225" t="str">
            <v>EDGVISUAL</v>
          </cell>
          <cell r="K225" t="str">
            <v>X</v>
          </cell>
          <cell r="L225" t="str">
            <v>House Line Inspection - Underground Piping</v>
          </cell>
          <cell r="M225" t="str">
            <v>N</v>
          </cell>
        </row>
        <row r="226">
          <cell r="A226" t="str">
            <v>EQINS</v>
          </cell>
          <cell r="B226" t="str">
            <v>PD O&amp;M</v>
          </cell>
          <cell r="C226" t="str">
            <v>MW</v>
          </cell>
          <cell r="D226" t="str">
            <v>PD-INSP</v>
          </cell>
          <cell r="E226" t="str">
            <v>Equipment Inspection</v>
          </cell>
          <cell r="F226" t="str">
            <v>OH EQUIP</v>
          </cell>
          <cell r="G226" t="str">
            <v>OH D Equip Insp/Maint</v>
          </cell>
          <cell r="H226" t="str">
            <v>PD-INSP \ OH EQUIP</v>
          </cell>
          <cell r="I226" t="str">
            <v>EQINS</v>
          </cell>
          <cell r="J226" t="str">
            <v>EQINS</v>
          </cell>
          <cell r="K226" t="str">
            <v>X</v>
          </cell>
          <cell r="L226" t="str">
            <v>OH D Equip Insp/Maint</v>
          </cell>
          <cell r="M226" t="str">
            <v>N</v>
          </cell>
        </row>
        <row r="227">
          <cell r="A227" t="str">
            <v>EQINS</v>
          </cell>
          <cell r="B227" t="str">
            <v>PD O&amp;M</v>
          </cell>
          <cell r="C227" t="str">
            <v>MW</v>
          </cell>
          <cell r="D227" t="str">
            <v>PD-MAINT</v>
          </cell>
          <cell r="E227" t="str">
            <v>Equipment Maintenance</v>
          </cell>
          <cell r="F227" t="str">
            <v>OH EQUIPMW</v>
          </cell>
          <cell r="G227" t="str">
            <v>OH D Equip Insp/Maint Midwest</v>
          </cell>
          <cell r="H227" t="str">
            <v>PD-MAINT \ OH EQUIPMW</v>
          </cell>
          <cell r="I227" t="str">
            <v>EQINS</v>
          </cell>
          <cell r="J227" t="str">
            <v>EQINS</v>
          </cell>
          <cell r="K227" t="str">
            <v>X</v>
          </cell>
          <cell r="L227" t="str">
            <v>OH D Equip Insp/Maint Midwest</v>
          </cell>
          <cell r="M227" t="str">
            <v>N</v>
          </cell>
        </row>
        <row r="228">
          <cell r="A228" t="str">
            <v>EQMT</v>
          </cell>
          <cell r="B228" t="str">
            <v>PD O&amp;M</v>
          </cell>
          <cell r="C228" t="str">
            <v>Carolinas</v>
          </cell>
          <cell r="D228" t="str">
            <v>PD-MAINT</v>
          </cell>
          <cell r="E228" t="str">
            <v>Equipment Maintenance</v>
          </cell>
          <cell r="F228" t="str">
            <v>OH EQUIPC</v>
          </cell>
          <cell r="G228" t="str">
            <v>OH D Equip Insp/Maint Carolinas</v>
          </cell>
          <cell r="H228" t="str">
            <v>PD-MAINT \ OH EQUIPC</v>
          </cell>
          <cell r="I228" t="str">
            <v>EQMT</v>
          </cell>
          <cell r="J228" t="str">
            <v>EQMT</v>
          </cell>
          <cell r="K228" t="str">
            <v>X</v>
          </cell>
          <cell r="L228" t="str">
            <v>OH D Equip Insp/Maint Carolinas</v>
          </cell>
          <cell r="M228" t="str">
            <v>N</v>
          </cell>
        </row>
        <row r="229">
          <cell r="A229" t="str">
            <v>FLTMT</v>
          </cell>
          <cell r="B229" t="str">
            <v>PD O&amp;M</v>
          </cell>
          <cell r="C229" t="str">
            <v>Carolinas</v>
          </cell>
          <cell r="D229" t="str">
            <v>PD-LREP</v>
          </cell>
          <cell r="E229" t="str">
            <v xml:space="preserve">Light Repair </v>
          </cell>
          <cell r="F229" t="str">
            <v>FLOODLREPC</v>
          </cell>
          <cell r="G229" t="str">
            <v>Flood Light inspections &amp; repair -- Changing bulbs/photo control Carolinas</v>
          </cell>
          <cell r="H229" t="str">
            <v>PD-LREP \ FLOODLREPC</v>
          </cell>
          <cell r="I229" t="str">
            <v>FLTMT</v>
          </cell>
          <cell r="J229" t="str">
            <v>FLTMT</v>
          </cell>
          <cell r="K229" t="str">
            <v>X</v>
          </cell>
          <cell r="L229" t="str">
            <v>Flood Light inspections &amp; repair -- Changing bulbs/photo control Carolinas</v>
          </cell>
          <cell r="M229" t="str">
            <v>N</v>
          </cell>
        </row>
        <row r="230">
          <cell r="A230" t="str">
            <v>FLUGREP</v>
          </cell>
          <cell r="B230" t="str">
            <v>PD O&amp;M</v>
          </cell>
          <cell r="C230" t="str">
            <v>Carolinas</v>
          </cell>
          <cell r="D230" t="str">
            <v>PD-LREP</v>
          </cell>
          <cell r="E230" t="str">
            <v xml:space="preserve">Light Repair </v>
          </cell>
          <cell r="F230" t="str">
            <v>FLUGREPC</v>
          </cell>
          <cell r="G230" t="str">
            <v>Flood Light UG Cable Repair Carolinas</v>
          </cell>
          <cell r="H230" t="str">
            <v>PD-LREP \ FLUGREPC</v>
          </cell>
          <cell r="I230" t="str">
            <v>FLUGREP</v>
          </cell>
          <cell r="J230" t="str">
            <v>FLUGREP</v>
          </cell>
          <cell r="K230" t="str">
            <v>X</v>
          </cell>
          <cell r="L230" t="str">
            <v>Flood Light UG Cable Repair Carolinas</v>
          </cell>
          <cell r="M230" t="str">
            <v>N</v>
          </cell>
        </row>
        <row r="231">
          <cell r="A231" t="str">
            <v>GASGEN</v>
          </cell>
          <cell r="B231" t="str">
            <v>Gas Capital</v>
          </cell>
          <cell r="C231" t="str">
            <v>Gas</v>
          </cell>
          <cell r="D231" t="str">
            <v>GO-AMI</v>
          </cell>
          <cell r="E231" t="str">
            <v>Gas Operations - Automated Metering Infrastructure</v>
          </cell>
          <cell r="F231" t="str">
            <v>INSTALLEQ</v>
          </cell>
          <cell r="G231" t="str">
            <v>INSTALL EQUIPMENT</v>
          </cell>
          <cell r="H231" t="str">
            <v>GO-AMI \ INSTALLEQ</v>
          </cell>
          <cell r="I231"/>
          <cell r="J231" t="str">
            <v>GASGEN</v>
          </cell>
          <cell r="K231" t="str">
            <v>I</v>
          </cell>
          <cell r="L231" t="str">
            <v>INSTALL EQUIPMENT</v>
          </cell>
          <cell r="M231" t="str">
            <v>N</v>
          </cell>
        </row>
        <row r="232">
          <cell r="A232" t="str">
            <v>GASGEN</v>
          </cell>
          <cell r="B232" t="str">
            <v>Gas Capital</v>
          </cell>
          <cell r="C232" t="str">
            <v>Gas</v>
          </cell>
          <cell r="D232" t="str">
            <v>GO-AMI</v>
          </cell>
          <cell r="E232" t="str">
            <v>Gas Operations - Automated Metering Infrastructure</v>
          </cell>
          <cell r="F232" t="str">
            <v>PURCHASEEQ</v>
          </cell>
          <cell r="G232" t="str">
            <v>PURCHASE EQUIPMENT</v>
          </cell>
          <cell r="H232" t="str">
            <v>GO-AMI \ PURCHASEEQ</v>
          </cell>
          <cell r="I232"/>
          <cell r="J232" t="str">
            <v>GASGEN</v>
          </cell>
          <cell r="K232" t="str">
            <v>I</v>
          </cell>
          <cell r="L232" t="str">
            <v>PURCHASE EQUIPMENT</v>
          </cell>
          <cell r="M232" t="str">
            <v>N</v>
          </cell>
        </row>
        <row r="233">
          <cell r="A233" t="str">
            <v>GASGEN</v>
          </cell>
          <cell r="B233" t="str">
            <v>Gas Capital</v>
          </cell>
          <cell r="C233" t="str">
            <v>Gas</v>
          </cell>
          <cell r="D233" t="str">
            <v>GO-AMI</v>
          </cell>
          <cell r="E233" t="str">
            <v>Gas Operations - Automated Metering Infrastructure</v>
          </cell>
          <cell r="F233" t="str">
            <v>REMOVE</v>
          </cell>
          <cell r="G233" t="str">
            <v>REMOVE</v>
          </cell>
          <cell r="H233" t="str">
            <v>GO-AMI \ REMOVE</v>
          </cell>
          <cell r="I233"/>
          <cell r="J233" t="str">
            <v>GASGEN</v>
          </cell>
          <cell r="K233" t="str">
            <v>R</v>
          </cell>
          <cell r="L233" t="str">
            <v>REMOVE</v>
          </cell>
          <cell r="M233" t="str">
            <v>N</v>
          </cell>
        </row>
        <row r="234">
          <cell r="A234" t="str">
            <v>GASGEN</v>
          </cell>
          <cell r="B234" t="str">
            <v>Gas Capital</v>
          </cell>
          <cell r="C234" t="str">
            <v>Gas</v>
          </cell>
          <cell r="D234" t="str">
            <v>GO-AMR</v>
          </cell>
          <cell r="E234" t="str">
            <v>Gas Operations - Automated Meter Reading</v>
          </cell>
          <cell r="F234" t="str">
            <v>INSTALLEQ</v>
          </cell>
          <cell r="G234" t="str">
            <v>INSTALL EQUIPMENT</v>
          </cell>
          <cell r="H234" t="str">
            <v>GO-AMR \ INSTALLEQ</v>
          </cell>
          <cell r="I234"/>
          <cell r="J234" t="str">
            <v>GASGEN</v>
          </cell>
          <cell r="K234" t="str">
            <v>I</v>
          </cell>
          <cell r="L234" t="str">
            <v>INSTALL EQUIPMENT</v>
          </cell>
          <cell r="M234" t="str">
            <v>N</v>
          </cell>
        </row>
        <row r="235">
          <cell r="A235" t="str">
            <v>GASGEN</v>
          </cell>
          <cell r="B235" t="str">
            <v>Gas Capital</v>
          </cell>
          <cell r="C235" t="str">
            <v>Gas</v>
          </cell>
          <cell r="D235" t="str">
            <v>GO-AMR</v>
          </cell>
          <cell r="E235" t="str">
            <v>Gas Operations - Automated Meter Reading</v>
          </cell>
          <cell r="F235" t="str">
            <v>PURCHASEEQ</v>
          </cell>
          <cell r="G235" t="str">
            <v>PURCHASE EQUIPMENT</v>
          </cell>
          <cell r="H235" t="str">
            <v>GO-AMR \ PURCHASEEQ</v>
          </cell>
          <cell r="I235"/>
          <cell r="J235" t="str">
            <v>GASGEN</v>
          </cell>
          <cell r="K235" t="str">
            <v>I</v>
          </cell>
          <cell r="L235" t="str">
            <v>PURCHASE EQUIPMENT</v>
          </cell>
          <cell r="M235" t="str">
            <v>N</v>
          </cell>
        </row>
        <row r="236">
          <cell r="A236" t="str">
            <v>GASGEN</v>
          </cell>
          <cell r="B236" t="str">
            <v>Gas Capital</v>
          </cell>
          <cell r="C236" t="str">
            <v>Gas</v>
          </cell>
          <cell r="D236" t="str">
            <v>GO-AMR</v>
          </cell>
          <cell r="E236" t="str">
            <v>Gas Operations - Automated Meter Reading</v>
          </cell>
          <cell r="F236" t="str">
            <v>REMOVE</v>
          </cell>
          <cell r="G236" t="str">
            <v>REMOVE</v>
          </cell>
          <cell r="H236" t="str">
            <v>GO-AMR \ REMOVE</v>
          </cell>
          <cell r="I236"/>
          <cell r="J236" t="str">
            <v>GASGEN</v>
          </cell>
          <cell r="K236" t="str">
            <v>R</v>
          </cell>
          <cell r="L236" t="str">
            <v>REMOVE</v>
          </cell>
          <cell r="M236" t="str">
            <v>N</v>
          </cell>
        </row>
        <row r="237">
          <cell r="A237" t="str">
            <v>GASGEN</v>
          </cell>
          <cell r="B237" t="str">
            <v>Gas Capital</v>
          </cell>
          <cell r="C237" t="str">
            <v>Gas</v>
          </cell>
          <cell r="D237" t="str">
            <v>GO-BLG</v>
          </cell>
          <cell r="E237" t="str">
            <v>Gas Operations - Buildings and Grounds</v>
          </cell>
          <cell r="F237" t="str">
            <v>BLG</v>
          </cell>
          <cell r="G237" t="str">
            <v>BUILDING AND GROUNDS</v>
          </cell>
          <cell r="H237" t="str">
            <v>GO-BLG \ BLG</v>
          </cell>
          <cell r="I237"/>
          <cell r="J237" t="str">
            <v>GASGEN</v>
          </cell>
          <cell r="K237" t="str">
            <v>I</v>
          </cell>
          <cell r="L237" t="str">
            <v>BUILDING AND GROUNDS</v>
          </cell>
          <cell r="M237" t="str">
            <v>N</v>
          </cell>
        </row>
        <row r="238">
          <cell r="A238" t="str">
            <v>GASGEN</v>
          </cell>
          <cell r="B238" t="str">
            <v>Gas Capital</v>
          </cell>
          <cell r="C238" t="str">
            <v>Gas</v>
          </cell>
          <cell r="D238" t="str">
            <v>GO-CEX</v>
          </cell>
          <cell r="E238" t="str">
            <v>Gas Operations - CAPEX (Cast Iron Replacement) Projects</v>
          </cell>
          <cell r="F238" t="str">
            <v>INSTMRPL</v>
          </cell>
          <cell r="G238" t="str">
            <v>INSTALL MAJOR CEX REPLACEMENT PROJECT</v>
          </cell>
          <cell r="H238" t="str">
            <v>GO-CEX \ INSTMRPL</v>
          </cell>
          <cell r="I238"/>
          <cell r="J238" t="str">
            <v>GASGEN</v>
          </cell>
          <cell r="K238" t="str">
            <v>I</v>
          </cell>
          <cell r="L238" t="str">
            <v>INSTALL MAJOR CEX REPLACEMENT PROJECT</v>
          </cell>
          <cell r="M238" t="str">
            <v>N</v>
          </cell>
        </row>
        <row r="239">
          <cell r="A239" t="str">
            <v>GASGEN</v>
          </cell>
          <cell r="B239" t="str">
            <v>Gas Capital</v>
          </cell>
          <cell r="C239" t="str">
            <v>Gas</v>
          </cell>
          <cell r="D239" t="str">
            <v>GO-CEX</v>
          </cell>
          <cell r="E239" t="str">
            <v>Gas Operations - CAPEX (Cast Iron Replacement) Projects</v>
          </cell>
          <cell r="F239" t="str">
            <v>INSTMSTI</v>
          </cell>
          <cell r="G239" t="str">
            <v>INSTALL MAJOR CEX STREET IMP. PROJECT</v>
          </cell>
          <cell r="H239" t="str">
            <v>GO-CEX \ INSTMSTI</v>
          </cell>
          <cell r="I239"/>
          <cell r="J239" t="str">
            <v>GASGEN</v>
          </cell>
          <cell r="K239" t="str">
            <v>I</v>
          </cell>
          <cell r="L239" t="str">
            <v>INSTALL MAJOR CEX STREET IMP. PROJECT</v>
          </cell>
          <cell r="M239" t="str">
            <v>N</v>
          </cell>
        </row>
        <row r="240">
          <cell r="A240" t="str">
            <v>GASGEN</v>
          </cell>
          <cell r="B240" t="str">
            <v>Gas Capital</v>
          </cell>
          <cell r="C240" t="str">
            <v>Gas</v>
          </cell>
          <cell r="D240" t="str">
            <v>GO-CEX</v>
          </cell>
          <cell r="E240" t="str">
            <v>Gas Operations - CAPEX (Cast Iron Replacement) Projects</v>
          </cell>
          <cell r="F240" t="str">
            <v>INSTRPL</v>
          </cell>
          <cell r="G240" t="str">
            <v>INSTALL CEX REPLACEMENT PROJECT</v>
          </cell>
          <cell r="H240" t="str">
            <v>GO-CEX \ INSTRPL</v>
          </cell>
          <cell r="I240"/>
          <cell r="J240" t="str">
            <v>GASGEN</v>
          </cell>
          <cell r="K240" t="str">
            <v>I</v>
          </cell>
          <cell r="L240" t="str">
            <v>INSTALL CEX REPLACEMENT PROJECT</v>
          </cell>
          <cell r="M240" t="str">
            <v>N</v>
          </cell>
        </row>
        <row r="241">
          <cell r="A241" t="str">
            <v>GASGEN</v>
          </cell>
          <cell r="B241" t="str">
            <v>Gas Capital</v>
          </cell>
          <cell r="C241" t="str">
            <v>Gas</v>
          </cell>
          <cell r="D241" t="str">
            <v>GO-CEX</v>
          </cell>
          <cell r="E241" t="str">
            <v>Gas Operations - CAPEX (Cast Iron Replacement) Projects</v>
          </cell>
          <cell r="F241" t="str">
            <v>INSTSTI</v>
          </cell>
          <cell r="G241" t="str">
            <v>INSTALL CEX STREET IMPROVEMENT PROJECT</v>
          </cell>
          <cell r="H241" t="str">
            <v>GO-CEX \ INSTSTI</v>
          </cell>
          <cell r="I241"/>
          <cell r="J241" t="str">
            <v>GASGEN</v>
          </cell>
          <cell r="K241" t="str">
            <v>I</v>
          </cell>
          <cell r="L241" t="str">
            <v>INSTALL CEX STREET IMPROVEMENT PROJECT</v>
          </cell>
          <cell r="M241" t="str">
            <v>N</v>
          </cell>
        </row>
        <row r="242">
          <cell r="A242" t="str">
            <v>GASGEN</v>
          </cell>
          <cell r="B242" t="str">
            <v>Gas Capital</v>
          </cell>
          <cell r="C242" t="str">
            <v>Gas</v>
          </cell>
          <cell r="D242" t="str">
            <v>GO-CEX</v>
          </cell>
          <cell r="E242" t="str">
            <v>Gas Operations - CAPEX (Cast Iron Replacement) Projects</v>
          </cell>
          <cell r="F242" t="str">
            <v>REMOVE</v>
          </cell>
          <cell r="G242" t="str">
            <v>REMOVE</v>
          </cell>
          <cell r="H242" t="str">
            <v>GO-CEX \ REMOVE</v>
          </cell>
          <cell r="I242"/>
          <cell r="J242" t="str">
            <v>GASGEN</v>
          </cell>
          <cell r="K242" t="str">
            <v>R</v>
          </cell>
          <cell r="L242" t="str">
            <v>REMOVE</v>
          </cell>
          <cell r="M242" t="str">
            <v>N</v>
          </cell>
        </row>
        <row r="243">
          <cell r="A243" t="str">
            <v>GASGEN</v>
          </cell>
          <cell r="B243" t="str">
            <v>Gas O&amp;M</v>
          </cell>
          <cell r="C243" t="str">
            <v>Gas</v>
          </cell>
          <cell r="D243" t="str">
            <v>GO-DAMAGE</v>
          </cell>
          <cell r="E243" t="str">
            <v>Gas Operations - Third Party Damage</v>
          </cell>
          <cell r="F243" t="str">
            <v>3PDJWO</v>
          </cell>
          <cell r="G243" t="str">
            <v>Third Party Damage - Specific Project (JWO)</v>
          </cell>
          <cell r="H243" t="str">
            <v>GO-DAMAGE \ 3PDJWO</v>
          </cell>
          <cell r="I243"/>
          <cell r="J243" t="str">
            <v>GASGEN</v>
          </cell>
          <cell r="K243" t="str">
            <v>X</v>
          </cell>
          <cell r="L243" t="str">
            <v>Third Party Damage - Specific Project (JWO)</v>
          </cell>
          <cell r="M243" t="str">
            <v>N</v>
          </cell>
        </row>
        <row r="244">
          <cell r="A244" t="str">
            <v>GASGEN</v>
          </cell>
          <cell r="B244" t="str">
            <v>Gas Capital</v>
          </cell>
          <cell r="C244" t="str">
            <v>Gas</v>
          </cell>
          <cell r="D244" t="str">
            <v>GO-ENG</v>
          </cell>
          <cell r="E244" t="str">
            <v>Gas Operations - Engineering Study</v>
          </cell>
          <cell r="F244" t="str">
            <v>ENGSTDY</v>
          </cell>
          <cell r="G244" t="str">
            <v>ENGINEERING STUDY</v>
          </cell>
          <cell r="H244" t="str">
            <v>GO-ENG \ ENGSTDY</v>
          </cell>
          <cell r="I244"/>
          <cell r="J244" t="str">
            <v>GASGEN</v>
          </cell>
          <cell r="K244" t="str">
            <v>I</v>
          </cell>
          <cell r="L244" t="str">
            <v>ENGINEERING STUDY</v>
          </cell>
          <cell r="M244" t="str">
            <v>N</v>
          </cell>
        </row>
        <row r="245">
          <cell r="A245" t="str">
            <v>GASGEN</v>
          </cell>
          <cell r="B245" t="str">
            <v>Gas Capital</v>
          </cell>
          <cell r="C245" t="str">
            <v>Gas</v>
          </cell>
          <cell r="D245" t="str">
            <v>GO-IMP</v>
          </cell>
          <cell r="E245" t="str">
            <v>Gas Operations - Integrity Management</v>
          </cell>
          <cell r="F245" t="str">
            <v>INSTLARPRJ</v>
          </cell>
          <cell r="G245" t="str">
            <v>INSTALL LARGE PROJECT</v>
          </cell>
          <cell r="H245" t="str">
            <v>GO-IMP \ INSTLARPRJ</v>
          </cell>
          <cell r="I245"/>
          <cell r="J245" t="str">
            <v>GASGEN</v>
          </cell>
          <cell r="K245" t="str">
            <v>I</v>
          </cell>
          <cell r="L245" t="str">
            <v>INSTALL LARGE PROJECT</v>
          </cell>
          <cell r="M245" t="str">
            <v>N</v>
          </cell>
        </row>
        <row r="246">
          <cell r="A246" t="str">
            <v>GASGEN</v>
          </cell>
          <cell r="B246" t="str">
            <v>Gas Capital</v>
          </cell>
          <cell r="C246" t="str">
            <v>Gas</v>
          </cell>
          <cell r="D246" t="str">
            <v>GO-IMP</v>
          </cell>
          <cell r="E246" t="str">
            <v>Gas Operations - Integrity Management</v>
          </cell>
          <cell r="F246" t="str">
            <v>INSTPAV</v>
          </cell>
          <cell r="G246" t="str">
            <v>INSTALL IN PAVEMENT</v>
          </cell>
          <cell r="H246" t="str">
            <v>GO-IMP \ INSTPAV</v>
          </cell>
          <cell r="I246"/>
          <cell r="J246" t="str">
            <v>GASGEN</v>
          </cell>
          <cell r="K246" t="str">
            <v>I</v>
          </cell>
          <cell r="L246" t="str">
            <v>INSTALL IN PAVEMENT</v>
          </cell>
          <cell r="M246" t="str">
            <v>N</v>
          </cell>
        </row>
        <row r="247">
          <cell r="A247" t="str">
            <v>GASGEN</v>
          </cell>
          <cell r="B247" t="str">
            <v>Gas Capital</v>
          </cell>
          <cell r="C247" t="str">
            <v>Gas</v>
          </cell>
          <cell r="D247" t="str">
            <v>GO-IMP</v>
          </cell>
          <cell r="E247" t="str">
            <v>Gas Operations - Integrity Management</v>
          </cell>
          <cell r="F247" t="str">
            <v>INSTSOD</v>
          </cell>
          <cell r="G247" t="str">
            <v>INSTALL IN SOD</v>
          </cell>
          <cell r="H247" t="str">
            <v>GO-IMP \ INSTSOD</v>
          </cell>
          <cell r="I247"/>
          <cell r="J247" t="str">
            <v>GASGEN</v>
          </cell>
          <cell r="K247" t="str">
            <v>I</v>
          </cell>
          <cell r="L247" t="str">
            <v>INSTALL IN SOD</v>
          </cell>
          <cell r="M247" t="str">
            <v>N</v>
          </cell>
        </row>
        <row r="248">
          <cell r="A248" t="str">
            <v>GASGEN</v>
          </cell>
          <cell r="B248" t="str">
            <v>Gas Capital</v>
          </cell>
          <cell r="C248" t="str">
            <v>Gas</v>
          </cell>
          <cell r="D248" t="str">
            <v>GO-IMP</v>
          </cell>
          <cell r="E248" t="str">
            <v>Gas Operations - Integrity Management</v>
          </cell>
          <cell r="F248" t="str">
            <v>REMOVE</v>
          </cell>
          <cell r="G248" t="str">
            <v>REMOVE</v>
          </cell>
          <cell r="H248" t="str">
            <v>GO-IMP \ REMOVE</v>
          </cell>
          <cell r="I248"/>
          <cell r="J248" t="str">
            <v>GASGEN</v>
          </cell>
          <cell r="K248" t="str">
            <v>R</v>
          </cell>
          <cell r="L248" t="str">
            <v>REMOVE</v>
          </cell>
          <cell r="M248" t="str">
            <v>N</v>
          </cell>
        </row>
        <row r="249">
          <cell r="A249" t="str">
            <v>GASGEN</v>
          </cell>
          <cell r="B249" t="str">
            <v>Gas Capital</v>
          </cell>
          <cell r="C249" t="str">
            <v>Gas</v>
          </cell>
          <cell r="D249" t="str">
            <v>GO-MEA</v>
          </cell>
          <cell r="E249" t="str">
            <v>Gas Operations - Main Extension/Joint Trench</v>
          </cell>
          <cell r="F249" t="str">
            <v>INSTCUSTD</v>
          </cell>
          <cell r="G249" t="str">
            <v>INSTALL CUSTOMER DIG</v>
          </cell>
          <cell r="H249" t="str">
            <v>GO-MEA \ INSTCUSTD</v>
          </cell>
          <cell r="I249"/>
          <cell r="J249" t="str">
            <v>GASGEN</v>
          </cell>
          <cell r="K249" t="str">
            <v>I</v>
          </cell>
          <cell r="L249" t="str">
            <v>INSTALL CUSTOMER DIG</v>
          </cell>
          <cell r="M249" t="str">
            <v>N</v>
          </cell>
        </row>
        <row r="250">
          <cell r="A250" t="str">
            <v>GASGEN</v>
          </cell>
          <cell r="B250" t="str">
            <v>Gas Capital</v>
          </cell>
          <cell r="C250" t="str">
            <v>Gas</v>
          </cell>
          <cell r="D250" t="str">
            <v>GO-MEA</v>
          </cell>
          <cell r="E250" t="str">
            <v>Gas Operations - Main Extension/Joint Trench</v>
          </cell>
          <cell r="F250" t="str">
            <v>INSTEXSUB</v>
          </cell>
          <cell r="G250" t="str">
            <v>INSTALL GAS ONLY EXISTING SUB.</v>
          </cell>
          <cell r="H250" t="str">
            <v>GO-MEA \ INSTEXSUB</v>
          </cell>
          <cell r="I250"/>
          <cell r="J250" t="str">
            <v>GASGEN</v>
          </cell>
          <cell r="K250" t="str">
            <v>I</v>
          </cell>
          <cell r="L250" t="str">
            <v>INSTALL GAS ONLY EXISTING SUB.</v>
          </cell>
          <cell r="M250" t="str">
            <v>N</v>
          </cell>
        </row>
        <row r="251">
          <cell r="A251" t="str">
            <v>GASGEN</v>
          </cell>
          <cell r="B251" t="str">
            <v>Gas Capital</v>
          </cell>
          <cell r="C251" t="str">
            <v>Gas</v>
          </cell>
          <cell r="D251" t="str">
            <v>GO-MEA</v>
          </cell>
          <cell r="E251" t="str">
            <v>Gas Operations - Main Extension/Joint Trench</v>
          </cell>
          <cell r="F251" t="str">
            <v>INSTGO</v>
          </cell>
          <cell r="G251" t="str">
            <v>INSTALL GAS ONLY APPROACH MAIN - NEW OR EXIST. SUBDIVISION</v>
          </cell>
          <cell r="H251" t="str">
            <v>GO-MEA \ INSTGO</v>
          </cell>
          <cell r="I251"/>
          <cell r="J251" t="str">
            <v>GASGEN</v>
          </cell>
          <cell r="K251" t="str">
            <v>I</v>
          </cell>
          <cell r="L251" t="str">
            <v>INSTALL GAS ONLY APPROACH MAIN - NEW OR EXIST. SUBDIVISION</v>
          </cell>
          <cell r="M251" t="str">
            <v>N</v>
          </cell>
        </row>
        <row r="252">
          <cell r="A252" t="str">
            <v>GASGEN</v>
          </cell>
          <cell r="B252" t="str">
            <v>Gas Capital</v>
          </cell>
          <cell r="C252" t="e">
            <v>#N/A</v>
          </cell>
          <cell r="D252" t="str">
            <v>GO-MEA</v>
          </cell>
          <cell r="E252" t="e">
            <v>#N/A</v>
          </cell>
          <cell r="F252" t="str">
            <v>INSTGOCR</v>
          </cell>
          <cell r="G252" t="e">
            <v>#N/A</v>
          </cell>
          <cell r="H252" t="str">
            <v>GO-MEA \ INSTGOCR</v>
          </cell>
          <cell r="I252"/>
          <cell r="J252" t="str">
            <v>GASGEN</v>
          </cell>
          <cell r="K252" t="str">
            <v>I</v>
          </cell>
          <cell r="L252" t="str">
            <v>INSTALL GAS ONLY APPROACH MAIN COUNTRY ROAD</v>
          </cell>
          <cell r="M252" t="str">
            <v>N</v>
          </cell>
        </row>
        <row r="253">
          <cell r="A253" t="str">
            <v>GASGEN</v>
          </cell>
          <cell r="B253" t="str">
            <v>Gas Capital</v>
          </cell>
          <cell r="C253" t="str">
            <v>Gas</v>
          </cell>
          <cell r="D253" t="str">
            <v>GO-MEA</v>
          </cell>
          <cell r="E253" t="str">
            <v>Gas Operations - Main Extension/Joint Trench</v>
          </cell>
          <cell r="F253" t="str">
            <v>INSTINLET</v>
          </cell>
          <cell r="G253" t="str">
            <v>INSTALL STATION INLET PIPING</v>
          </cell>
          <cell r="H253" t="str">
            <v>GO-MEA \ INSTINLET</v>
          </cell>
          <cell r="I253"/>
          <cell r="J253" t="str">
            <v>GASGEN</v>
          </cell>
          <cell r="K253" t="str">
            <v>I</v>
          </cell>
          <cell r="L253" t="str">
            <v>INSTALL STATION INLET PIPING</v>
          </cell>
          <cell r="M253" t="str">
            <v>N</v>
          </cell>
        </row>
        <row r="254">
          <cell r="A254" t="str">
            <v>GASGEN</v>
          </cell>
          <cell r="B254" t="str">
            <v>Gas Capital</v>
          </cell>
          <cell r="C254" t="str">
            <v>Gas</v>
          </cell>
          <cell r="D254" t="str">
            <v>GO-MEA</v>
          </cell>
          <cell r="E254" t="str">
            <v>Gas Operations - Main Extension/Joint Trench</v>
          </cell>
          <cell r="F254" t="str">
            <v>INSTJT</v>
          </cell>
          <cell r="G254" t="str">
            <v>INSTALL JOINT TRENCH - NEW SUB. DUKE ELEC.</v>
          </cell>
          <cell r="H254" t="str">
            <v>GO-MEA \ INSTJT</v>
          </cell>
          <cell r="I254"/>
          <cell r="J254" t="str">
            <v>GASGEN</v>
          </cell>
          <cell r="K254" t="str">
            <v>I</v>
          </cell>
          <cell r="L254" t="str">
            <v>INSTALL JOINT TRENCH - NEW SUB. DUKE ELEC.</v>
          </cell>
          <cell r="M254" t="str">
            <v>N</v>
          </cell>
        </row>
        <row r="255">
          <cell r="A255" t="str">
            <v>GASGEN</v>
          </cell>
          <cell r="B255" t="str">
            <v>Gas Capital</v>
          </cell>
          <cell r="C255" t="str">
            <v>Gas</v>
          </cell>
          <cell r="D255" t="str">
            <v>GO-MEA</v>
          </cell>
          <cell r="E255" t="str">
            <v>Gas Operations - Main Extension/Joint Trench</v>
          </cell>
          <cell r="F255" t="str">
            <v>INSTJTND</v>
          </cell>
          <cell r="G255" t="str">
            <v>INSTALL JOINT TRENCH - NEW SUB NON DUKE ELEC.</v>
          </cell>
          <cell r="H255" t="str">
            <v>GO-MEA \ INSTJTND</v>
          </cell>
          <cell r="I255"/>
          <cell r="J255" t="str">
            <v>GASGEN</v>
          </cell>
          <cell r="K255" t="str">
            <v>I</v>
          </cell>
          <cell r="L255" t="str">
            <v>INSTALL JOINT TRENCH - NEW SUB NON DUKE ELEC.</v>
          </cell>
          <cell r="M255" t="str">
            <v>N</v>
          </cell>
        </row>
        <row r="256">
          <cell r="A256" t="str">
            <v>GASGEN</v>
          </cell>
          <cell r="B256" t="str">
            <v>Gas Capital</v>
          </cell>
          <cell r="C256" t="str">
            <v>Gas</v>
          </cell>
          <cell r="D256" t="str">
            <v>GO-MEA</v>
          </cell>
          <cell r="E256" t="str">
            <v>Gas Operations - Main Extension/Joint Trench</v>
          </cell>
          <cell r="F256" t="str">
            <v>INSTLARPRJ</v>
          </cell>
          <cell r="G256" t="str">
            <v>INSTALL LARGE PROJECT</v>
          </cell>
          <cell r="H256" t="str">
            <v>GO-MEA \ INSTLARPRJ</v>
          </cell>
          <cell r="I256"/>
          <cell r="J256" t="str">
            <v>GASGEN</v>
          </cell>
          <cell r="K256" t="str">
            <v>I</v>
          </cell>
          <cell r="L256" t="str">
            <v>INSTALL LARGE PROJECT</v>
          </cell>
          <cell r="M256" t="str">
            <v>N</v>
          </cell>
        </row>
        <row r="257">
          <cell r="A257" t="str">
            <v>GASGEN</v>
          </cell>
          <cell r="B257" t="str">
            <v>Gas Capital</v>
          </cell>
          <cell r="C257" t="str">
            <v>Gas</v>
          </cell>
          <cell r="D257" t="str">
            <v>GO-MEA</v>
          </cell>
          <cell r="E257" t="str">
            <v>Gas Operations - Main Extension/Joint Trench</v>
          </cell>
          <cell r="F257" t="str">
            <v>INSTOUTLET</v>
          </cell>
          <cell r="G257" t="str">
            <v>INSTALL STATION OUTLET PIPING</v>
          </cell>
          <cell r="H257" t="str">
            <v>GO-MEA \ INSTOUTLET</v>
          </cell>
          <cell r="I257"/>
          <cell r="J257" t="str">
            <v>GASGEN</v>
          </cell>
          <cell r="K257" t="str">
            <v>I</v>
          </cell>
          <cell r="L257" t="str">
            <v>INSTALL STATION OUTLET PIPING</v>
          </cell>
          <cell r="M257" t="str">
            <v>N</v>
          </cell>
        </row>
        <row r="258">
          <cell r="A258" t="str">
            <v>GASGEN</v>
          </cell>
          <cell r="B258" t="str">
            <v>Gas Capital</v>
          </cell>
          <cell r="C258" t="str">
            <v>Gas</v>
          </cell>
          <cell r="D258" t="str">
            <v>GO-MEA</v>
          </cell>
          <cell r="E258" t="str">
            <v>Gas Operations - Main Extension/Joint Trench</v>
          </cell>
          <cell r="F258" t="str">
            <v>REMOVE</v>
          </cell>
          <cell r="G258" t="str">
            <v>REMOVE</v>
          </cell>
          <cell r="H258" t="str">
            <v>GO-MEA \ REMOVE</v>
          </cell>
          <cell r="I258"/>
          <cell r="J258" t="str">
            <v>GASGEN</v>
          </cell>
          <cell r="K258" t="str">
            <v>R</v>
          </cell>
          <cell r="L258" t="str">
            <v>REMOVE</v>
          </cell>
          <cell r="M258" t="str">
            <v>N</v>
          </cell>
        </row>
        <row r="259">
          <cell r="A259" t="str">
            <v>GASGEN</v>
          </cell>
          <cell r="B259" t="str">
            <v>Gas Capital</v>
          </cell>
          <cell r="C259" t="str">
            <v>Gas</v>
          </cell>
          <cell r="D259" t="str">
            <v>GO-MISC</v>
          </cell>
          <cell r="E259" t="str">
            <v>Gas Operations - Miscellaneous</v>
          </cell>
          <cell r="F259" t="str">
            <v>MISC</v>
          </cell>
          <cell r="G259" t="str">
            <v>MISCELLANEOUS</v>
          </cell>
          <cell r="H259" t="str">
            <v>GO-MISC \ MISC</v>
          </cell>
          <cell r="I259"/>
          <cell r="J259" t="str">
            <v>GASGEN</v>
          </cell>
          <cell r="K259" t="str">
            <v>I</v>
          </cell>
          <cell r="L259" t="str">
            <v>MISCELLANEOUS</v>
          </cell>
          <cell r="M259" t="str">
            <v>N</v>
          </cell>
        </row>
        <row r="260">
          <cell r="A260" t="str">
            <v>GASGEN</v>
          </cell>
          <cell r="B260" t="str">
            <v>Gas Capital</v>
          </cell>
          <cell r="C260" t="str">
            <v>Gas</v>
          </cell>
          <cell r="D260" t="str">
            <v>GO-PRI</v>
          </cell>
          <cell r="E260" t="str">
            <v>Gas Operations - Pressure Improvement</v>
          </cell>
          <cell r="F260" t="str">
            <v>INSTLARPRJ</v>
          </cell>
          <cell r="G260" t="str">
            <v>INSTALL LARGE PROJECT</v>
          </cell>
          <cell r="H260" t="str">
            <v>GO-PRI \ INSTLARPRJ</v>
          </cell>
          <cell r="I260"/>
          <cell r="J260" t="str">
            <v>GASGEN</v>
          </cell>
          <cell r="K260" t="str">
            <v>I</v>
          </cell>
          <cell r="L260" t="str">
            <v>INSTALL LARGE PROJECT</v>
          </cell>
          <cell r="M260" t="str">
            <v>N</v>
          </cell>
        </row>
        <row r="261">
          <cell r="A261" t="str">
            <v>GASGEN</v>
          </cell>
          <cell r="B261" t="str">
            <v>Gas Capital</v>
          </cell>
          <cell r="C261" t="str">
            <v>Gas</v>
          </cell>
          <cell r="D261" t="str">
            <v>GO-PRI</v>
          </cell>
          <cell r="E261" t="str">
            <v>Gas Operations - Pressure Improvement</v>
          </cell>
          <cell r="F261" t="str">
            <v>INSTPRI</v>
          </cell>
          <cell r="G261" t="str">
            <v>INSTALL PRI PROJECT</v>
          </cell>
          <cell r="H261" t="str">
            <v>GO-PRI \ INSTPRI</v>
          </cell>
          <cell r="I261"/>
          <cell r="J261" t="str">
            <v>GASGEN</v>
          </cell>
          <cell r="K261" t="str">
            <v>I</v>
          </cell>
          <cell r="L261" t="str">
            <v>INSTALL PRI PROJECT</v>
          </cell>
          <cell r="M261" t="str">
            <v>N</v>
          </cell>
        </row>
        <row r="262">
          <cell r="A262" t="str">
            <v>GASGEN</v>
          </cell>
          <cell r="B262" t="str">
            <v>Gas Capital</v>
          </cell>
          <cell r="C262" t="str">
            <v>Gas</v>
          </cell>
          <cell r="D262" t="str">
            <v>GO-PRI</v>
          </cell>
          <cell r="E262" t="str">
            <v>Gas Operations - Pressure Improvement</v>
          </cell>
          <cell r="F262" t="str">
            <v>REMOVE</v>
          </cell>
          <cell r="G262" t="str">
            <v>REMOVE</v>
          </cell>
          <cell r="H262" t="str">
            <v>GO-PRI \ REMOVE</v>
          </cell>
          <cell r="I262"/>
          <cell r="J262" t="str">
            <v>GASGEN</v>
          </cell>
          <cell r="K262" t="str">
            <v>R</v>
          </cell>
          <cell r="L262" t="str">
            <v>REMOVE</v>
          </cell>
          <cell r="M262" t="str">
            <v>N</v>
          </cell>
        </row>
        <row r="263">
          <cell r="A263" t="str">
            <v>GASGEN</v>
          </cell>
          <cell r="B263" t="str">
            <v>Gas Capital</v>
          </cell>
          <cell r="C263" t="str">
            <v>Gas</v>
          </cell>
          <cell r="D263" t="str">
            <v>GO-PROPLANT</v>
          </cell>
          <cell r="E263" t="str">
            <v>Gas Operations - Propane Plant, Capital work</v>
          </cell>
          <cell r="F263" t="str">
            <v>INSTALLEQ</v>
          </cell>
          <cell r="G263" t="str">
            <v>INSTALL EQUIPMENT</v>
          </cell>
          <cell r="H263" t="str">
            <v>GO-PROPLANT \ INSTALLEQ</v>
          </cell>
          <cell r="I263"/>
          <cell r="J263" t="str">
            <v>GASGEN</v>
          </cell>
          <cell r="K263" t="str">
            <v>I</v>
          </cell>
          <cell r="L263" t="str">
            <v>INSTALL EQUIPMENT</v>
          </cell>
          <cell r="M263" t="str">
            <v>N</v>
          </cell>
        </row>
        <row r="264">
          <cell r="A264" t="str">
            <v>GASGEN</v>
          </cell>
          <cell r="B264" t="str">
            <v>Gas Capital</v>
          </cell>
          <cell r="C264" t="str">
            <v>Gas</v>
          </cell>
          <cell r="D264" t="str">
            <v>GO-PROPLANT</v>
          </cell>
          <cell r="E264" t="str">
            <v>Gas Operations - Propane Plant, Capital work</v>
          </cell>
          <cell r="F264" t="str">
            <v>PURCHASEEQ</v>
          </cell>
          <cell r="G264" t="str">
            <v>PURCHASE EQUIPMENT</v>
          </cell>
          <cell r="H264" t="str">
            <v>GO-PROPLANT \ PURCHASEEQ</v>
          </cell>
          <cell r="I264"/>
          <cell r="J264" t="str">
            <v>GASGEN</v>
          </cell>
          <cell r="K264" t="str">
            <v>I</v>
          </cell>
          <cell r="L264" t="str">
            <v>PURCHASE EQUIPMENT</v>
          </cell>
          <cell r="M264" t="str">
            <v>N</v>
          </cell>
        </row>
        <row r="265">
          <cell r="A265" t="str">
            <v>GASGEN</v>
          </cell>
          <cell r="B265" t="str">
            <v>Gas Capital</v>
          </cell>
          <cell r="C265" t="str">
            <v>Gas</v>
          </cell>
          <cell r="D265" t="str">
            <v>GO-PROPLANT</v>
          </cell>
          <cell r="E265" t="str">
            <v>Gas Operations - Propane Plant, Capital work</v>
          </cell>
          <cell r="F265" t="str">
            <v>REMOVE</v>
          </cell>
          <cell r="G265" t="str">
            <v>REMOVE</v>
          </cell>
          <cell r="H265" t="str">
            <v>GO-PROPLANT \ REMOVE</v>
          </cell>
          <cell r="I265"/>
          <cell r="J265" t="str">
            <v>GASGEN</v>
          </cell>
          <cell r="K265" t="str">
            <v>R</v>
          </cell>
          <cell r="L265" t="str">
            <v>REMOVE</v>
          </cell>
          <cell r="M265" t="str">
            <v>N</v>
          </cell>
        </row>
        <row r="266">
          <cell r="A266" t="str">
            <v>GASGEN</v>
          </cell>
          <cell r="B266" t="str">
            <v>Gas Capital</v>
          </cell>
          <cell r="C266" t="str">
            <v>Gas</v>
          </cell>
          <cell r="D266" t="str">
            <v>GO-R/W</v>
          </cell>
          <cell r="E266" t="str">
            <v>Gas Operations - Right Of Way</v>
          </cell>
          <cell r="F266" t="str">
            <v>INVESTIGATE</v>
          </cell>
          <cell r="G266" t="str">
            <v>INVESTIGATE RIGHT OF WAY</v>
          </cell>
          <cell r="H266" t="str">
            <v>GO-R/W \ INVESTIGATE</v>
          </cell>
          <cell r="I266"/>
          <cell r="J266" t="str">
            <v>GASGEN</v>
          </cell>
          <cell r="K266" t="str">
            <v>I</v>
          </cell>
          <cell r="L266" t="str">
            <v>INVESTIGATE RIGHT OF WAY</v>
          </cell>
          <cell r="M266" t="str">
            <v>N</v>
          </cell>
        </row>
        <row r="267">
          <cell r="A267" t="str">
            <v>GASGEN</v>
          </cell>
          <cell r="B267" t="str">
            <v>Gas Capital</v>
          </cell>
          <cell r="C267" t="str">
            <v>Gas</v>
          </cell>
          <cell r="D267" t="str">
            <v>GO-R/W</v>
          </cell>
          <cell r="E267" t="str">
            <v>Gas Operations - Right Of Way</v>
          </cell>
          <cell r="F267" t="str">
            <v>PURCHASE</v>
          </cell>
          <cell r="G267" t="str">
            <v>PURCHASE</v>
          </cell>
          <cell r="H267" t="str">
            <v>GO-R/W \ PURCHASE</v>
          </cell>
          <cell r="I267"/>
          <cell r="J267" t="str">
            <v>GASGEN</v>
          </cell>
          <cell r="K267" t="str">
            <v>I</v>
          </cell>
          <cell r="L267" t="str">
            <v>PURCHASE</v>
          </cell>
          <cell r="M267" t="str">
            <v>N</v>
          </cell>
        </row>
        <row r="268">
          <cell r="A268" t="str">
            <v>GASGEN</v>
          </cell>
          <cell r="B268" t="str">
            <v>Gas Capital</v>
          </cell>
          <cell r="C268" t="e">
            <v>#N/A</v>
          </cell>
          <cell r="D268" t="str">
            <v>GO-RESTOR</v>
          </cell>
          <cell r="E268" t="e">
            <v>#N/A</v>
          </cell>
          <cell r="F268" t="str">
            <v>RESTORAT</v>
          </cell>
          <cell r="G268" t="e">
            <v>#N/A</v>
          </cell>
          <cell r="H268" t="str">
            <v>GO-RESTOR \ RESTORAT</v>
          </cell>
          <cell r="I268"/>
          <cell r="J268" t="str">
            <v>GASGEN</v>
          </cell>
          <cell r="K268" t="str">
            <v>I</v>
          </cell>
          <cell r="L268" t="str">
            <v>GAS RESTORATION</v>
          </cell>
          <cell r="M268" t="str">
            <v>N</v>
          </cell>
        </row>
        <row r="269">
          <cell r="A269" t="str">
            <v>GASGEN</v>
          </cell>
          <cell r="B269" t="str">
            <v>Gas Capital</v>
          </cell>
          <cell r="C269" t="str">
            <v>Gas</v>
          </cell>
          <cell r="D269" t="str">
            <v>GO-RPL</v>
          </cell>
          <cell r="E269" t="str">
            <v>Gas Operations - Gas Main Replacement</v>
          </cell>
          <cell r="F269" t="str">
            <v>INSTLARPRJ</v>
          </cell>
          <cell r="G269" t="str">
            <v>INSTALL LARGE PROJECT</v>
          </cell>
          <cell r="H269" t="str">
            <v>GO-RPL \ INSTLARPRJ</v>
          </cell>
          <cell r="I269"/>
          <cell r="J269" t="str">
            <v>GASGEN</v>
          </cell>
          <cell r="K269" t="str">
            <v>I</v>
          </cell>
          <cell r="L269" t="str">
            <v>INSTALL LARGE PROJECT</v>
          </cell>
          <cell r="M269" t="str">
            <v>N</v>
          </cell>
        </row>
        <row r="270">
          <cell r="A270" t="str">
            <v>GASGEN</v>
          </cell>
          <cell r="B270" t="str">
            <v>Gas Capital</v>
          </cell>
          <cell r="C270" t="str">
            <v>Gas</v>
          </cell>
          <cell r="D270" t="str">
            <v>GO-RPL</v>
          </cell>
          <cell r="E270" t="str">
            <v>Gas Operations - Gas Main Replacement</v>
          </cell>
          <cell r="F270" t="str">
            <v>INSTPAV</v>
          </cell>
          <cell r="G270" t="str">
            <v>INSTALL IN PAVEMENT</v>
          </cell>
          <cell r="H270" t="str">
            <v>GO-RPL \ INSTPAV</v>
          </cell>
          <cell r="I270"/>
          <cell r="J270" t="str">
            <v>GASGEN</v>
          </cell>
          <cell r="K270" t="str">
            <v>I</v>
          </cell>
          <cell r="L270" t="str">
            <v>INSTALL IN PAVEMENT</v>
          </cell>
          <cell r="M270" t="str">
            <v>N</v>
          </cell>
        </row>
        <row r="271">
          <cell r="A271" t="str">
            <v>GASGEN</v>
          </cell>
          <cell r="B271" t="str">
            <v>Gas Capital</v>
          </cell>
          <cell r="C271" t="str">
            <v>Gas</v>
          </cell>
          <cell r="D271" t="str">
            <v>GO-RPL</v>
          </cell>
          <cell r="E271" t="str">
            <v>Gas Operations - Gas Main Replacement</v>
          </cell>
          <cell r="F271" t="str">
            <v>INSTSOD</v>
          </cell>
          <cell r="G271" t="str">
            <v>INSTALL IN SOD</v>
          </cell>
          <cell r="H271" t="str">
            <v>GO-RPL \ INSTSOD</v>
          </cell>
          <cell r="I271"/>
          <cell r="J271" t="str">
            <v>GASGEN</v>
          </cell>
          <cell r="K271" t="str">
            <v>I</v>
          </cell>
          <cell r="L271" t="str">
            <v>INSTALL IN SOD</v>
          </cell>
          <cell r="M271" t="str">
            <v>N</v>
          </cell>
        </row>
        <row r="272">
          <cell r="A272" t="str">
            <v>GASGEN</v>
          </cell>
          <cell r="B272" t="str">
            <v>Gas Capital</v>
          </cell>
          <cell r="C272" t="str">
            <v>Gas</v>
          </cell>
          <cell r="D272" t="str">
            <v>GO-RPL</v>
          </cell>
          <cell r="E272" t="str">
            <v>Gas Operations - Gas Main Replacement</v>
          </cell>
          <cell r="F272" t="str">
            <v>REMOVE</v>
          </cell>
          <cell r="G272" t="str">
            <v>REMOVE</v>
          </cell>
          <cell r="H272" t="str">
            <v>GO-RPL \ REMOVE</v>
          </cell>
          <cell r="I272"/>
          <cell r="J272" t="str">
            <v>GASGEN</v>
          </cell>
          <cell r="K272" t="str">
            <v>R</v>
          </cell>
          <cell r="L272" t="str">
            <v>REMOVE</v>
          </cell>
          <cell r="M272" t="str">
            <v>N</v>
          </cell>
        </row>
        <row r="273">
          <cell r="A273" t="str">
            <v>GASGEN</v>
          </cell>
          <cell r="B273" t="str">
            <v>Gas Capital</v>
          </cell>
          <cell r="C273" t="str">
            <v>Gas</v>
          </cell>
          <cell r="D273" t="str">
            <v>GO-SCADA</v>
          </cell>
          <cell r="E273" t="str">
            <v>Gas Operations - SCADA System</v>
          </cell>
          <cell r="F273" t="str">
            <v>INSTALLEQ</v>
          </cell>
          <cell r="G273" t="str">
            <v>INSTALL EQUIPMENT</v>
          </cell>
          <cell r="H273" t="str">
            <v>GO-SCADA \ INSTALLEQ</v>
          </cell>
          <cell r="I273"/>
          <cell r="J273" t="str">
            <v>GASGEN</v>
          </cell>
          <cell r="K273" t="str">
            <v>I</v>
          </cell>
          <cell r="L273" t="str">
            <v>INSTALL EQUIPMENT</v>
          </cell>
          <cell r="M273" t="str">
            <v>N</v>
          </cell>
        </row>
        <row r="274">
          <cell r="A274" t="str">
            <v>GASGEN</v>
          </cell>
          <cell r="B274" t="str">
            <v>Gas Capital</v>
          </cell>
          <cell r="C274" t="str">
            <v>Gas</v>
          </cell>
          <cell r="D274" t="str">
            <v>GO-SCADA</v>
          </cell>
          <cell r="E274" t="str">
            <v>Gas Operations - SCADA System</v>
          </cell>
          <cell r="F274" t="str">
            <v>PURCHASEEQ</v>
          </cell>
          <cell r="G274" t="str">
            <v>PURCHASE EQUIPMENT</v>
          </cell>
          <cell r="H274" t="str">
            <v>GO-SCADA \ PURCHASEEQ</v>
          </cell>
          <cell r="I274"/>
          <cell r="J274" t="str">
            <v>GASGEN</v>
          </cell>
          <cell r="K274" t="str">
            <v>I</v>
          </cell>
          <cell r="L274" t="str">
            <v>PURCHASE EQUIPMENT</v>
          </cell>
          <cell r="M274" t="str">
            <v>N</v>
          </cell>
        </row>
        <row r="275">
          <cell r="A275" t="str">
            <v>GASGEN</v>
          </cell>
          <cell r="B275" t="str">
            <v>Gas Capital</v>
          </cell>
          <cell r="C275" t="str">
            <v>Gas</v>
          </cell>
          <cell r="D275" t="str">
            <v>GO-SCADA</v>
          </cell>
          <cell r="E275" t="str">
            <v>Gas Operations - SCADA System</v>
          </cell>
          <cell r="F275" t="str">
            <v>REMOVE</v>
          </cell>
          <cell r="G275" t="str">
            <v>REMOVE</v>
          </cell>
          <cell r="H275" t="str">
            <v>GO-SCADA \ REMOVE</v>
          </cell>
          <cell r="I275"/>
          <cell r="J275" t="str">
            <v>GASGEN</v>
          </cell>
          <cell r="K275" t="str">
            <v>R</v>
          </cell>
          <cell r="L275" t="str">
            <v>REMOVE</v>
          </cell>
          <cell r="M275" t="str">
            <v>N</v>
          </cell>
        </row>
        <row r="276">
          <cell r="A276" t="str">
            <v>GASGEN</v>
          </cell>
          <cell r="B276" t="str">
            <v>Gas Capital</v>
          </cell>
          <cell r="C276" t="str">
            <v>Gas</v>
          </cell>
          <cell r="D276" t="str">
            <v>GO-SERVICEKY</v>
          </cell>
          <cell r="E276" t="str">
            <v>Gas Operations - Service Work - KY</v>
          </cell>
          <cell r="F276" t="str">
            <v>C-MNEWLRGP</v>
          </cell>
          <cell r="G276" t="str">
            <v>INSTALL NEW C-M SERVICE LARGE PROJECT</v>
          </cell>
          <cell r="H276" t="str">
            <v>GO-SERVICEKY \ C-MNEWLRGP</v>
          </cell>
          <cell r="I276"/>
          <cell r="J276" t="str">
            <v>GASGEN</v>
          </cell>
          <cell r="K276" t="str">
            <v>I</v>
          </cell>
          <cell r="L276" t="str">
            <v>INSTALL NEW C-M SERVICE LARGE PROJECT</v>
          </cell>
          <cell r="M276" t="str">
            <v>N</v>
          </cell>
        </row>
        <row r="277">
          <cell r="A277" t="str">
            <v>GASGEN</v>
          </cell>
          <cell r="B277" t="str">
            <v>Gas Capital</v>
          </cell>
          <cell r="C277" t="str">
            <v>Gas</v>
          </cell>
          <cell r="D277" t="str">
            <v>GO-SERVICEKY</v>
          </cell>
          <cell r="E277" t="str">
            <v>Gas Operations - Service Work - KY</v>
          </cell>
          <cell r="F277" t="str">
            <v>C-MRPLLRGP</v>
          </cell>
          <cell r="G277" t="str">
            <v>INSTALL C-M SERV. FOR RPL, STI, OR PRI PROJECT LARGE PROJECT</v>
          </cell>
          <cell r="H277" t="str">
            <v>GO-SERVICEKY \ C-MRPLLRGP</v>
          </cell>
          <cell r="I277"/>
          <cell r="J277" t="str">
            <v>GASGEN</v>
          </cell>
          <cell r="K277" t="str">
            <v>I</v>
          </cell>
          <cell r="L277" t="str">
            <v>INSTALL C-M SERV. FOR RPL, STI, OR PRI PROJECT LARGE PROJECT</v>
          </cell>
          <cell r="M277" t="str">
            <v>N</v>
          </cell>
        </row>
        <row r="278">
          <cell r="A278" t="str">
            <v>GASGEN</v>
          </cell>
          <cell r="B278" t="str">
            <v>Gas Capital</v>
          </cell>
          <cell r="C278" t="str">
            <v>Gas</v>
          </cell>
          <cell r="D278" t="str">
            <v>GO-SERVICEKY</v>
          </cell>
          <cell r="E278" t="str">
            <v>Gas Operations - Service Work - KY</v>
          </cell>
          <cell r="F278" t="str">
            <v>M-CNEWLRGP</v>
          </cell>
          <cell r="G278" t="str">
            <v>INSTALL NEW M-C SERVICE LARGE PROJECT</v>
          </cell>
          <cell r="H278" t="str">
            <v>GO-SERVICEKY \ M-CNEWLRGP</v>
          </cell>
          <cell r="I278"/>
          <cell r="J278" t="str">
            <v>GASGEN</v>
          </cell>
          <cell r="K278" t="str">
            <v>I</v>
          </cell>
          <cell r="L278" t="str">
            <v>INSTALL NEW M-C SERVICE LARGE PROJECT</v>
          </cell>
          <cell r="M278" t="str">
            <v>N</v>
          </cell>
        </row>
        <row r="279">
          <cell r="A279" t="str">
            <v>GASGEN</v>
          </cell>
          <cell r="B279" t="str">
            <v>Gas Capital</v>
          </cell>
          <cell r="C279" t="str">
            <v>Gas</v>
          </cell>
          <cell r="D279" t="str">
            <v>GO-SERVICEKY</v>
          </cell>
          <cell r="E279" t="str">
            <v>Gas Operations - Service Work - KY</v>
          </cell>
          <cell r="F279" t="str">
            <v>M-CRPLLRGP</v>
          </cell>
          <cell r="G279" t="str">
            <v>INSTALL M-C SERV. FOR RPL, STI, OR PRI PROJECT LARGE PROJECT</v>
          </cell>
          <cell r="H279" t="str">
            <v>GO-SERVICEKY \ M-CRPLLRGP</v>
          </cell>
          <cell r="I279"/>
          <cell r="J279" t="str">
            <v>GASGEN</v>
          </cell>
          <cell r="K279" t="str">
            <v>I</v>
          </cell>
          <cell r="L279" t="str">
            <v>INSTALL M-C SERV. FOR RPL, STI, OR PRI PROJECT LARGE PROJECT</v>
          </cell>
          <cell r="M279" t="str">
            <v>N</v>
          </cell>
        </row>
        <row r="280">
          <cell r="A280" t="str">
            <v>GASGEN</v>
          </cell>
          <cell r="B280" t="str">
            <v>Gas Capital</v>
          </cell>
          <cell r="C280" t="str">
            <v>Gas</v>
          </cell>
          <cell r="D280" t="str">
            <v>GO-SERVICEKY</v>
          </cell>
          <cell r="E280" t="str">
            <v>Gas Operations - Service Work - KY</v>
          </cell>
          <cell r="F280" t="str">
            <v>REMOVE</v>
          </cell>
          <cell r="G280" t="str">
            <v>REMOVE</v>
          </cell>
          <cell r="H280" t="str">
            <v>GO-SERVICEKY \ REMOVE</v>
          </cell>
          <cell r="I280"/>
          <cell r="J280" t="str">
            <v>GASGEN</v>
          </cell>
          <cell r="K280" t="str">
            <v>R</v>
          </cell>
          <cell r="L280" t="str">
            <v>REMOVE</v>
          </cell>
          <cell r="M280" t="str">
            <v>N</v>
          </cell>
        </row>
        <row r="281">
          <cell r="A281" t="str">
            <v>GASGEN</v>
          </cell>
          <cell r="B281" t="str">
            <v>Gas Capital</v>
          </cell>
          <cell r="C281" t="str">
            <v>Gas</v>
          </cell>
          <cell r="D281" t="str">
            <v>GO-SERVICEOH</v>
          </cell>
          <cell r="E281" t="str">
            <v>Gas Operations - Service Work - OH</v>
          </cell>
          <cell r="F281" t="str">
            <v>C-MNEWLRGP</v>
          </cell>
          <cell r="G281" t="str">
            <v>INSTALL NEW C-M SERVICE LARGE PROJECT</v>
          </cell>
          <cell r="H281" t="str">
            <v>GO-SERVICEOH \ C-MNEWLRGP</v>
          </cell>
          <cell r="I281"/>
          <cell r="J281" t="str">
            <v>GASGEN</v>
          </cell>
          <cell r="K281" t="str">
            <v>I</v>
          </cell>
          <cell r="L281" t="str">
            <v>INSTALL NEW C-M SERVICE LARGE PROJECT</v>
          </cell>
          <cell r="M281" t="str">
            <v>N</v>
          </cell>
        </row>
        <row r="282">
          <cell r="A282" t="str">
            <v>GASGEN</v>
          </cell>
          <cell r="B282" t="str">
            <v>Gas Capital</v>
          </cell>
          <cell r="C282" t="str">
            <v>Gas</v>
          </cell>
          <cell r="D282" t="str">
            <v>GO-SERVICEOH</v>
          </cell>
          <cell r="E282" t="str">
            <v>Gas Operations - Service Work - OH</v>
          </cell>
          <cell r="F282" t="str">
            <v>C-MRPLLRGP</v>
          </cell>
          <cell r="G282" t="str">
            <v>INSTALL C-M SERV. FOR RPL, STI, OR PRI PROJECT LARGE PROJECT</v>
          </cell>
          <cell r="H282" t="str">
            <v>GO-SERVICEOH \ C-MRPLLRGP</v>
          </cell>
          <cell r="I282"/>
          <cell r="J282" t="str">
            <v>GASGEN</v>
          </cell>
          <cell r="K282" t="str">
            <v>I</v>
          </cell>
          <cell r="L282" t="str">
            <v>INSTALL C-M SERV. FOR RPL, STI, OR PRI PROJECT LARGE PROJECT</v>
          </cell>
          <cell r="M282" t="str">
            <v>N</v>
          </cell>
        </row>
        <row r="283">
          <cell r="A283" t="str">
            <v>GASGEN</v>
          </cell>
          <cell r="B283" t="str">
            <v>Gas Capital</v>
          </cell>
          <cell r="C283" t="str">
            <v>Gas</v>
          </cell>
          <cell r="D283" t="str">
            <v>GO-SERVICEOH</v>
          </cell>
          <cell r="E283" t="str">
            <v>Gas Operations - Service Work - OH</v>
          </cell>
          <cell r="F283" t="str">
            <v>M-CNEWLRGP</v>
          </cell>
          <cell r="G283" t="str">
            <v>INSTALL NEW M-C SERVICE LARGE PROJECT</v>
          </cell>
          <cell r="H283" t="str">
            <v>GO-SERVICEOH \ M-CNEWLRGP</v>
          </cell>
          <cell r="I283"/>
          <cell r="J283" t="str">
            <v>GASGEN</v>
          </cell>
          <cell r="K283" t="str">
            <v>I</v>
          </cell>
          <cell r="L283" t="str">
            <v>INSTALL NEW M-C SERVICE LARGE PROJECT</v>
          </cell>
          <cell r="M283" t="str">
            <v>N</v>
          </cell>
        </row>
        <row r="284">
          <cell r="A284" t="str">
            <v>GASGEN</v>
          </cell>
          <cell r="B284" t="str">
            <v>Gas Capital</v>
          </cell>
          <cell r="C284" t="str">
            <v>Gas</v>
          </cell>
          <cell r="D284" t="str">
            <v>GO-SERVICEOH</v>
          </cell>
          <cell r="E284" t="str">
            <v>Gas Operations - Service Work - OH</v>
          </cell>
          <cell r="F284" t="str">
            <v>M-CRPLLRGP</v>
          </cell>
          <cell r="G284" t="str">
            <v>INSTALL M-C SERV. FOR RPL, STI, OR PRI PROJECT LARGE PROJECT</v>
          </cell>
          <cell r="H284" t="str">
            <v>GO-SERVICEOH \ M-CRPLLRGP</v>
          </cell>
          <cell r="I284"/>
          <cell r="J284" t="str">
            <v>GASGEN</v>
          </cell>
          <cell r="K284" t="str">
            <v>I</v>
          </cell>
          <cell r="L284" t="str">
            <v>INSTALL M-C SERV. FOR RPL, STI, OR PRI PROJECT LARGE PROJECT</v>
          </cell>
          <cell r="M284" t="str">
            <v>N</v>
          </cell>
        </row>
        <row r="285">
          <cell r="A285" t="str">
            <v>GASGEN</v>
          </cell>
          <cell r="B285" t="str">
            <v>Gas Capital</v>
          </cell>
          <cell r="C285" t="str">
            <v>Gas</v>
          </cell>
          <cell r="D285" t="str">
            <v>GO-SERVICEOH</v>
          </cell>
          <cell r="E285" t="str">
            <v>Gas Operations - Service Work - OH</v>
          </cell>
          <cell r="F285" t="str">
            <v>REMOVE</v>
          </cell>
          <cell r="G285" t="str">
            <v>REMOVE</v>
          </cell>
          <cell r="H285" t="str">
            <v>GO-SERVICEOH \ REMOVE</v>
          </cell>
          <cell r="I285"/>
          <cell r="J285" t="str">
            <v>GASGEN</v>
          </cell>
          <cell r="K285" t="str">
            <v>R</v>
          </cell>
          <cell r="L285" t="str">
            <v>REMOVE</v>
          </cell>
          <cell r="M285" t="str">
            <v>N</v>
          </cell>
        </row>
        <row r="286">
          <cell r="A286" t="str">
            <v>GASGEN</v>
          </cell>
          <cell r="B286" t="str">
            <v>Gas Capital</v>
          </cell>
          <cell r="C286" t="str">
            <v>Gas</v>
          </cell>
          <cell r="D286" t="str">
            <v>GO-STAREG</v>
          </cell>
          <cell r="E286" t="str">
            <v>Gas Operations - Station Regulator</v>
          </cell>
          <cell r="F286" t="str">
            <v>INSTALL</v>
          </cell>
          <cell r="G286" t="str">
            <v>INSTALL</v>
          </cell>
          <cell r="H286" t="str">
            <v>GO-STAREG \ INSTALL</v>
          </cell>
          <cell r="I286"/>
          <cell r="J286" t="str">
            <v>GASGEN</v>
          </cell>
          <cell r="K286" t="str">
            <v>I</v>
          </cell>
          <cell r="L286" t="str">
            <v>INSTALL</v>
          </cell>
          <cell r="M286" t="str">
            <v>N</v>
          </cell>
        </row>
        <row r="287">
          <cell r="A287" t="str">
            <v>GASGEN</v>
          </cell>
          <cell r="B287" t="str">
            <v>Gas Capital</v>
          </cell>
          <cell r="C287" t="str">
            <v>Gas</v>
          </cell>
          <cell r="D287" t="str">
            <v>GO-STAREG</v>
          </cell>
          <cell r="E287" t="str">
            <v>Gas Operations - Station Regulator</v>
          </cell>
          <cell r="F287" t="str">
            <v>REMOVE</v>
          </cell>
          <cell r="G287" t="str">
            <v>REMOVE</v>
          </cell>
          <cell r="H287" t="str">
            <v>GO-STAREG \ REMOVE</v>
          </cell>
          <cell r="I287"/>
          <cell r="J287" t="str">
            <v>GASGEN</v>
          </cell>
          <cell r="K287" t="str">
            <v>R</v>
          </cell>
          <cell r="L287" t="str">
            <v>REMOVE</v>
          </cell>
          <cell r="M287" t="str">
            <v>N</v>
          </cell>
        </row>
        <row r="288">
          <cell r="A288" t="str">
            <v>GASGEN</v>
          </cell>
          <cell r="B288" t="str">
            <v>Gas Capital</v>
          </cell>
          <cell r="C288" t="str">
            <v>Gas</v>
          </cell>
          <cell r="D288" t="str">
            <v>GO-STAREGNB</v>
          </cell>
          <cell r="E288" t="str">
            <v>Gas Operations - Station Regulator New Business</v>
          </cell>
          <cell r="F288" t="str">
            <v>INSTALL</v>
          </cell>
          <cell r="G288" t="str">
            <v>INSTALL</v>
          </cell>
          <cell r="H288" t="str">
            <v>GO-STAREGNB \ INSTALL</v>
          </cell>
          <cell r="I288"/>
          <cell r="J288" t="str">
            <v>GASGEN</v>
          </cell>
          <cell r="K288" t="str">
            <v>I</v>
          </cell>
          <cell r="L288" t="str">
            <v>INSTALL</v>
          </cell>
          <cell r="M288" t="str">
            <v>N</v>
          </cell>
        </row>
        <row r="289">
          <cell r="A289" t="str">
            <v>GASGEN</v>
          </cell>
          <cell r="B289" t="str">
            <v>Gas Capital</v>
          </cell>
          <cell r="C289" t="str">
            <v>Gas</v>
          </cell>
          <cell r="D289" t="str">
            <v>GO-STI</v>
          </cell>
          <cell r="E289" t="str">
            <v>Gas Operations - Street Improvements</v>
          </cell>
          <cell r="F289" t="str">
            <v>INSTLARPRJ</v>
          </cell>
          <cell r="G289" t="str">
            <v>INSTALL LARGE PROJECT</v>
          </cell>
          <cell r="H289" t="str">
            <v>GO-STI \ INSTLARPRJ</v>
          </cell>
          <cell r="I289"/>
          <cell r="J289" t="str">
            <v>GASGEN</v>
          </cell>
          <cell r="K289" t="str">
            <v>I</v>
          </cell>
          <cell r="L289" t="str">
            <v>INSTALL LARGE PROJECT</v>
          </cell>
          <cell r="M289" t="str">
            <v>N</v>
          </cell>
        </row>
        <row r="290">
          <cell r="A290" t="str">
            <v>GASGEN</v>
          </cell>
          <cell r="B290" t="str">
            <v>Gas Capital</v>
          </cell>
          <cell r="C290" t="str">
            <v>Gas</v>
          </cell>
          <cell r="D290" t="str">
            <v>GO-STI</v>
          </cell>
          <cell r="E290" t="str">
            <v>Gas Operations - Street Improvements</v>
          </cell>
          <cell r="F290" t="str">
            <v>INSTPAV</v>
          </cell>
          <cell r="G290" t="str">
            <v>INSTALL IN PAVEMENT</v>
          </cell>
          <cell r="H290" t="str">
            <v>GO-STI \ INSTPAV</v>
          </cell>
          <cell r="I290"/>
          <cell r="J290" t="str">
            <v>GASGEN</v>
          </cell>
          <cell r="K290" t="str">
            <v>I</v>
          </cell>
          <cell r="L290" t="str">
            <v>INSTALL IN PAVEMENT</v>
          </cell>
          <cell r="M290" t="str">
            <v>N</v>
          </cell>
        </row>
        <row r="291">
          <cell r="A291" t="str">
            <v>GASGEN</v>
          </cell>
          <cell r="B291" t="str">
            <v>Gas Capital</v>
          </cell>
          <cell r="C291" t="str">
            <v>Gas</v>
          </cell>
          <cell r="D291" t="str">
            <v>GO-STI</v>
          </cell>
          <cell r="E291" t="str">
            <v>Gas Operations - Street Improvements</v>
          </cell>
          <cell r="F291" t="str">
            <v>INSTSOD</v>
          </cell>
          <cell r="G291" t="str">
            <v>INSTALL IN SOD</v>
          </cell>
          <cell r="H291" t="str">
            <v>GO-STI \ INSTSOD</v>
          </cell>
          <cell r="I291"/>
          <cell r="J291" t="str">
            <v>GASGEN</v>
          </cell>
          <cell r="K291" t="str">
            <v>I</v>
          </cell>
          <cell r="L291" t="str">
            <v>INSTALL IN SOD</v>
          </cell>
          <cell r="M291" t="str">
            <v>N</v>
          </cell>
        </row>
        <row r="292">
          <cell r="A292" t="str">
            <v>GASGEN</v>
          </cell>
          <cell r="B292" t="str">
            <v>Gas Capital</v>
          </cell>
          <cell r="C292" t="str">
            <v>Gas</v>
          </cell>
          <cell r="D292" t="str">
            <v>GO-STI</v>
          </cell>
          <cell r="E292" t="str">
            <v>Gas Operations - Street Improvements</v>
          </cell>
          <cell r="F292" t="str">
            <v>REMOVE</v>
          </cell>
          <cell r="G292" t="str">
            <v>REMOVE</v>
          </cell>
          <cell r="H292" t="str">
            <v>GO-STI \ REMOVE</v>
          </cell>
          <cell r="I292"/>
          <cell r="J292" t="str">
            <v>GASGEN</v>
          </cell>
          <cell r="K292" t="str">
            <v>R</v>
          </cell>
          <cell r="L292" t="str">
            <v>REMOVE</v>
          </cell>
          <cell r="M292" t="str">
            <v>N</v>
          </cell>
        </row>
        <row r="293">
          <cell r="A293" t="str">
            <v>GASGEN</v>
          </cell>
          <cell r="B293" t="str">
            <v>Gas Capital</v>
          </cell>
          <cell r="C293" t="str">
            <v>Gas</v>
          </cell>
          <cell r="D293" t="str">
            <v>GO-STR</v>
          </cell>
          <cell r="E293" t="str">
            <v>Gas Operations - Street Resurfacing</v>
          </cell>
          <cell r="F293" t="str">
            <v>RESURF</v>
          </cell>
          <cell r="G293" t="str">
            <v>STREET RESURFACING PROJECT</v>
          </cell>
          <cell r="H293" t="str">
            <v>GO-STR \ RESURF</v>
          </cell>
          <cell r="I293"/>
          <cell r="J293" t="str">
            <v>GASGEN</v>
          </cell>
          <cell r="K293" t="str">
            <v>I</v>
          </cell>
          <cell r="L293" t="str">
            <v>STREET RESURFACING PROJECT</v>
          </cell>
          <cell r="M293" t="str">
            <v>N</v>
          </cell>
        </row>
        <row r="294">
          <cell r="A294" t="str">
            <v>GEMISCX</v>
          </cell>
          <cell r="B294" t="str">
            <v>Gas O&amp;M</v>
          </cell>
          <cell r="C294" t="str">
            <v>Gas</v>
          </cell>
          <cell r="D294" t="str">
            <v>GO-CLAIMS</v>
          </cell>
          <cell r="E294" t="str">
            <v>Gas Damage Claims</v>
          </cell>
          <cell r="F294" t="str">
            <v>GAS</v>
          </cell>
          <cell r="G294" t="str">
            <v>Gas</v>
          </cell>
          <cell r="H294" t="str">
            <v>GO-CLAIMS \ GAS</v>
          </cell>
          <cell r="I294"/>
          <cell r="J294" t="str">
            <v>GEMISCX</v>
          </cell>
          <cell r="K294" t="str">
            <v>X</v>
          </cell>
          <cell r="L294" t="str">
            <v>Gas</v>
          </cell>
          <cell r="M294" t="str">
            <v>N</v>
          </cell>
        </row>
        <row r="295">
          <cell r="A295" t="str">
            <v>GFACPROT</v>
          </cell>
          <cell r="B295" t="str">
            <v>Gas O&amp;M</v>
          </cell>
          <cell r="C295" t="str">
            <v>Gas</v>
          </cell>
          <cell r="D295" t="str">
            <v>GO-LNLOC</v>
          </cell>
          <cell r="E295" t="str">
            <v>Gas Operations - Location Work</v>
          </cell>
          <cell r="F295" t="str">
            <v>FACPROT</v>
          </cell>
          <cell r="G295" t="str">
            <v>Facility Protection - Contractor Digging Around Lines</v>
          </cell>
          <cell r="H295" t="str">
            <v>GO-LNLOC \ FACPROT</v>
          </cell>
          <cell r="I295"/>
          <cell r="J295" t="str">
            <v>GFACPROT</v>
          </cell>
          <cell r="K295" t="str">
            <v>X</v>
          </cell>
          <cell r="L295" t="str">
            <v>Facility Protection - Contractor Digging Around Lines</v>
          </cell>
          <cell r="M295" t="str">
            <v>N</v>
          </cell>
        </row>
        <row r="296">
          <cell r="A296" t="str">
            <v>GG2610</v>
          </cell>
          <cell r="B296" t="str">
            <v>PD Capital</v>
          </cell>
          <cell r="C296" t="str">
            <v>Carolinas</v>
          </cell>
          <cell r="D296" t="str">
            <v>PD-INTGT</v>
          </cell>
          <cell r="E296" t="str">
            <v>Power Delivery - Integrity</v>
          </cell>
          <cell r="F296" t="str">
            <v>PREP10NCT</v>
          </cell>
          <cell r="G296" t="str">
            <v>Transmission Poles replaced that is not related to Ground Line Inspection: Broken pole NC</v>
          </cell>
          <cell r="H296" t="str">
            <v>PD-INTGT \ PREP10NCT</v>
          </cell>
          <cell r="I296" t="str">
            <v>TPPOLE</v>
          </cell>
          <cell r="J296" t="str">
            <v>GG2610</v>
          </cell>
          <cell r="K296" t="str">
            <v>X</v>
          </cell>
          <cell r="L296" t="str">
            <v>Transmission Poles replaced that is not related to Ground Line Inspection: Broken pole NC</v>
          </cell>
          <cell r="M296" t="str">
            <v>N</v>
          </cell>
        </row>
        <row r="297">
          <cell r="A297" t="str">
            <v>GG2623</v>
          </cell>
          <cell r="B297" t="str">
            <v>PD Capital</v>
          </cell>
          <cell r="C297" t="str">
            <v>Carolinas</v>
          </cell>
          <cell r="D297" t="str">
            <v>PD-INTGT</v>
          </cell>
          <cell r="E297" t="str">
            <v>Power Delivery - Integrity</v>
          </cell>
          <cell r="F297" t="str">
            <v>PREP23NCT</v>
          </cell>
          <cell r="G297" t="str">
            <v>Transmission Poles replaced that is not related to Ground Line Inspection: Broken pole NC</v>
          </cell>
          <cell r="H297" t="str">
            <v>PD-INTGT \ PREP23NCT</v>
          </cell>
          <cell r="I297" t="str">
            <v>TPPOLE</v>
          </cell>
          <cell r="J297" t="str">
            <v>GG2623</v>
          </cell>
          <cell r="K297" t="str">
            <v>X</v>
          </cell>
          <cell r="L297" t="str">
            <v>Transmission Poles replaced that is not related to Ground Line Inspection: Broken pole NC</v>
          </cell>
          <cell r="M297" t="str">
            <v>N</v>
          </cell>
        </row>
        <row r="298">
          <cell r="A298" t="str">
            <v>GG2633</v>
          </cell>
          <cell r="B298" t="str">
            <v>PD Capital</v>
          </cell>
          <cell r="C298" t="str">
            <v>Carolinas</v>
          </cell>
          <cell r="D298" t="str">
            <v>PD-INTGT</v>
          </cell>
          <cell r="E298" t="str">
            <v>Power Delivery - Integrity</v>
          </cell>
          <cell r="F298" t="str">
            <v>PREP33NCT</v>
          </cell>
          <cell r="G298" t="str">
            <v>Transmission Poles replaced that is not related to Ground Line Inspection: Broken pole NC</v>
          </cell>
          <cell r="H298" t="str">
            <v>PD-INTGT \ PREP33NCT</v>
          </cell>
          <cell r="I298" t="str">
            <v>TPPOLE</v>
          </cell>
          <cell r="J298" t="str">
            <v>GG2633</v>
          </cell>
          <cell r="K298" t="str">
            <v>X</v>
          </cell>
          <cell r="L298" t="str">
            <v>Transmission Poles replaced that is not related to Ground Line Inspection: Broken pole NC</v>
          </cell>
          <cell r="M298" t="str">
            <v>N</v>
          </cell>
        </row>
        <row r="299">
          <cell r="A299" t="str">
            <v>GG2644</v>
          </cell>
          <cell r="B299" t="str">
            <v>PD Capital</v>
          </cell>
          <cell r="C299" t="str">
            <v>Carolinas</v>
          </cell>
          <cell r="D299" t="str">
            <v>PD-INTGT</v>
          </cell>
          <cell r="E299" t="str">
            <v>Power Delivery - Integrity</v>
          </cell>
          <cell r="F299" t="str">
            <v>PREP44NCT</v>
          </cell>
          <cell r="G299" t="str">
            <v>Transmission Poles replaced that is not related to Ground Line Inspection: Broken pole NC</v>
          </cell>
          <cell r="H299" t="str">
            <v>PD-INTGT \ PREP44NCT</v>
          </cell>
          <cell r="I299" t="str">
            <v>TPPOLE</v>
          </cell>
          <cell r="J299" t="str">
            <v>GG2644</v>
          </cell>
          <cell r="K299" t="str">
            <v>X</v>
          </cell>
          <cell r="L299" t="str">
            <v>Transmission Poles replaced that is not related to Ground Line Inspection: Broken pole NC</v>
          </cell>
          <cell r="M299" t="str">
            <v>N</v>
          </cell>
        </row>
        <row r="300">
          <cell r="A300" t="str">
            <v>GG2650</v>
          </cell>
          <cell r="B300" t="str">
            <v>PD Capital</v>
          </cell>
          <cell r="C300" t="str">
            <v>Carolinas</v>
          </cell>
          <cell r="D300" t="str">
            <v>PD-INTGT</v>
          </cell>
          <cell r="E300" t="str">
            <v>Power Delivery - Integrity</v>
          </cell>
          <cell r="F300" t="str">
            <v>PREP50NCT</v>
          </cell>
          <cell r="G300" t="str">
            <v>Transmission Poles replaced that is not related to Ground Line Inspection: Broken pole NC</v>
          </cell>
          <cell r="H300" t="str">
            <v>PD-INTGT \ PREP50NCT</v>
          </cell>
          <cell r="I300" t="str">
            <v>TPPOLE</v>
          </cell>
          <cell r="J300" t="str">
            <v>GG2650</v>
          </cell>
          <cell r="K300" t="str">
            <v>X</v>
          </cell>
          <cell r="L300" t="str">
            <v>Transmission Poles replaced that is not related to Ground Line Inspection: Broken pole NC</v>
          </cell>
          <cell r="M300" t="str">
            <v>N</v>
          </cell>
        </row>
        <row r="301">
          <cell r="A301" t="str">
            <v>GG2710</v>
          </cell>
          <cell r="B301" t="str">
            <v>PD Capital</v>
          </cell>
          <cell r="C301" t="str">
            <v>Carolinas</v>
          </cell>
          <cell r="D301" t="str">
            <v>PD-INTGT</v>
          </cell>
          <cell r="E301" t="str">
            <v>Power Delivery - Integrity</v>
          </cell>
          <cell r="F301" t="str">
            <v>PREP10SCT</v>
          </cell>
          <cell r="G301" t="str">
            <v>Transmission Poles replaced that is not related to Ground Line Inspection: Broken pole SC</v>
          </cell>
          <cell r="H301" t="str">
            <v>PD-INTGT \ PREP10SCT</v>
          </cell>
          <cell r="I301" t="str">
            <v>TPPOLE</v>
          </cell>
          <cell r="J301" t="str">
            <v>GG2710</v>
          </cell>
          <cell r="K301" t="str">
            <v>X</v>
          </cell>
          <cell r="L301" t="str">
            <v>Transmission Poles replaced that is not related to Ground Line Inspection: Broken pole SC</v>
          </cell>
          <cell r="M301" t="str">
            <v>N</v>
          </cell>
        </row>
        <row r="302">
          <cell r="A302" t="str">
            <v>GG2723</v>
          </cell>
          <cell r="B302" t="str">
            <v>PD Capital</v>
          </cell>
          <cell r="C302" t="str">
            <v>Carolinas</v>
          </cell>
          <cell r="D302" t="str">
            <v>PD-INTGT</v>
          </cell>
          <cell r="E302" t="str">
            <v>Power Delivery - Integrity</v>
          </cell>
          <cell r="F302" t="str">
            <v>PREP23SCT</v>
          </cell>
          <cell r="G302" t="str">
            <v>Transmission Poles replaced that is not related to Ground Line Inspection: Broken pole SC</v>
          </cell>
          <cell r="H302" t="str">
            <v>PD-INTGT \ PREP23SCT</v>
          </cell>
          <cell r="I302" t="str">
            <v>TPPOLE</v>
          </cell>
          <cell r="J302" t="str">
            <v>GG2723</v>
          </cell>
          <cell r="K302" t="str">
            <v>X</v>
          </cell>
          <cell r="L302" t="str">
            <v>Transmission Poles replaced that is not related to Ground Line Inspection: Broken pole SC</v>
          </cell>
          <cell r="M302" t="str">
            <v>N</v>
          </cell>
        </row>
        <row r="303">
          <cell r="A303" t="str">
            <v>GG2733</v>
          </cell>
          <cell r="B303" t="str">
            <v>PD Capital</v>
          </cell>
          <cell r="C303" t="str">
            <v>Carolinas</v>
          </cell>
          <cell r="D303" t="str">
            <v>PD-INTGT</v>
          </cell>
          <cell r="E303" t="str">
            <v>Power Delivery - Integrity</v>
          </cell>
          <cell r="F303" t="str">
            <v>PREP33SCT</v>
          </cell>
          <cell r="G303" t="str">
            <v>Transmission Poles replaced that is not related to Ground Line Inspection: Broken pole SC</v>
          </cell>
          <cell r="H303" t="str">
            <v>PD-INTGT \ PREP33SCT</v>
          </cell>
          <cell r="I303" t="str">
            <v>TPPOLE</v>
          </cell>
          <cell r="J303" t="str">
            <v>GG2733</v>
          </cell>
          <cell r="K303" t="str">
            <v>X</v>
          </cell>
          <cell r="L303" t="str">
            <v>Transmission Poles replaced that is not related to Ground Line Inspection: Broken pole SC</v>
          </cell>
          <cell r="M303" t="str">
            <v>N</v>
          </cell>
        </row>
        <row r="304">
          <cell r="A304" t="str">
            <v>GG2744</v>
          </cell>
          <cell r="B304" t="str">
            <v>PD Capital</v>
          </cell>
          <cell r="C304" t="str">
            <v>Carolinas</v>
          </cell>
          <cell r="D304" t="str">
            <v>PD-INTGT</v>
          </cell>
          <cell r="E304" t="str">
            <v>Power Delivery - Integrity</v>
          </cell>
          <cell r="F304" t="str">
            <v>PREP44SCT</v>
          </cell>
          <cell r="G304" t="str">
            <v>Transmission Poles replaced that is not related to Ground Line Inspection: Broken pole SC</v>
          </cell>
          <cell r="H304" t="str">
            <v>PD-INTGT \ PREP44SCT</v>
          </cell>
          <cell r="I304" t="str">
            <v>TPPOLE</v>
          </cell>
          <cell r="J304" t="str">
            <v>GG2744</v>
          </cell>
          <cell r="K304" t="str">
            <v>X</v>
          </cell>
          <cell r="L304" t="str">
            <v>Transmission Poles replaced that is not related to Ground Line Inspection: Broken pole SC</v>
          </cell>
          <cell r="M304" t="str">
            <v>N</v>
          </cell>
        </row>
        <row r="305">
          <cell r="A305" t="str">
            <v>GG2750</v>
          </cell>
          <cell r="B305" t="str">
            <v>PD Capital</v>
          </cell>
          <cell r="C305" t="str">
            <v>Carolinas</v>
          </cell>
          <cell r="D305" t="str">
            <v>PD-INTGT</v>
          </cell>
          <cell r="E305" t="str">
            <v>Power Delivery - Integrity</v>
          </cell>
          <cell r="F305" t="str">
            <v>PREP50SCT</v>
          </cell>
          <cell r="G305" t="str">
            <v>Transmission Poles replaced that is not related to Ground Line Inspection: Broken pole SC</v>
          </cell>
          <cell r="H305" t="str">
            <v>PD-INTGT \ PREP50SCT</v>
          </cell>
          <cell r="I305" t="str">
            <v>TPPOLE</v>
          </cell>
          <cell r="J305" t="str">
            <v>GG2750</v>
          </cell>
          <cell r="K305" t="str">
            <v>X</v>
          </cell>
          <cell r="L305" t="str">
            <v>Transmission Poles replaced that is not related to Ground Line Inspection: Broken pole SC</v>
          </cell>
          <cell r="M305" t="str">
            <v>N</v>
          </cell>
        </row>
        <row r="306">
          <cell r="A306" t="str">
            <v>GGAR044NC</v>
          </cell>
          <cell r="B306" t="str">
            <v>PD Veg Mgmt</v>
          </cell>
          <cell r="C306" t="str">
            <v>Veg</v>
          </cell>
          <cell r="D306" t="str">
            <v>PD-TVEGC</v>
          </cell>
          <cell r="E306" t="str">
            <v>Vegetation Management - Tranmission - Capital</v>
          </cell>
          <cell r="F306" t="str">
            <v>TVMFU044NC</v>
          </cell>
          <cell r="G306" t="str">
            <v>Veg Mgmt follow up work identified through an inspection for 44kV</v>
          </cell>
          <cell r="H306" t="str">
            <v>PD-TVEGC \ TVMFU044NC</v>
          </cell>
          <cell r="I306" t="str">
            <v>TCBL100</v>
          </cell>
          <cell r="J306" t="str">
            <v>GGAR044NC</v>
          </cell>
          <cell r="K306" t="str">
            <v>X</v>
          </cell>
          <cell r="L306" t="str">
            <v>Veg Mgmt follow up work identified through an inspection for 44kV NC</v>
          </cell>
          <cell r="M306" t="str">
            <v>N</v>
          </cell>
        </row>
        <row r="307">
          <cell r="A307" t="str">
            <v>GGAR044SC</v>
          </cell>
          <cell r="B307" t="str">
            <v>PD Veg Mgmt</v>
          </cell>
          <cell r="C307" t="str">
            <v>Veg</v>
          </cell>
          <cell r="D307" t="str">
            <v>PD-TVEGC</v>
          </cell>
          <cell r="E307" t="str">
            <v>Vegetation Management - Tranmission - Capital</v>
          </cell>
          <cell r="F307" t="str">
            <v>TVMFU044SC</v>
          </cell>
          <cell r="G307" t="str">
            <v>Veg Mgmt follow up work identified through an inspection for 44kV</v>
          </cell>
          <cell r="H307" t="str">
            <v>PD-TVEGC \ TVMFU044SC</v>
          </cell>
          <cell r="I307" t="str">
            <v>TCBL100</v>
          </cell>
          <cell r="J307" t="str">
            <v>GGAR044SC</v>
          </cell>
          <cell r="K307" t="str">
            <v>X</v>
          </cell>
          <cell r="L307" t="str">
            <v>Veg Mgmt follow up work identified through an inspection for 44kV SC</v>
          </cell>
          <cell r="M307" t="str">
            <v>N</v>
          </cell>
        </row>
        <row r="308">
          <cell r="A308" t="str">
            <v>GGAR069CK</v>
          </cell>
          <cell r="B308" t="str">
            <v>PD Veg Mgmt</v>
          </cell>
          <cell r="C308" t="str">
            <v>Veg</v>
          </cell>
          <cell r="D308" t="str">
            <v>PD-TVEGC</v>
          </cell>
          <cell r="E308" t="str">
            <v>Vegetation Management - Tranmission - Capital</v>
          </cell>
          <cell r="F308" t="str">
            <v>TVMFU69CK</v>
          </cell>
          <cell r="G308" t="str">
            <v>Veg Mgmt follow up work identified through an inspection for 69kV</v>
          </cell>
          <cell r="H308" t="str">
            <v>PD-TVEGC \ TVMFU69CK</v>
          </cell>
          <cell r="I308" t="str">
            <v>TCBL069</v>
          </cell>
          <cell r="J308" t="str">
            <v>GGAR069CK</v>
          </cell>
          <cell r="K308" t="str">
            <v>X</v>
          </cell>
          <cell r="L308" t="str">
            <v>Veg Mgmt follow up work identified through an inspection for 69kV CK</v>
          </cell>
          <cell r="M308" t="str">
            <v>N</v>
          </cell>
        </row>
        <row r="309">
          <cell r="A309" t="str">
            <v>GGAR069NC</v>
          </cell>
          <cell r="B309" t="str">
            <v>PD Veg Mgmt</v>
          </cell>
          <cell r="C309" t="str">
            <v>Veg</v>
          </cell>
          <cell r="D309" t="str">
            <v>PD-TVEGC</v>
          </cell>
          <cell r="E309" t="str">
            <v>Vegetation Management - Tranmission - Capital</v>
          </cell>
          <cell r="F309" t="str">
            <v>TVMFU69NC</v>
          </cell>
          <cell r="G309" t="str">
            <v>Veg Mgmt follow up work identified through an inspection for 69kV</v>
          </cell>
          <cell r="H309" t="str">
            <v>PD-TVEGC \ TVMFU69NC</v>
          </cell>
          <cell r="I309" t="str">
            <v>TCBL069</v>
          </cell>
          <cell r="J309" t="str">
            <v>GGAR069NC</v>
          </cell>
          <cell r="K309" t="str">
            <v>X</v>
          </cell>
          <cell r="L309" t="str">
            <v>Veg Mgmt follow up work identified through an inspection for 69kV NC</v>
          </cell>
          <cell r="M309" t="str">
            <v>N</v>
          </cell>
        </row>
        <row r="310">
          <cell r="A310" t="str">
            <v>GGAR100NC</v>
          </cell>
          <cell r="B310" t="str">
            <v>PD Veg Mgmt</v>
          </cell>
          <cell r="C310" t="str">
            <v>Veg</v>
          </cell>
          <cell r="D310" t="str">
            <v>PD-TVEGC</v>
          </cell>
          <cell r="E310" t="str">
            <v>Vegetation Management - Tranmission - Capital</v>
          </cell>
          <cell r="F310" t="str">
            <v>TVMFU100NC</v>
          </cell>
          <cell r="G310" t="str">
            <v>Veg Mgmt follow up work identified through an inspection for 100kV</v>
          </cell>
          <cell r="H310" t="str">
            <v>PD-TVEGC \ TVMFU100NC</v>
          </cell>
          <cell r="I310" t="str">
            <v>TCBL100</v>
          </cell>
          <cell r="J310" t="str">
            <v>GGAR100NC</v>
          </cell>
          <cell r="K310" t="str">
            <v>X</v>
          </cell>
          <cell r="L310" t="str">
            <v>Veg Mgmt follow up work identified through an inspection for 100kV NC</v>
          </cell>
          <cell r="M310" t="str">
            <v>N</v>
          </cell>
        </row>
        <row r="311">
          <cell r="A311" t="str">
            <v>GGAR100SC</v>
          </cell>
          <cell r="B311" t="str">
            <v>PD Veg Mgmt</v>
          </cell>
          <cell r="C311" t="str">
            <v>Veg</v>
          </cell>
          <cell r="D311" t="str">
            <v>PD-TVEGC</v>
          </cell>
          <cell r="E311" t="str">
            <v>Vegetation Management - Tranmission - Capital</v>
          </cell>
          <cell r="F311" t="str">
            <v>TVMFU100SC</v>
          </cell>
          <cell r="G311" t="str">
            <v>Veg Mgmt follow up work identified through an inspection for 100kV</v>
          </cell>
          <cell r="H311" t="str">
            <v>PD-TVEGC \ TVMFU100SC</v>
          </cell>
          <cell r="I311" t="str">
            <v>TCBL100</v>
          </cell>
          <cell r="J311" t="str">
            <v>GGAR100SC</v>
          </cell>
          <cell r="K311" t="str">
            <v>X</v>
          </cell>
          <cell r="L311" t="str">
            <v>Veg Mgmt follow up work identified through an inspection for 100kV SC</v>
          </cell>
          <cell r="M311" t="str">
            <v>N</v>
          </cell>
        </row>
        <row r="312">
          <cell r="A312" t="str">
            <v>GGAR161NC</v>
          </cell>
          <cell r="B312" t="str">
            <v>PD Veg Mgmt</v>
          </cell>
          <cell r="C312" t="str">
            <v>Veg</v>
          </cell>
          <cell r="D312" t="str">
            <v>PD-TVEGC</v>
          </cell>
          <cell r="E312" t="str">
            <v>Vegetation Management - Tranmission - Capital</v>
          </cell>
          <cell r="F312" t="str">
            <v>TVMFU161NC</v>
          </cell>
          <cell r="G312" t="str">
            <v>Veg Mgmt follow up work identified through an inspection for 161kV</v>
          </cell>
          <cell r="H312" t="str">
            <v>PD-TVEGC \ TVMFU161NC</v>
          </cell>
          <cell r="I312" t="str">
            <v>TCBL161</v>
          </cell>
          <cell r="J312" t="str">
            <v>GGAR161NC</v>
          </cell>
          <cell r="K312" t="str">
            <v>X</v>
          </cell>
          <cell r="L312" t="str">
            <v>Veg Mgmt follow up work identified through an inspection for 161kV NC</v>
          </cell>
          <cell r="M312" t="str">
            <v>N</v>
          </cell>
        </row>
        <row r="313">
          <cell r="A313" t="str">
            <v>GGAR230NC</v>
          </cell>
          <cell r="B313" t="str">
            <v>PD Veg Mgmt</v>
          </cell>
          <cell r="C313" t="str">
            <v>Veg</v>
          </cell>
          <cell r="D313" t="str">
            <v>PD-TVEGC</v>
          </cell>
          <cell r="E313" t="str">
            <v>Vegetation Management - Tranmission - Capital</v>
          </cell>
          <cell r="F313" t="str">
            <v>TVMFU230NC</v>
          </cell>
          <cell r="G313" t="str">
            <v>Veg Mgmt follow up work identified through an inspection for 230kV</v>
          </cell>
          <cell r="H313" t="str">
            <v>PD-TVEGC \ TVMFU230NC</v>
          </cell>
          <cell r="I313" t="str">
            <v>TCBL230</v>
          </cell>
          <cell r="J313" t="str">
            <v>GGAR230NC</v>
          </cell>
          <cell r="K313" t="str">
            <v>X</v>
          </cell>
          <cell r="L313" t="str">
            <v>Veg Mgmt follow up work identified through an inspection for 230kV NC</v>
          </cell>
          <cell r="M313" t="str">
            <v>N</v>
          </cell>
        </row>
        <row r="314">
          <cell r="A314" t="str">
            <v>GGAR230SC</v>
          </cell>
          <cell r="B314" t="str">
            <v>PD Veg Mgmt</v>
          </cell>
          <cell r="C314" t="str">
            <v>Veg</v>
          </cell>
          <cell r="D314" t="str">
            <v>PD-TVEGC</v>
          </cell>
          <cell r="E314" t="str">
            <v>Vegetation Management - Tranmission - Capital</v>
          </cell>
          <cell r="F314" t="str">
            <v>TVMFU230SC</v>
          </cell>
          <cell r="G314" t="str">
            <v>Veg Mgmt follow up work identified through an inspection for 230kV</v>
          </cell>
          <cell r="H314" t="str">
            <v>PD-TVEGC \ TVMFU230SC</v>
          </cell>
          <cell r="I314" t="str">
            <v>TCBL230</v>
          </cell>
          <cell r="J314" t="str">
            <v>GGAR230SC</v>
          </cell>
          <cell r="K314" t="str">
            <v>X</v>
          </cell>
          <cell r="L314" t="str">
            <v>Veg Mgmt follow up work identified through an inspection for 230kV SC</v>
          </cell>
          <cell r="M314" t="str">
            <v>N</v>
          </cell>
        </row>
        <row r="315">
          <cell r="A315" t="str">
            <v>GGAR525NC</v>
          </cell>
          <cell r="B315" t="str">
            <v>PD Veg Mgmt</v>
          </cell>
          <cell r="C315" t="str">
            <v>Veg</v>
          </cell>
          <cell r="D315" t="str">
            <v>PD-TVEGC</v>
          </cell>
          <cell r="E315" t="str">
            <v>Vegetation Management - Tranmission - Capital</v>
          </cell>
          <cell r="F315" t="str">
            <v>TVMFU525NC</v>
          </cell>
          <cell r="G315" t="str">
            <v>Veg Mgmt follow up work identified through an inspection for 525kV</v>
          </cell>
          <cell r="H315" t="str">
            <v>PD-TVEGC \ TVMFU525NC</v>
          </cell>
          <cell r="I315" t="str">
            <v>TCBL525</v>
          </cell>
          <cell r="J315" t="str">
            <v>GGAR525NC</v>
          </cell>
          <cell r="K315" t="str">
            <v>X</v>
          </cell>
          <cell r="L315" t="str">
            <v>Veg Mgmt follow up work identified through an inspection for 525kV NC</v>
          </cell>
          <cell r="M315" t="str">
            <v>N</v>
          </cell>
        </row>
        <row r="316">
          <cell r="A316" t="str">
            <v>GGAR525SC</v>
          </cell>
          <cell r="B316" t="str">
            <v>PD Veg Mgmt</v>
          </cell>
          <cell r="C316" t="str">
            <v>Veg</v>
          </cell>
          <cell r="D316" t="str">
            <v>PD-TVEGC</v>
          </cell>
          <cell r="E316" t="str">
            <v>Vegetation Management - Tranmission - Capital</v>
          </cell>
          <cell r="F316" t="str">
            <v>TVMFU525SC</v>
          </cell>
          <cell r="G316" t="str">
            <v>Veg Mgmt follow up work identified through an inspection for 525kV</v>
          </cell>
          <cell r="H316" t="str">
            <v>PD-TVEGC \ TVMFU525SC</v>
          </cell>
          <cell r="I316" t="str">
            <v>TCBL525</v>
          </cell>
          <cell r="J316" t="str">
            <v>GGAR525SC</v>
          </cell>
          <cell r="K316" t="str">
            <v>X</v>
          </cell>
          <cell r="L316" t="str">
            <v>Veg Mgmt follow up work identified through an inspection for 525kV SC</v>
          </cell>
          <cell r="M316" t="str">
            <v>N</v>
          </cell>
        </row>
        <row r="317">
          <cell r="A317" t="str">
            <v>GGBL044NC</v>
          </cell>
          <cell r="B317" t="str">
            <v>PD Veg Mgmt</v>
          </cell>
          <cell r="C317" t="str">
            <v>Veg</v>
          </cell>
          <cell r="D317" t="str">
            <v>PD-TVEGC</v>
          </cell>
          <cell r="E317" t="str">
            <v>Vegetation Management - Tranmission - Capital</v>
          </cell>
          <cell r="F317" t="str">
            <v>TBASE044NC</v>
          </cell>
          <cell r="G317" t="str">
            <v>Baseline Danger Tree program for 100kV</v>
          </cell>
          <cell r="H317" t="str">
            <v>PD-TVEGC \ TBASE044NC</v>
          </cell>
          <cell r="I317" t="str">
            <v>TCBL100</v>
          </cell>
          <cell r="J317" t="str">
            <v>GGBL044NC</v>
          </cell>
          <cell r="K317" t="str">
            <v>X</v>
          </cell>
          <cell r="L317" t="str">
            <v>Baseline Danger Tree program for 100kV NC</v>
          </cell>
          <cell r="M317" t="str">
            <v>N</v>
          </cell>
        </row>
        <row r="318">
          <cell r="A318" t="str">
            <v>GGBL044SC</v>
          </cell>
          <cell r="B318" t="str">
            <v>PD Veg Mgmt</v>
          </cell>
          <cell r="C318" t="str">
            <v>Veg</v>
          </cell>
          <cell r="D318" t="str">
            <v>PD-TVEGC</v>
          </cell>
          <cell r="E318" t="str">
            <v>Vegetation Management - Tranmission - Capital</v>
          </cell>
          <cell r="F318" t="str">
            <v>TBASE044SC</v>
          </cell>
          <cell r="G318" t="str">
            <v>Baseline Danger Tree program for 100kV</v>
          </cell>
          <cell r="H318" t="str">
            <v>PD-TVEGC \ TBASE044SC</v>
          </cell>
          <cell r="I318" t="str">
            <v>TCBL100</v>
          </cell>
          <cell r="J318" t="str">
            <v>GGBL044SC</v>
          </cell>
          <cell r="K318" t="str">
            <v>X</v>
          </cell>
          <cell r="L318" t="str">
            <v>Baseline Danger Tree program for 100kV SC</v>
          </cell>
          <cell r="M318" t="str">
            <v>N</v>
          </cell>
        </row>
        <row r="319">
          <cell r="A319" t="str">
            <v>GGBL100NC</v>
          </cell>
          <cell r="B319" t="str">
            <v>PD Veg Mgmt</v>
          </cell>
          <cell r="C319" t="str">
            <v>Veg</v>
          </cell>
          <cell r="D319" t="str">
            <v>PD-TVEGC</v>
          </cell>
          <cell r="E319" t="str">
            <v>Vegetation Management - Tranmission - Capital</v>
          </cell>
          <cell r="F319" t="str">
            <v>TBASE100NC</v>
          </cell>
          <cell r="G319" t="str">
            <v>Baseline Danger Tree program for 100kV</v>
          </cell>
          <cell r="H319" t="str">
            <v>PD-TVEGC \ TBASE100NC</v>
          </cell>
          <cell r="I319" t="str">
            <v>TCBL100</v>
          </cell>
          <cell r="J319" t="str">
            <v>GGBL100NC</v>
          </cell>
          <cell r="K319" t="str">
            <v>X</v>
          </cell>
          <cell r="L319" t="str">
            <v>Baseline Danger Tree program for 100kV NC</v>
          </cell>
          <cell r="M319" t="str">
            <v>N</v>
          </cell>
        </row>
        <row r="320">
          <cell r="A320" t="str">
            <v>GGBL100SC</v>
          </cell>
          <cell r="B320" t="str">
            <v>PD Veg Mgmt</v>
          </cell>
          <cell r="C320" t="str">
            <v>Veg</v>
          </cell>
          <cell r="D320" t="str">
            <v>PD-TVEGC</v>
          </cell>
          <cell r="E320" t="str">
            <v>Vegetation Management - Tranmission - Capital</v>
          </cell>
          <cell r="F320" t="str">
            <v>TBASE100SC</v>
          </cell>
          <cell r="G320" t="str">
            <v>Baseline Danger Tree program for 100kV</v>
          </cell>
          <cell r="H320" t="str">
            <v>PD-TVEGC \ TBASE100SC</v>
          </cell>
          <cell r="I320" t="str">
            <v>TCBL100</v>
          </cell>
          <cell r="J320" t="str">
            <v>GGBL100SC</v>
          </cell>
          <cell r="K320" t="str">
            <v>X</v>
          </cell>
          <cell r="L320" t="str">
            <v>Baseline Danger Tree program for 100kV SC</v>
          </cell>
          <cell r="M320" t="str">
            <v>N</v>
          </cell>
        </row>
        <row r="321">
          <cell r="A321" t="str">
            <v>GGBL161NC</v>
          </cell>
          <cell r="B321" t="str">
            <v>PD Veg Mgmt</v>
          </cell>
          <cell r="C321" t="str">
            <v>Veg</v>
          </cell>
          <cell r="D321" t="str">
            <v>PD-TVEGC</v>
          </cell>
          <cell r="E321" t="str">
            <v>Vegetation Management - Tranmission - Capital</v>
          </cell>
          <cell r="F321" t="str">
            <v>TBASE161NC</v>
          </cell>
          <cell r="G321" t="str">
            <v>Baseline Danger Tree program for 161kV</v>
          </cell>
          <cell r="H321" t="str">
            <v>PD-TVEGC \ TBASE161NC</v>
          </cell>
          <cell r="I321" t="str">
            <v>TCBL161</v>
          </cell>
          <cell r="J321" t="str">
            <v>GGBL161NC</v>
          </cell>
          <cell r="K321" t="str">
            <v>X</v>
          </cell>
          <cell r="L321" t="str">
            <v>Baseline Danger Tree program for 161kV NC</v>
          </cell>
          <cell r="M321" t="str">
            <v>N</v>
          </cell>
        </row>
        <row r="322">
          <cell r="A322" t="str">
            <v>GGBL230NC</v>
          </cell>
          <cell r="B322" t="str">
            <v>PD Veg Mgmt</v>
          </cell>
          <cell r="C322" t="str">
            <v>Veg</v>
          </cell>
          <cell r="D322" t="str">
            <v>PD-TVEGC</v>
          </cell>
          <cell r="E322" t="str">
            <v>Vegetation Management - Tranmission - Capital</v>
          </cell>
          <cell r="F322" t="str">
            <v>TBASE230NC</v>
          </cell>
          <cell r="G322" t="str">
            <v>Baseline Danger Tree program for 230kV</v>
          </cell>
          <cell r="H322" t="str">
            <v>PD-TVEGC \ TBASE230NC</v>
          </cell>
          <cell r="I322" t="str">
            <v>TCBL230</v>
          </cell>
          <cell r="J322" t="str">
            <v>GGBL230NC</v>
          </cell>
          <cell r="K322" t="str">
            <v>X</v>
          </cell>
          <cell r="L322" t="str">
            <v>Baseline Danger Tree program for 230kV NC</v>
          </cell>
          <cell r="M322" t="str">
            <v>N</v>
          </cell>
        </row>
        <row r="323">
          <cell r="A323" t="str">
            <v>GGBL230SC</v>
          </cell>
          <cell r="B323" t="str">
            <v>PD Veg Mgmt</v>
          </cell>
          <cell r="C323" t="str">
            <v>Veg</v>
          </cell>
          <cell r="D323" t="str">
            <v>PD-TVEGC</v>
          </cell>
          <cell r="E323" t="str">
            <v>Vegetation Management - Tranmission - Capital</v>
          </cell>
          <cell r="F323" t="str">
            <v>TBASE230SC</v>
          </cell>
          <cell r="G323" t="str">
            <v>Baseline Danger Tree program for 230kV</v>
          </cell>
          <cell r="H323" t="str">
            <v>PD-TVEGC \ TBASE230SC</v>
          </cell>
          <cell r="I323" t="str">
            <v>TCBL230</v>
          </cell>
          <cell r="J323" t="str">
            <v>GGBL230SC</v>
          </cell>
          <cell r="K323" t="str">
            <v>X</v>
          </cell>
          <cell r="L323" t="str">
            <v>Baseline Danger Tree program for 230kV SC</v>
          </cell>
          <cell r="M323" t="str">
            <v>N</v>
          </cell>
        </row>
        <row r="324">
          <cell r="A324" t="str">
            <v>GGBL525NC</v>
          </cell>
          <cell r="B324" t="str">
            <v>PD Veg Mgmt</v>
          </cell>
          <cell r="C324" t="str">
            <v>Veg</v>
          </cell>
          <cell r="D324" t="str">
            <v>PD-TVEGC</v>
          </cell>
          <cell r="E324" t="str">
            <v>Vegetation Management - Tranmission - Capital</v>
          </cell>
          <cell r="F324" t="str">
            <v>TBASE525NC</v>
          </cell>
          <cell r="G324" t="str">
            <v>Baseline Danger Tree program for 525kV</v>
          </cell>
          <cell r="H324" t="str">
            <v>PD-TVEGC \ TBASE525NC</v>
          </cell>
          <cell r="I324" t="str">
            <v>TCBL525</v>
          </cell>
          <cell r="J324" t="str">
            <v>GGBL525NC</v>
          </cell>
          <cell r="K324" t="str">
            <v>X</v>
          </cell>
          <cell r="L324" t="str">
            <v>Baseline Danger Tree program for 525kV NC</v>
          </cell>
          <cell r="M324" t="str">
            <v>N</v>
          </cell>
        </row>
        <row r="325">
          <cell r="A325" t="str">
            <v>GGBL525SC</v>
          </cell>
          <cell r="B325" t="str">
            <v>PD Veg Mgmt</v>
          </cell>
          <cell r="C325" t="str">
            <v>Veg</v>
          </cell>
          <cell r="D325" t="str">
            <v>PD-TVEGC</v>
          </cell>
          <cell r="E325" t="str">
            <v>Vegetation Management - Tranmission - Capital</v>
          </cell>
          <cell r="F325" t="str">
            <v>TBASE525SC</v>
          </cell>
          <cell r="G325" t="str">
            <v>Baseline Danger Tree program for 525kV</v>
          </cell>
          <cell r="H325" t="str">
            <v>PD-TVEGC \ TBASE525SC</v>
          </cell>
          <cell r="I325" t="str">
            <v>TCBL525</v>
          </cell>
          <cell r="J325" t="str">
            <v>GGBL525SC</v>
          </cell>
          <cell r="K325" t="str">
            <v>X</v>
          </cell>
          <cell r="L325" t="str">
            <v>Baseline Danger Tree program for 525kV SC</v>
          </cell>
          <cell r="M325" t="str">
            <v>N</v>
          </cell>
        </row>
        <row r="326">
          <cell r="A326" t="str">
            <v>GGBL69CK</v>
          </cell>
          <cell r="B326" t="str">
            <v>PD Veg Mgmt</v>
          </cell>
          <cell r="C326" t="str">
            <v>Veg</v>
          </cell>
          <cell r="D326" t="str">
            <v>PD-TVEGC</v>
          </cell>
          <cell r="E326" t="str">
            <v>Vegetation Management - Tranmission - Capital</v>
          </cell>
          <cell r="F326" t="str">
            <v>TBASE69CK</v>
          </cell>
          <cell r="G326" t="str">
            <v>Baseline Danger Tree program for 69kV</v>
          </cell>
          <cell r="H326" t="str">
            <v>PD-TVEGC \ TBASE69CK</v>
          </cell>
          <cell r="I326" t="str">
            <v>TCBL69</v>
          </cell>
          <cell r="J326" t="str">
            <v>GGBL69CK</v>
          </cell>
          <cell r="K326" t="str">
            <v>X</v>
          </cell>
          <cell r="L326" t="str">
            <v>Baseline Danger Tree program for 69kV CK</v>
          </cell>
          <cell r="M326" t="str">
            <v>N</v>
          </cell>
        </row>
        <row r="327">
          <cell r="A327" t="str">
            <v>GGBL69NC</v>
          </cell>
          <cell r="B327" t="str">
            <v>PD Veg Mgmt</v>
          </cell>
          <cell r="C327" t="str">
            <v>Veg</v>
          </cell>
          <cell r="D327" t="str">
            <v>PD-TVEGC</v>
          </cell>
          <cell r="E327" t="str">
            <v>Vegetation Management - Tranmission - Capital</v>
          </cell>
          <cell r="F327" t="str">
            <v>TBASE69NC</v>
          </cell>
          <cell r="G327" t="str">
            <v>Baseline Danger Tree program for 69kV</v>
          </cell>
          <cell r="H327" t="str">
            <v>PD-TVEGC \ TBASE69NC</v>
          </cell>
          <cell r="I327" t="str">
            <v>TCBL69</v>
          </cell>
          <cell r="J327" t="str">
            <v>GGBL69NC</v>
          </cell>
          <cell r="K327" t="str">
            <v>X</v>
          </cell>
          <cell r="L327" t="str">
            <v>Baseline Danger Tree program for 69kV NC</v>
          </cell>
          <cell r="M327" t="str">
            <v>N</v>
          </cell>
        </row>
        <row r="328">
          <cell r="A328" t="str">
            <v>GHSEBILL</v>
          </cell>
          <cell r="B328" t="str">
            <v>Gas Capital</v>
          </cell>
          <cell r="C328" t="str">
            <v>Gas</v>
          </cell>
          <cell r="D328" t="str">
            <v>GO-VAC</v>
          </cell>
          <cell r="E328" t="str">
            <v>Gas Operations - Street Vacation</v>
          </cell>
          <cell r="F328" t="str">
            <v>STRVAC</v>
          </cell>
          <cell r="G328" t="str">
            <v>STREET VACATION</v>
          </cell>
          <cell r="H328" t="str">
            <v>GO-VAC \ STRVAC</v>
          </cell>
          <cell r="I328"/>
          <cell r="J328" t="str">
            <v>GHSEBILL</v>
          </cell>
          <cell r="K328" t="str">
            <v>X</v>
          </cell>
          <cell r="L328" t="str">
            <v>STREET VACATION</v>
          </cell>
          <cell r="M328" t="str">
            <v>N</v>
          </cell>
        </row>
        <row r="329">
          <cell r="A329" t="str">
            <v>GLIPD</v>
          </cell>
          <cell r="B329" t="str">
            <v>PD O&amp;M</v>
          </cell>
          <cell r="C329" t="str">
            <v>MW</v>
          </cell>
          <cell r="D329" t="str">
            <v>PD-GLDINSP</v>
          </cell>
          <cell r="E329" t="str">
            <v>Ground Line Distribution Inspection/Maintenance</v>
          </cell>
          <cell r="F329" t="str">
            <v>DINSP</v>
          </cell>
          <cell r="G329" t="str">
            <v>Inspection - Distribution</v>
          </cell>
          <cell r="H329" t="str">
            <v>PD-GLDINSP \ DINSP</v>
          </cell>
          <cell r="I329" t="str">
            <v>GLIPD</v>
          </cell>
          <cell r="J329" t="str">
            <v>GLIPD</v>
          </cell>
          <cell r="K329" t="str">
            <v>X</v>
          </cell>
          <cell r="L329" t="str">
            <v>Inspection - Distribution</v>
          </cell>
          <cell r="M329" t="str">
            <v>N</v>
          </cell>
        </row>
        <row r="330">
          <cell r="A330" t="str">
            <v>GLIPT</v>
          </cell>
          <cell r="B330" t="str">
            <v>PD O&amp;M</v>
          </cell>
          <cell r="C330" t="str">
            <v>MW</v>
          </cell>
          <cell r="D330" t="str">
            <v>PD-GLTINSP</v>
          </cell>
          <cell r="E330" t="str">
            <v>Ground Line Transmission Inspection/Maintenance</v>
          </cell>
          <cell r="F330" t="str">
            <v>TINSP</v>
          </cell>
          <cell r="G330" t="str">
            <v>Inspection - Transmission</v>
          </cell>
          <cell r="H330" t="str">
            <v>PD-GLTINSP \ TINSP</v>
          </cell>
          <cell r="I330" t="str">
            <v>GLIPT</v>
          </cell>
          <cell r="J330" t="str">
            <v>GLIPT</v>
          </cell>
          <cell r="K330" t="str">
            <v>X</v>
          </cell>
          <cell r="L330" t="str">
            <v>Ground Line Inspection - Transmission</v>
          </cell>
          <cell r="M330" t="str">
            <v>N</v>
          </cell>
        </row>
        <row r="331">
          <cell r="A331" t="str">
            <v>GLMPD</v>
          </cell>
          <cell r="B331" t="str">
            <v>PD O&amp;M</v>
          </cell>
          <cell r="C331" t="str">
            <v>MW</v>
          </cell>
          <cell r="D331" t="str">
            <v>PD-GLDINSP</v>
          </cell>
          <cell r="E331" t="str">
            <v>Ground Line Distribution Inspection/Maintenance</v>
          </cell>
          <cell r="F331" t="str">
            <v>DMAINT</v>
          </cell>
          <cell r="G331" t="str">
            <v>Maintenance - Distribution</v>
          </cell>
          <cell r="H331" t="str">
            <v>PD-GLDINSP \ DMAINT</v>
          </cell>
          <cell r="I331" t="str">
            <v>GLMPD</v>
          </cell>
          <cell r="J331" t="str">
            <v>GLMPD</v>
          </cell>
          <cell r="K331" t="str">
            <v>X</v>
          </cell>
          <cell r="L331" t="str">
            <v>Maintenance - Distribution</v>
          </cell>
          <cell r="M331" t="str">
            <v>N</v>
          </cell>
        </row>
        <row r="332">
          <cell r="A332" t="str">
            <v>GLMPT</v>
          </cell>
          <cell r="B332" t="str">
            <v>PD O&amp;M</v>
          </cell>
          <cell r="C332" t="str">
            <v>MW</v>
          </cell>
          <cell r="D332" t="str">
            <v>PD-GLTINSP</v>
          </cell>
          <cell r="E332" t="str">
            <v>Ground Line Transmission Inspection/Maintenance</v>
          </cell>
          <cell r="F332" t="str">
            <v>TMAINT</v>
          </cell>
          <cell r="G332" t="str">
            <v>Maintenance - Transmission</v>
          </cell>
          <cell r="H332" t="str">
            <v>PD-GLTINSP \ TMAINT</v>
          </cell>
          <cell r="I332" t="str">
            <v>GLMPT</v>
          </cell>
          <cell r="J332" t="str">
            <v>GLMPT</v>
          </cell>
          <cell r="K332" t="str">
            <v>X</v>
          </cell>
          <cell r="L332" t="str">
            <v>Ground Line Maintenance - Transmission</v>
          </cell>
          <cell r="M332" t="str">
            <v>N</v>
          </cell>
        </row>
        <row r="333">
          <cell r="A333" t="str">
            <v>GLPRDIN</v>
          </cell>
          <cell r="B333" t="str">
            <v>PD Capital</v>
          </cell>
          <cell r="C333" t="str">
            <v>MW</v>
          </cell>
          <cell r="D333" t="str">
            <v>PD-INTGT</v>
          </cell>
          <cell r="E333" t="str">
            <v>Power Delivery - Integrity</v>
          </cell>
          <cell r="F333" t="str">
            <v>PLNSREPDIN</v>
          </cell>
          <cell r="G333" t="str">
            <v>Distribution Poles replaced that is due to Ground Line Inspection IN</v>
          </cell>
          <cell r="H333" t="str">
            <v>PD-INTGT \ PLNSREPDIN</v>
          </cell>
          <cell r="I333" t="str">
            <v>RLP</v>
          </cell>
          <cell r="J333" t="str">
            <v>GLPRDIN</v>
          </cell>
          <cell r="K333" t="str">
            <v>I</v>
          </cell>
          <cell r="L333" t="str">
            <v>Distribution Poles replaced that is due to Ground Line Inspection IN</v>
          </cell>
          <cell r="M333" t="str">
            <v>N</v>
          </cell>
        </row>
        <row r="334">
          <cell r="A334" t="str">
            <v>GLPRDKY</v>
          </cell>
          <cell r="B334" t="str">
            <v>PD Capital</v>
          </cell>
          <cell r="C334" t="str">
            <v>MW</v>
          </cell>
          <cell r="D334" t="str">
            <v>PD-INTGT</v>
          </cell>
          <cell r="E334" t="str">
            <v>Power Delivery - Integrity</v>
          </cell>
          <cell r="F334" t="str">
            <v>PLNSREPDKY</v>
          </cell>
          <cell r="G334" t="str">
            <v>Distribution Poles replaced that is due to Ground Line Inspection KY</v>
          </cell>
          <cell r="H334" t="str">
            <v>PD-INTGT \ PLNSREPDKY</v>
          </cell>
          <cell r="I334" t="str">
            <v>RLP</v>
          </cell>
          <cell r="J334" t="str">
            <v>GLPRDKY</v>
          </cell>
          <cell r="K334" t="str">
            <v>I</v>
          </cell>
          <cell r="L334" t="str">
            <v>Distribution Poles replaced that is due to Ground Line Inspection KY</v>
          </cell>
          <cell r="M334" t="str">
            <v>N</v>
          </cell>
        </row>
        <row r="335">
          <cell r="A335" t="str">
            <v>GLPRDOH</v>
          </cell>
          <cell r="B335" t="str">
            <v>PD Capital</v>
          </cell>
          <cell r="C335" t="str">
            <v>MW</v>
          </cell>
          <cell r="D335" t="str">
            <v>PD-INTGT</v>
          </cell>
          <cell r="E335" t="str">
            <v>Power Delivery - Integrity</v>
          </cell>
          <cell r="F335" t="str">
            <v>PLNSREPDOH</v>
          </cell>
          <cell r="G335" t="str">
            <v>Distribution Poles replaced that is due to Ground Line Inspection OH</v>
          </cell>
          <cell r="H335" t="str">
            <v>PD-INTGT \ PLNSREPDOH</v>
          </cell>
          <cell r="I335" t="str">
            <v>RLP</v>
          </cell>
          <cell r="J335" t="str">
            <v>GLPRDOH</v>
          </cell>
          <cell r="K335" t="str">
            <v>I</v>
          </cell>
          <cell r="L335" t="str">
            <v>Distribution Poles replaced that is due to Ground Line Inspection OH</v>
          </cell>
          <cell r="M335" t="str">
            <v>N</v>
          </cell>
        </row>
        <row r="336">
          <cell r="A336" t="str">
            <v>GLPRTIN</v>
          </cell>
          <cell r="B336" t="str">
            <v>PD Capital</v>
          </cell>
          <cell r="C336" t="str">
            <v>MW</v>
          </cell>
          <cell r="D336" t="str">
            <v>PD-INTGT</v>
          </cell>
          <cell r="E336" t="str">
            <v>Power Delivery - Integrity</v>
          </cell>
          <cell r="F336" t="str">
            <v>PINSREPTIN</v>
          </cell>
          <cell r="G336" t="str">
            <v>Ground Line Inspection - T - IN</v>
          </cell>
          <cell r="H336" t="str">
            <v>PD-INTGT \ PINSREPTIN</v>
          </cell>
          <cell r="I336" t="str">
            <v>LIPT</v>
          </cell>
          <cell r="J336" t="str">
            <v>GLPRTIN</v>
          </cell>
          <cell r="K336" t="str">
            <v>I</v>
          </cell>
          <cell r="L336" t="str">
            <v>Ground Line Inspection - T - IN</v>
          </cell>
          <cell r="M336" t="str">
            <v>N</v>
          </cell>
        </row>
        <row r="337">
          <cell r="A337" t="str">
            <v>GLPRTKY</v>
          </cell>
          <cell r="B337" t="str">
            <v>PD Capital</v>
          </cell>
          <cell r="C337" t="str">
            <v>MW</v>
          </cell>
          <cell r="D337" t="str">
            <v>PD-INTGT</v>
          </cell>
          <cell r="E337" t="str">
            <v>Power Delivery - Integrity</v>
          </cell>
          <cell r="F337" t="str">
            <v>PINSREPTKY</v>
          </cell>
          <cell r="G337" t="str">
            <v>Ground Line Inspection - T - KY</v>
          </cell>
          <cell r="H337" t="str">
            <v>PD-INTGT \ PINSREPTKY</v>
          </cell>
          <cell r="I337" t="str">
            <v>LIPT</v>
          </cell>
          <cell r="J337" t="str">
            <v>GLPRTKY</v>
          </cell>
          <cell r="K337" t="str">
            <v>I</v>
          </cell>
          <cell r="L337" t="str">
            <v>Ground Line Inspection - T - KY</v>
          </cell>
          <cell r="M337" t="str">
            <v>N</v>
          </cell>
        </row>
        <row r="338">
          <cell r="A338" t="str">
            <v>GLPRTOH</v>
          </cell>
          <cell r="B338" t="str">
            <v>PD Capital</v>
          </cell>
          <cell r="C338" t="str">
            <v>MW</v>
          </cell>
          <cell r="D338" t="str">
            <v>PD-INTGT</v>
          </cell>
          <cell r="E338" t="str">
            <v>Power Delivery - Integrity</v>
          </cell>
          <cell r="F338" t="str">
            <v>PINSREPTOH</v>
          </cell>
          <cell r="G338" t="str">
            <v>Ground Line Inspection - T - OH</v>
          </cell>
          <cell r="H338" t="str">
            <v>PD-INTGT \ PINSREPTOH</v>
          </cell>
          <cell r="I338" t="str">
            <v>LIPT</v>
          </cell>
          <cell r="J338" t="str">
            <v>GLPRTOH</v>
          </cell>
          <cell r="K338" t="str">
            <v>I</v>
          </cell>
          <cell r="L338" t="str">
            <v>Ground Line Inspection - T - OH</v>
          </cell>
          <cell r="M338" t="str">
            <v>N</v>
          </cell>
        </row>
        <row r="339">
          <cell r="A339" t="str">
            <v>GMCBMP</v>
          </cell>
          <cell r="B339" t="str">
            <v>Gas O&amp;M</v>
          </cell>
          <cell r="C339" t="str">
            <v>Gas</v>
          </cell>
          <cell r="D339" t="str">
            <v>GO-PM</v>
          </cell>
          <cell r="E339" t="str">
            <v>Gas Operations - Preventative Maintenance</v>
          </cell>
          <cell r="F339" t="str">
            <v>GMCBMP</v>
          </cell>
          <cell r="G339" t="str">
            <v>Cast Iron Bare Steel prevenative maint</v>
          </cell>
          <cell r="H339" t="str">
            <v>GO-PM \ GMCBMP</v>
          </cell>
          <cell r="I339"/>
          <cell r="J339" t="str">
            <v>GMCBMP</v>
          </cell>
          <cell r="K339" t="str">
            <v>X</v>
          </cell>
          <cell r="L339" t="str">
            <v>Cast Iron Bare Steel prevenative maint</v>
          </cell>
          <cell r="M339" t="str">
            <v>N</v>
          </cell>
        </row>
        <row r="340">
          <cell r="A340" t="str">
            <v>GMLMCA</v>
          </cell>
          <cell r="B340" t="str">
            <v>Gas O&amp;M</v>
          </cell>
          <cell r="C340" t="str">
            <v>Gas</v>
          </cell>
          <cell r="D340" t="str">
            <v>GO-PREMW</v>
          </cell>
          <cell r="E340" t="str">
            <v>Gas Operations - Premise Work</v>
          </cell>
          <cell r="F340" t="str">
            <v>GMLMCA</v>
          </cell>
          <cell r="G340" t="str">
            <v>Large Meter Age Change</v>
          </cell>
          <cell r="H340" t="str">
            <v>GO-PREMW \ GMLMCA</v>
          </cell>
          <cell r="I340"/>
          <cell r="J340" t="str">
            <v>GMLMCA</v>
          </cell>
          <cell r="K340" t="str">
            <v>X</v>
          </cell>
          <cell r="L340" t="str">
            <v>Large Meter Age Change</v>
          </cell>
          <cell r="M340" t="str">
            <v>N</v>
          </cell>
        </row>
        <row r="341">
          <cell r="A341" t="str">
            <v>GMOCM</v>
          </cell>
          <cell r="B341" t="str">
            <v>Gas O&amp;M</v>
          </cell>
          <cell r="C341" t="str">
            <v>Gas</v>
          </cell>
          <cell r="D341" t="str">
            <v>GO-INSP</v>
          </cell>
          <cell r="E341" t="str">
            <v>Gas Operations - Inspections</v>
          </cell>
          <cell r="F341" t="str">
            <v>GMOCM</v>
          </cell>
          <cell r="G341" t="str">
            <v>Bridge Inspections</v>
          </cell>
          <cell r="H341" t="str">
            <v>GO-INSP \ GMOCM</v>
          </cell>
          <cell r="I341"/>
          <cell r="J341" t="str">
            <v>GMOCM</v>
          </cell>
          <cell r="K341" t="str">
            <v>X</v>
          </cell>
          <cell r="L341" t="str">
            <v>Bridge Inspections</v>
          </cell>
          <cell r="M341" t="str">
            <v>N</v>
          </cell>
        </row>
        <row r="342">
          <cell r="A342" t="str">
            <v>GMOMP</v>
          </cell>
          <cell r="B342" t="str">
            <v>Gas O&amp;M</v>
          </cell>
          <cell r="C342" t="str">
            <v>Gas</v>
          </cell>
          <cell r="D342" t="str">
            <v>GO-INSP</v>
          </cell>
          <cell r="E342" t="str">
            <v>Gas Operations - Inspections</v>
          </cell>
          <cell r="F342" t="str">
            <v>LINPTR</v>
          </cell>
          <cell r="G342" t="str">
            <v>Line Patrol</v>
          </cell>
          <cell r="H342" t="str">
            <v>GO-INSP \ LINPTR</v>
          </cell>
          <cell r="I342"/>
          <cell r="J342" t="str">
            <v>GMOMP</v>
          </cell>
          <cell r="K342" t="str">
            <v>X</v>
          </cell>
          <cell r="L342" t="str">
            <v>Line Patrol</v>
          </cell>
          <cell r="M342" t="str">
            <v>N</v>
          </cell>
        </row>
        <row r="343">
          <cell r="A343" t="str">
            <v>GMOMP</v>
          </cell>
          <cell r="B343" t="str">
            <v>Gas O&amp;M</v>
          </cell>
          <cell r="C343" t="str">
            <v>Gas</v>
          </cell>
          <cell r="D343" t="str">
            <v>GO-PM</v>
          </cell>
          <cell r="E343" t="str">
            <v>Gas Operations - Preventative Maintenance</v>
          </cell>
          <cell r="F343" t="str">
            <v>GMOMP</v>
          </cell>
          <cell r="G343" t="str">
            <v xml:space="preserve">Main other preventative maint. Paint coat </v>
          </cell>
          <cell r="H343" t="str">
            <v>GO-PM \ GMOMP</v>
          </cell>
          <cell r="I343"/>
          <cell r="J343" t="str">
            <v>GMOMP</v>
          </cell>
          <cell r="K343" t="str">
            <v>X</v>
          </cell>
          <cell r="L343" t="str">
            <v>Main other preventative maint. Paint coat</v>
          </cell>
          <cell r="M343" t="str">
            <v>N</v>
          </cell>
        </row>
        <row r="344">
          <cell r="A344" t="str">
            <v>GMOOSE</v>
          </cell>
          <cell r="B344" t="str">
            <v>Gas O&amp;M</v>
          </cell>
          <cell r="C344" t="e">
            <v>#N/A</v>
          </cell>
          <cell r="D344" t="str">
            <v>GO-OPREQ</v>
          </cell>
          <cell r="E344" t="e">
            <v>#N/A</v>
          </cell>
          <cell r="F344" t="str">
            <v>GMOOSE</v>
          </cell>
          <cell r="G344" t="e">
            <v>#N/A</v>
          </cell>
          <cell r="H344" t="str">
            <v>GO-OPREQ \ GMOOSE</v>
          </cell>
          <cell r="I344"/>
          <cell r="J344" t="str">
            <v>GMOOSE</v>
          </cell>
          <cell r="K344" t="str">
            <v>X</v>
          </cell>
          <cell r="L344" t="str">
            <v>Pump Drips</v>
          </cell>
          <cell r="M344" t="str">
            <v>N</v>
          </cell>
        </row>
        <row r="345">
          <cell r="A345" t="str">
            <v>GMSMCA</v>
          </cell>
          <cell r="B345" t="str">
            <v>Gas O&amp;M</v>
          </cell>
          <cell r="C345" t="str">
            <v>Gas</v>
          </cell>
          <cell r="D345" t="str">
            <v>GO-PREMW</v>
          </cell>
          <cell r="E345" t="str">
            <v>Gas Operations - Premise Work</v>
          </cell>
          <cell r="F345" t="str">
            <v>GMSMCA</v>
          </cell>
          <cell r="G345" t="str">
            <v>Small Meter Age Change</v>
          </cell>
          <cell r="H345" t="str">
            <v>GO-PREMW \ GMSMCA</v>
          </cell>
          <cell r="I345"/>
          <cell r="J345" t="str">
            <v>GMSMCA</v>
          </cell>
          <cell r="K345" t="str">
            <v>X</v>
          </cell>
          <cell r="L345" t="str">
            <v>Small Meter Age Change</v>
          </cell>
          <cell r="M345" t="str">
            <v>N</v>
          </cell>
        </row>
        <row r="346">
          <cell r="A346" t="str">
            <v>GMSMCA</v>
          </cell>
          <cell r="B346" t="e">
            <v>#N/A</v>
          </cell>
          <cell r="C346" t="e">
            <v>#N/A</v>
          </cell>
          <cell r="D346" t="str">
            <v>GO-SERVICEKY</v>
          </cell>
          <cell r="E346" t="e">
            <v>#N/A</v>
          </cell>
          <cell r="F346" t="str">
            <v>MTRCHANGE</v>
          </cell>
          <cell r="G346" t="e">
            <v>#N/A</v>
          </cell>
          <cell r="H346" t="str">
            <v>GO-SERVICEKY \ MTRCHANGE</v>
          </cell>
          <cell r="I346"/>
          <cell r="J346" t="str">
            <v>GMSMCA</v>
          </cell>
          <cell r="K346" t="str">
            <v>X</v>
          </cell>
          <cell r="L346" t="str">
            <v>Change Out Meter</v>
          </cell>
          <cell r="M346" t="str">
            <v>N</v>
          </cell>
        </row>
        <row r="347">
          <cell r="A347" t="str">
            <v>GMSMCA</v>
          </cell>
          <cell r="B347" t="e">
            <v>#N/A</v>
          </cell>
          <cell r="C347" t="e">
            <v>#N/A</v>
          </cell>
          <cell r="D347" t="str">
            <v>GO-SERVICEOH</v>
          </cell>
          <cell r="E347" t="e">
            <v>#N/A</v>
          </cell>
          <cell r="F347" t="str">
            <v>MTRCHANGE</v>
          </cell>
          <cell r="G347" t="e">
            <v>#N/A</v>
          </cell>
          <cell r="H347" t="str">
            <v>GO-SERVICEOH \ MTRCHANGE</v>
          </cell>
          <cell r="I347"/>
          <cell r="J347" t="str">
            <v>GMSMCA</v>
          </cell>
          <cell r="K347" t="str">
            <v>X</v>
          </cell>
          <cell r="L347" t="str">
            <v>Change Out Meter</v>
          </cell>
          <cell r="M347" t="str">
            <v>N</v>
          </cell>
        </row>
        <row r="348">
          <cell r="A348" t="str">
            <v>GMSMOVE</v>
          </cell>
          <cell r="B348" t="str">
            <v>Gas O&amp;M</v>
          </cell>
          <cell r="C348" t="str">
            <v>Gas</v>
          </cell>
          <cell r="D348" t="str">
            <v>GO-RELOC</v>
          </cell>
          <cell r="E348" t="str">
            <v>Gas Operations - Relocation of Gas Facility</v>
          </cell>
          <cell r="F348" t="str">
            <v>GMSGMOVE</v>
          </cell>
          <cell r="G348" t="str">
            <v>Move a meter</v>
          </cell>
          <cell r="H348" t="str">
            <v>GO-RELOC \ GMSGMOVE</v>
          </cell>
          <cell r="I348"/>
          <cell r="J348" t="str">
            <v>GMSMOVE</v>
          </cell>
          <cell r="K348" t="str">
            <v>X</v>
          </cell>
          <cell r="L348" t="str">
            <v>Move a meter</v>
          </cell>
          <cell r="M348" t="str">
            <v>N</v>
          </cell>
        </row>
        <row r="349">
          <cell r="A349" t="str">
            <v>GPURGAS</v>
          </cell>
          <cell r="B349" t="str">
            <v>Gas O&amp;M</v>
          </cell>
          <cell r="C349" t="str">
            <v>Gas</v>
          </cell>
          <cell r="D349" t="str">
            <v>GO-PURGA</v>
          </cell>
          <cell r="E349" t="str">
            <v>Gas Operations - Purchase Gas</v>
          </cell>
          <cell r="F349" t="str">
            <v>CALTS</v>
          </cell>
          <cell r="G349" t="str">
            <v>Calibrate and test</v>
          </cell>
          <cell r="H349" t="str">
            <v>GO-PURGA \ CALTS</v>
          </cell>
          <cell r="I349"/>
          <cell r="J349" t="str">
            <v>GPURGAS</v>
          </cell>
          <cell r="K349" t="str">
            <v>X</v>
          </cell>
          <cell r="L349" t="str">
            <v>Calibrate and test</v>
          </cell>
          <cell r="M349" t="str">
            <v>N</v>
          </cell>
        </row>
        <row r="350">
          <cell r="A350" t="str">
            <v>HPPMT</v>
          </cell>
          <cell r="B350" t="str">
            <v>PD O&amp;M</v>
          </cell>
          <cell r="C350" t="str">
            <v>Carolinas</v>
          </cell>
          <cell r="D350" t="str">
            <v>PD-CPREM</v>
          </cell>
          <cell r="E350" t="str">
            <v>Customer Inquiry investigation &amp; repair (non-outage related)</v>
          </cell>
          <cell r="F350" t="str">
            <v>HOUSEPP C</v>
          </cell>
          <cell r="G350" t="str">
            <v>House power panel repair Carolinas</v>
          </cell>
          <cell r="H350" t="str">
            <v>PD-CPREM \ HOUSEPP C</v>
          </cell>
          <cell r="I350" t="str">
            <v>HPPMT</v>
          </cell>
          <cell r="J350" t="str">
            <v>HPPMT</v>
          </cell>
          <cell r="K350" t="str">
            <v>X</v>
          </cell>
          <cell r="L350" t="str">
            <v>House power panel repair Carolinas</v>
          </cell>
          <cell r="M350" t="str">
            <v>N</v>
          </cell>
        </row>
        <row r="351">
          <cell r="A351" t="str">
            <v>IBATMMO</v>
          </cell>
          <cell r="B351" t="str">
            <v>PD O&amp;M</v>
          </cell>
          <cell r="C351" t="str">
            <v>MW</v>
          </cell>
          <cell r="D351" t="str">
            <v>PD-IBAT</v>
          </cell>
          <cell r="E351" t="e">
            <v>#N/A</v>
          </cell>
          <cell r="F351" t="str">
            <v>MOD</v>
          </cell>
          <cell r="G351" t="e">
            <v>#N/A</v>
          </cell>
          <cell r="H351" t="str">
            <v>PD-IBAT \ MOD</v>
          </cell>
          <cell r="I351" t="str">
            <v>BATMO</v>
          </cell>
          <cell r="J351" t="str">
            <v>IBATMMO</v>
          </cell>
          <cell r="K351" t="str">
            <v>X</v>
          </cell>
          <cell r="L351" t="str">
            <v>Modification</v>
          </cell>
          <cell r="M351" t="str">
            <v>N</v>
          </cell>
        </row>
        <row r="352">
          <cell r="A352" t="str">
            <v>IBATMMO</v>
          </cell>
          <cell r="B352" t="str">
            <v>PD O&amp;M</v>
          </cell>
          <cell r="C352" t="str">
            <v>MW</v>
          </cell>
          <cell r="D352" t="str">
            <v>PD-ICHG</v>
          </cell>
          <cell r="E352" t="e">
            <v>#N/A</v>
          </cell>
          <cell r="F352" t="str">
            <v>MOD</v>
          </cell>
          <cell r="G352" t="e">
            <v>#N/A</v>
          </cell>
          <cell r="H352" t="str">
            <v>PD-ICHG \ MOD</v>
          </cell>
          <cell r="I352" t="str">
            <v>BATMO</v>
          </cell>
          <cell r="J352" t="str">
            <v>IBATMMO</v>
          </cell>
          <cell r="K352" t="str">
            <v>X</v>
          </cell>
          <cell r="L352" t="str">
            <v>Modification</v>
          </cell>
          <cell r="M352" t="str">
            <v>N</v>
          </cell>
        </row>
        <row r="353">
          <cell r="A353" t="str">
            <v>IBATMPM</v>
          </cell>
          <cell r="B353" t="str">
            <v>PD O&amp;M</v>
          </cell>
          <cell r="C353" t="str">
            <v>MW</v>
          </cell>
          <cell r="D353" t="str">
            <v>PD-IBAT</v>
          </cell>
          <cell r="E353" t="e">
            <v>#N/A</v>
          </cell>
          <cell r="F353" t="str">
            <v>PM</v>
          </cell>
          <cell r="G353" t="e">
            <v>#N/A</v>
          </cell>
          <cell r="H353" t="str">
            <v>PD-IBAT \ PM</v>
          </cell>
          <cell r="I353" t="str">
            <v>BATPM</v>
          </cell>
          <cell r="J353" t="str">
            <v>IBATMPM</v>
          </cell>
          <cell r="K353" t="str">
            <v>X</v>
          </cell>
          <cell r="L353" t="str">
            <v>Preventative Maintenance</v>
          </cell>
          <cell r="M353" t="str">
            <v>N</v>
          </cell>
        </row>
        <row r="354">
          <cell r="A354" t="str">
            <v>IBATMPM</v>
          </cell>
          <cell r="B354" t="str">
            <v>PD O&amp;M</v>
          </cell>
          <cell r="C354" t="str">
            <v>MW</v>
          </cell>
          <cell r="D354" t="str">
            <v>PD-ICHG</v>
          </cell>
          <cell r="E354" t="e">
            <v>#N/A</v>
          </cell>
          <cell r="F354" t="str">
            <v>PM</v>
          </cell>
          <cell r="G354" t="e">
            <v>#N/A</v>
          </cell>
          <cell r="H354" t="str">
            <v>PD-ICHG \ PM</v>
          </cell>
          <cell r="I354" t="str">
            <v>BATPM</v>
          </cell>
          <cell r="J354" t="str">
            <v>IBATMPM</v>
          </cell>
          <cell r="K354" t="str">
            <v>X</v>
          </cell>
          <cell r="L354" t="str">
            <v>Preventative Maintenance</v>
          </cell>
          <cell r="M354" t="str">
            <v>N</v>
          </cell>
        </row>
        <row r="355">
          <cell r="A355" t="str">
            <v>IBATMRPR</v>
          </cell>
          <cell r="B355" t="str">
            <v>PD O&amp;M</v>
          </cell>
          <cell r="C355" t="str">
            <v>MW</v>
          </cell>
          <cell r="D355" t="str">
            <v>PD-IBAT</v>
          </cell>
          <cell r="E355" t="e">
            <v>#N/A</v>
          </cell>
          <cell r="F355" t="str">
            <v>RPR</v>
          </cell>
          <cell r="G355" t="e">
            <v>#N/A</v>
          </cell>
          <cell r="H355" t="str">
            <v>PD-IBAT \ RPR</v>
          </cell>
          <cell r="I355" t="str">
            <v>BATRP</v>
          </cell>
          <cell r="J355" t="str">
            <v>IBATMRPR</v>
          </cell>
          <cell r="K355" t="str">
            <v>X</v>
          </cell>
          <cell r="L355" t="str">
            <v>Repair</v>
          </cell>
          <cell r="M355" t="str">
            <v>N</v>
          </cell>
        </row>
        <row r="356">
          <cell r="A356" t="str">
            <v>IBATMRPR</v>
          </cell>
          <cell r="B356" t="str">
            <v>PD O&amp;M</v>
          </cell>
          <cell r="C356" t="str">
            <v>MW</v>
          </cell>
          <cell r="D356" t="str">
            <v>PD-ICHG</v>
          </cell>
          <cell r="E356" t="e">
            <v>#N/A</v>
          </cell>
          <cell r="F356" t="str">
            <v>RPR</v>
          </cell>
          <cell r="G356" t="e">
            <v>#N/A</v>
          </cell>
          <cell r="H356" t="str">
            <v>PD-ICHG \ RPR</v>
          </cell>
          <cell r="I356" t="str">
            <v>BATRP</v>
          </cell>
          <cell r="J356" t="str">
            <v>IBATMRPR</v>
          </cell>
          <cell r="K356" t="str">
            <v>X</v>
          </cell>
          <cell r="L356" t="str">
            <v>Repair</v>
          </cell>
          <cell r="M356" t="str">
            <v>N</v>
          </cell>
        </row>
        <row r="357">
          <cell r="A357" t="str">
            <v>IBRKMMO</v>
          </cell>
          <cell r="B357" t="str">
            <v>PD O&amp;M</v>
          </cell>
          <cell r="C357" t="str">
            <v>MW</v>
          </cell>
          <cell r="D357" t="str">
            <v>PD-IBRK</v>
          </cell>
          <cell r="E357" t="e">
            <v>#N/A</v>
          </cell>
          <cell r="F357" t="str">
            <v>MOD</v>
          </cell>
          <cell r="G357" t="e">
            <v>#N/A</v>
          </cell>
          <cell r="H357" t="str">
            <v>PD-IBRK \ MOD</v>
          </cell>
          <cell r="I357" t="str">
            <v>BRKMO</v>
          </cell>
          <cell r="J357" t="str">
            <v>IBRKMMO</v>
          </cell>
          <cell r="K357" t="str">
            <v>X</v>
          </cell>
          <cell r="L357" t="str">
            <v>Modification</v>
          </cell>
          <cell r="M357" t="str">
            <v>N</v>
          </cell>
        </row>
        <row r="358">
          <cell r="A358" t="str">
            <v>IBRKMPM</v>
          </cell>
          <cell r="B358" t="str">
            <v>PD O&amp;M</v>
          </cell>
          <cell r="C358" t="str">
            <v>MW</v>
          </cell>
          <cell r="D358" t="str">
            <v>PD-IBRK</v>
          </cell>
          <cell r="E358" t="e">
            <v>#N/A</v>
          </cell>
          <cell r="F358" t="str">
            <v>PM</v>
          </cell>
          <cell r="G358" t="e">
            <v>#N/A</v>
          </cell>
          <cell r="H358" t="str">
            <v>PD-IBRK \ PM</v>
          </cell>
          <cell r="I358" t="str">
            <v>BRKPM</v>
          </cell>
          <cell r="J358" t="str">
            <v>IBRKMPM</v>
          </cell>
          <cell r="K358" t="str">
            <v>X</v>
          </cell>
          <cell r="L358" t="str">
            <v>Preventative Maintenance</v>
          </cell>
          <cell r="M358" t="str">
            <v>N</v>
          </cell>
        </row>
        <row r="359">
          <cell r="A359" t="str">
            <v>IBRKMRPR</v>
          </cell>
          <cell r="B359" t="str">
            <v>PD O&amp;M</v>
          </cell>
          <cell r="C359" t="str">
            <v>MW</v>
          </cell>
          <cell r="D359" t="str">
            <v>PD-IBRK</v>
          </cell>
          <cell r="E359" t="e">
            <v>#N/A</v>
          </cell>
          <cell r="F359" t="str">
            <v>RPR</v>
          </cell>
          <cell r="G359" t="e">
            <v>#N/A</v>
          </cell>
          <cell r="H359" t="str">
            <v>PD-IBRK \ RPR</v>
          </cell>
          <cell r="I359" t="str">
            <v>BRKRP</v>
          </cell>
          <cell r="J359" t="str">
            <v>IBRKMRPR</v>
          </cell>
          <cell r="K359" t="str">
            <v>X</v>
          </cell>
          <cell r="L359" t="str">
            <v>Repair</v>
          </cell>
          <cell r="M359" t="str">
            <v>N</v>
          </cell>
        </row>
        <row r="360">
          <cell r="A360" t="str">
            <v>ICAPMMO</v>
          </cell>
          <cell r="B360" t="str">
            <v>PD O&amp;M</v>
          </cell>
          <cell r="C360" t="str">
            <v>MW</v>
          </cell>
          <cell r="D360" t="str">
            <v>PD-ICAP</v>
          </cell>
          <cell r="E360" t="e">
            <v>#N/A</v>
          </cell>
          <cell r="F360" t="str">
            <v>MOD</v>
          </cell>
          <cell r="G360" t="e">
            <v>#N/A</v>
          </cell>
          <cell r="H360" t="str">
            <v>PD-ICAP \ MOD</v>
          </cell>
          <cell r="I360" t="str">
            <v>CAPMO</v>
          </cell>
          <cell r="J360" t="str">
            <v>ICAPMMO</v>
          </cell>
          <cell r="K360" t="str">
            <v>X</v>
          </cell>
          <cell r="L360" t="str">
            <v>Modification</v>
          </cell>
          <cell r="M360" t="str">
            <v>N</v>
          </cell>
        </row>
        <row r="361">
          <cell r="A361" t="str">
            <v>ICAPMPM</v>
          </cell>
          <cell r="B361" t="str">
            <v>PD O&amp;M</v>
          </cell>
          <cell r="C361" t="str">
            <v>MW</v>
          </cell>
          <cell r="D361" t="str">
            <v>PD-ICAP</v>
          </cell>
          <cell r="E361" t="e">
            <v>#N/A</v>
          </cell>
          <cell r="F361" t="str">
            <v>PM</v>
          </cell>
          <cell r="G361" t="e">
            <v>#N/A</v>
          </cell>
          <cell r="H361" t="str">
            <v>PD-ICAP \ PM</v>
          </cell>
          <cell r="I361" t="str">
            <v>CAPPM</v>
          </cell>
          <cell r="J361" t="str">
            <v>ICAPMPM</v>
          </cell>
          <cell r="K361" t="str">
            <v>X</v>
          </cell>
          <cell r="L361" t="str">
            <v>Preventative Maintenance</v>
          </cell>
          <cell r="M361" t="str">
            <v>N</v>
          </cell>
        </row>
        <row r="362">
          <cell r="A362" t="str">
            <v>ICAPMRPR</v>
          </cell>
          <cell r="B362" t="str">
            <v>PD O&amp;M</v>
          </cell>
          <cell r="C362" t="str">
            <v>MW</v>
          </cell>
          <cell r="D362" t="str">
            <v>PD-ICAP</v>
          </cell>
          <cell r="E362" t="e">
            <v>#N/A</v>
          </cell>
          <cell r="F362" t="str">
            <v>RPR</v>
          </cell>
          <cell r="G362" t="e">
            <v>#N/A</v>
          </cell>
          <cell r="H362" t="str">
            <v>PD-ICAP \ RPR</v>
          </cell>
          <cell r="I362" t="str">
            <v>CAPRP</v>
          </cell>
          <cell r="J362" t="str">
            <v>ICAPMRPR</v>
          </cell>
          <cell r="K362" t="str">
            <v>X</v>
          </cell>
          <cell r="L362" t="str">
            <v>Repair</v>
          </cell>
          <cell r="M362" t="str">
            <v>N</v>
          </cell>
        </row>
        <row r="363">
          <cell r="A363" t="str">
            <v>IEQM</v>
          </cell>
          <cell r="B363" t="str">
            <v>PD O&amp;M</v>
          </cell>
          <cell r="C363" t="str">
            <v>MW</v>
          </cell>
          <cell r="D363" t="str">
            <v>PD-IINF</v>
          </cell>
          <cell r="E363" t="e">
            <v>#N/A</v>
          </cell>
          <cell r="F363" t="str">
            <v>PM</v>
          </cell>
          <cell r="G363" t="e">
            <v>#N/A</v>
          </cell>
          <cell r="H363" t="str">
            <v>PD-IINF \ PM</v>
          </cell>
          <cell r="I363" t="str">
            <v>EQM</v>
          </cell>
          <cell r="J363" t="str">
            <v>IEQM</v>
          </cell>
          <cell r="K363" t="str">
            <v>X</v>
          </cell>
          <cell r="L363" t="str">
            <v>Preventative Maintenance</v>
          </cell>
          <cell r="M363" t="str">
            <v>N</v>
          </cell>
        </row>
        <row r="364">
          <cell r="A364" t="str">
            <v>IEQMMO</v>
          </cell>
          <cell r="B364" t="str">
            <v>PD O&amp;M</v>
          </cell>
          <cell r="C364" t="str">
            <v>MW</v>
          </cell>
          <cell r="D364" t="str">
            <v>PD-IEQM</v>
          </cell>
          <cell r="E364" t="e">
            <v>#N/A</v>
          </cell>
          <cell r="F364" t="str">
            <v>MOD</v>
          </cell>
          <cell r="G364" t="e">
            <v>#N/A</v>
          </cell>
          <cell r="H364" t="str">
            <v>PD-IEQM \ MOD</v>
          </cell>
          <cell r="I364" t="str">
            <v>SUBEQMO</v>
          </cell>
          <cell r="J364" t="str">
            <v>IEQMMO</v>
          </cell>
          <cell r="K364" t="str">
            <v>X</v>
          </cell>
          <cell r="L364" t="str">
            <v>Modification</v>
          </cell>
          <cell r="M364" t="str">
            <v>N</v>
          </cell>
        </row>
        <row r="365">
          <cell r="A365" t="str">
            <v>IEQMPM</v>
          </cell>
          <cell r="B365" t="str">
            <v>PD O&amp;M</v>
          </cell>
          <cell r="C365" t="str">
            <v>MW</v>
          </cell>
          <cell r="D365" t="str">
            <v>PD-IEQM</v>
          </cell>
          <cell r="E365" t="e">
            <v>#N/A</v>
          </cell>
          <cell r="F365" t="str">
            <v>PM</v>
          </cell>
          <cell r="G365" t="e">
            <v>#N/A</v>
          </cell>
          <cell r="H365" t="str">
            <v>PD-IEQM \ PM</v>
          </cell>
          <cell r="I365" t="str">
            <v>SUBEQPM</v>
          </cell>
          <cell r="J365" t="str">
            <v>IEQMPM</v>
          </cell>
          <cell r="K365" t="str">
            <v>X</v>
          </cell>
          <cell r="L365" t="str">
            <v>Preventative Maintenance</v>
          </cell>
          <cell r="M365" t="str">
            <v>N</v>
          </cell>
        </row>
        <row r="366">
          <cell r="A366" t="str">
            <v>IEQMRPR</v>
          </cell>
          <cell r="B366" t="str">
            <v>PD O&amp;M</v>
          </cell>
          <cell r="C366" t="str">
            <v>MW</v>
          </cell>
          <cell r="D366" t="str">
            <v>PD-IEQM</v>
          </cell>
          <cell r="E366" t="e">
            <v>#N/A</v>
          </cell>
          <cell r="F366" t="str">
            <v>RPR</v>
          </cell>
          <cell r="G366" t="e">
            <v>#N/A</v>
          </cell>
          <cell r="H366" t="str">
            <v>PD-IEQM \ RPR</v>
          </cell>
          <cell r="I366" t="str">
            <v>SUBEQRP</v>
          </cell>
          <cell r="J366" t="str">
            <v>IEQMRPR</v>
          </cell>
          <cell r="K366" t="str">
            <v>X</v>
          </cell>
          <cell r="L366" t="str">
            <v>Repair</v>
          </cell>
          <cell r="M366" t="str">
            <v>N</v>
          </cell>
        </row>
        <row r="367">
          <cell r="A367" t="str">
            <v>IMPNGM</v>
          </cell>
          <cell r="B367" t="str">
            <v>Gas O&amp;M</v>
          </cell>
          <cell r="C367" t="str">
            <v>Gas</v>
          </cell>
          <cell r="D367" t="str">
            <v>GO-PIMP</v>
          </cell>
          <cell r="E367" t="str">
            <v>Gas Operations - Pipeline Integrity Management Program</v>
          </cell>
          <cell r="F367" t="str">
            <v>IMPNGM</v>
          </cell>
          <cell r="G367" t="str">
            <v>Integrity Management Natural Gas - Maintenance</v>
          </cell>
          <cell r="H367" t="str">
            <v>GO-PIMP \ IMPNGM</v>
          </cell>
          <cell r="I367"/>
          <cell r="J367" t="str">
            <v>IMPNGM</v>
          </cell>
          <cell r="K367" t="str">
            <v>X</v>
          </cell>
          <cell r="L367" t="str">
            <v>Integrity Management Natural Gas - Maintenance</v>
          </cell>
          <cell r="M367" t="str">
            <v>N</v>
          </cell>
        </row>
        <row r="368">
          <cell r="A368" t="str">
            <v>IMPNGO</v>
          </cell>
          <cell r="B368" t="str">
            <v>Gas O&amp;M</v>
          </cell>
          <cell r="C368" t="str">
            <v>Gas</v>
          </cell>
          <cell r="D368" t="str">
            <v>GO-PIMP</v>
          </cell>
          <cell r="E368" t="str">
            <v>Gas Operations - Pipeline Integrity Management Program</v>
          </cell>
          <cell r="F368" t="str">
            <v>IMPNGO</v>
          </cell>
          <cell r="G368" t="str">
            <v>Integrity Management Natural Gas - Operations</v>
          </cell>
          <cell r="H368" t="str">
            <v>GO-PIMP \ IMPNGO</v>
          </cell>
          <cell r="I368"/>
          <cell r="J368" t="str">
            <v>IMPNGO</v>
          </cell>
          <cell r="K368" t="str">
            <v>X</v>
          </cell>
          <cell r="L368" t="str">
            <v>Integrity Management Natural Gas - Operations</v>
          </cell>
          <cell r="M368" t="str">
            <v>N</v>
          </cell>
        </row>
        <row r="369">
          <cell r="A369" t="str">
            <v>IMTRMMO</v>
          </cell>
          <cell r="B369" t="str">
            <v>PD O&amp;M</v>
          </cell>
          <cell r="C369" t="str">
            <v>MW</v>
          </cell>
          <cell r="D369" t="str">
            <v>PD-IMTR</v>
          </cell>
          <cell r="E369" t="e">
            <v>#N/A</v>
          </cell>
          <cell r="F369" t="str">
            <v>MOD</v>
          </cell>
          <cell r="G369" t="e">
            <v>#N/A</v>
          </cell>
          <cell r="H369" t="str">
            <v>PD-IMTR \ MOD</v>
          </cell>
          <cell r="I369" t="str">
            <v>MTRMO</v>
          </cell>
          <cell r="J369" t="str">
            <v>IMTRMMO</v>
          </cell>
          <cell r="K369" t="str">
            <v>X</v>
          </cell>
          <cell r="L369" t="str">
            <v>Modification</v>
          </cell>
          <cell r="M369" t="str">
            <v>N</v>
          </cell>
        </row>
        <row r="370">
          <cell r="A370" t="str">
            <v>IMTRMPM</v>
          </cell>
          <cell r="B370" t="str">
            <v>PD O&amp;M</v>
          </cell>
          <cell r="C370" t="str">
            <v>MW</v>
          </cell>
          <cell r="D370" t="str">
            <v>PD-IMTR</v>
          </cell>
          <cell r="E370" t="e">
            <v>#N/A</v>
          </cell>
          <cell r="F370" t="str">
            <v>PM</v>
          </cell>
          <cell r="G370" t="e">
            <v>#N/A</v>
          </cell>
          <cell r="H370" t="str">
            <v>PD-IMTR \ PM</v>
          </cell>
          <cell r="I370" t="str">
            <v>MTRPM</v>
          </cell>
          <cell r="J370" t="str">
            <v>IMTRMPM</v>
          </cell>
          <cell r="K370" t="str">
            <v>X</v>
          </cell>
          <cell r="L370" t="str">
            <v>Preventative Maintenance</v>
          </cell>
          <cell r="M370" t="str">
            <v>N</v>
          </cell>
        </row>
        <row r="371">
          <cell r="A371" t="str">
            <v>IMTRMRPR</v>
          </cell>
          <cell r="B371" t="str">
            <v>PD O&amp;M</v>
          </cell>
          <cell r="C371" t="str">
            <v>MW</v>
          </cell>
          <cell r="D371" t="str">
            <v>PD-IMTR</v>
          </cell>
          <cell r="E371" t="e">
            <v>#N/A</v>
          </cell>
          <cell r="F371" t="str">
            <v>RPR</v>
          </cell>
          <cell r="G371" t="e">
            <v>#N/A</v>
          </cell>
          <cell r="H371" t="str">
            <v>PD-IMTR \ RPR</v>
          </cell>
          <cell r="I371" t="str">
            <v>MTRRP</v>
          </cell>
          <cell r="J371" t="str">
            <v>IMTRMRPR</v>
          </cell>
          <cell r="K371" t="str">
            <v>X</v>
          </cell>
          <cell r="L371" t="str">
            <v>Repair</v>
          </cell>
          <cell r="M371" t="str">
            <v>N</v>
          </cell>
        </row>
        <row r="372">
          <cell r="A372" t="str">
            <v>INFIPD</v>
          </cell>
          <cell r="B372" t="str">
            <v>PD O&amp;M</v>
          </cell>
          <cell r="C372" t="str">
            <v>MW</v>
          </cell>
          <cell r="D372" t="str">
            <v>PD-INFRA</v>
          </cell>
          <cell r="E372" t="str">
            <v>Infrared Ckt</v>
          </cell>
          <cell r="F372" t="str">
            <v>INFREDINMW</v>
          </cell>
          <cell r="G372" t="str">
            <v>Infrared Ckt Inspection Midwest</v>
          </cell>
          <cell r="H372" t="str">
            <v>PD-INFRA \ INFREDINMW</v>
          </cell>
          <cell r="I372" t="str">
            <v>IRCKTMT</v>
          </cell>
          <cell r="J372" t="str">
            <v>INFIPD</v>
          </cell>
          <cell r="K372" t="str">
            <v>X</v>
          </cell>
          <cell r="L372" t="str">
            <v>Infrared Ckt Inspection Midwest</v>
          </cell>
          <cell r="M372" t="str">
            <v>N</v>
          </cell>
        </row>
        <row r="373">
          <cell r="A373" t="str">
            <v>INSTSNCCG</v>
          </cell>
          <cell r="B373" t="str">
            <v>Gas Capital</v>
          </cell>
          <cell r="C373" t="str">
            <v>Gas</v>
          </cell>
          <cell r="D373" t="str">
            <v>GO-SERVICE</v>
          </cell>
          <cell r="E373" t="str">
            <v xml:space="preserve">Gas Operations - Service Work </v>
          </cell>
          <cell r="F373" t="str">
            <v>INSTSNCCG</v>
          </cell>
          <cell r="G373" t="str">
            <v>Install Meter and Regulator Set Less Than 3" - Commercial</v>
          </cell>
          <cell r="H373" t="str">
            <v>GO-SERVICE \ INSTSNCCG</v>
          </cell>
          <cell r="I373"/>
          <cell r="J373" t="str">
            <v>INSTSNCCG</v>
          </cell>
          <cell r="K373" t="str">
            <v>X</v>
          </cell>
          <cell r="L373" t="str">
            <v>Install Meter and Regulator Set Less Than 3" - Commercial</v>
          </cell>
          <cell r="M373" t="str">
            <v>N</v>
          </cell>
        </row>
        <row r="374">
          <cell r="A374" t="str">
            <v>INSTSNCCG</v>
          </cell>
          <cell r="B374" t="str">
            <v>Gas Capital</v>
          </cell>
          <cell r="C374" t="str">
            <v>Gas</v>
          </cell>
          <cell r="D374" t="str">
            <v>GO-SERVICEKY</v>
          </cell>
          <cell r="E374" t="str">
            <v>Gas Operations - Service Work - KY</v>
          </cell>
          <cell r="F374" t="str">
            <v>INSTALL M&amp;R</v>
          </cell>
          <cell r="G374" t="str">
            <v>INSTALL METER AND REGULATOR SET</v>
          </cell>
          <cell r="H374" t="str">
            <v>GO-SERVICEKY \ INSTALL M&amp;R</v>
          </cell>
          <cell r="I374"/>
          <cell r="J374" t="str">
            <v>INSTSNCCG</v>
          </cell>
          <cell r="K374" t="str">
            <v>X</v>
          </cell>
          <cell r="L374" t="str">
            <v>INSTALL METER AND REGULATOR SET</v>
          </cell>
          <cell r="M374" t="str">
            <v>N</v>
          </cell>
        </row>
        <row r="375">
          <cell r="A375" t="str">
            <v>INSTSNCCG</v>
          </cell>
          <cell r="B375" t="str">
            <v>Gas Capital</v>
          </cell>
          <cell r="C375" t="str">
            <v>Gas</v>
          </cell>
          <cell r="D375" t="str">
            <v>GO-SERVICEKY</v>
          </cell>
          <cell r="E375" t="str">
            <v>Gas Operations - Service Work - KY</v>
          </cell>
          <cell r="F375" t="str">
            <v>REPLACE M&amp;R</v>
          </cell>
          <cell r="G375" t="str">
            <v>REPLACE METER AND REGULATOR SET</v>
          </cell>
          <cell r="H375" t="str">
            <v>GO-SERVICEKY \ REPLACE M&amp;R</v>
          </cell>
          <cell r="I375"/>
          <cell r="J375" t="str">
            <v>INSTSNCCG</v>
          </cell>
          <cell r="K375" t="str">
            <v>X</v>
          </cell>
          <cell r="L375" t="str">
            <v>REPLACE METER AND REGULATOR SET</v>
          </cell>
          <cell r="M375" t="str">
            <v>N</v>
          </cell>
        </row>
        <row r="376">
          <cell r="A376" t="str">
            <v>INSTSNCCG</v>
          </cell>
          <cell r="B376" t="str">
            <v>Gas Capital</v>
          </cell>
          <cell r="C376" t="str">
            <v>Gas</v>
          </cell>
          <cell r="D376" t="str">
            <v>GO-SERVICEOH</v>
          </cell>
          <cell r="E376" t="str">
            <v>Gas Operations - Service Work - OH</v>
          </cell>
          <cell r="F376" t="str">
            <v>INSTALL M&amp;R</v>
          </cell>
          <cell r="G376" t="str">
            <v>INSTALL METER AND REGULATOR SET</v>
          </cell>
          <cell r="H376" t="str">
            <v>GO-SERVICEOH \ INSTALL M&amp;R</v>
          </cell>
          <cell r="I376"/>
          <cell r="J376" t="str">
            <v>INSTSNCCG</v>
          </cell>
          <cell r="K376" t="str">
            <v>X</v>
          </cell>
          <cell r="L376" t="str">
            <v>INSTALL METER AND REGULATOR SET</v>
          </cell>
          <cell r="M376" t="str">
            <v>N</v>
          </cell>
        </row>
        <row r="377">
          <cell r="A377" t="str">
            <v>INSTSNCCG</v>
          </cell>
          <cell r="B377" t="str">
            <v>Gas Capital</v>
          </cell>
          <cell r="C377" t="str">
            <v>Gas</v>
          </cell>
          <cell r="D377" t="str">
            <v>GO-SERVICEOH</v>
          </cell>
          <cell r="E377" t="str">
            <v>Gas Operations - Service Work - OH</v>
          </cell>
          <cell r="F377" t="str">
            <v>REPLACE M&amp;R</v>
          </cell>
          <cell r="G377" t="str">
            <v>REPLACE METER AND REGULATOR SET</v>
          </cell>
          <cell r="H377" t="str">
            <v>GO-SERVICEOH \ REPLACE M&amp;R</v>
          </cell>
          <cell r="I377"/>
          <cell r="J377" t="str">
            <v>INSTSNCCG</v>
          </cell>
          <cell r="K377" t="str">
            <v>X</v>
          </cell>
          <cell r="L377" t="str">
            <v>REPLACE METER AND REGULATOR SET</v>
          </cell>
          <cell r="M377" t="str">
            <v>N</v>
          </cell>
        </row>
        <row r="378">
          <cell r="A378" t="str">
            <v>INSTSNRCG</v>
          </cell>
          <cell r="B378" t="str">
            <v>Gas Capital</v>
          </cell>
          <cell r="C378" t="str">
            <v>Gas</v>
          </cell>
          <cell r="D378" t="str">
            <v>GO-SERVICE</v>
          </cell>
          <cell r="E378" t="str">
            <v>Gas Operations - Service Work</v>
          </cell>
          <cell r="F378" t="str">
            <v>INSTSNRCG</v>
          </cell>
          <cell r="G378" t="str">
            <v>Install Meter and Regulator Set Less Than 3" - Residential</v>
          </cell>
          <cell r="H378" t="str">
            <v>GO-SERVICE \ INSTSNRCG</v>
          </cell>
          <cell r="I378"/>
          <cell r="J378" t="str">
            <v>INSTSNRCG</v>
          </cell>
          <cell r="K378" t="str">
            <v>X</v>
          </cell>
          <cell r="L378" t="str">
            <v>Install Meter and Regulator Set Less Than 3" - Residential</v>
          </cell>
          <cell r="M378" t="str">
            <v>N</v>
          </cell>
        </row>
        <row r="379">
          <cell r="A379" t="str">
            <v>IOSMHM</v>
          </cell>
          <cell r="B379" t="str">
            <v>PD Veg Mgmt</v>
          </cell>
          <cell r="C379" t="str">
            <v>Veg</v>
          </cell>
          <cell r="D379" t="str">
            <v>PD-SUBVM</v>
          </cell>
          <cell r="E379" t="str">
            <v>Vegetation Management - Substation - O&amp;M</v>
          </cell>
          <cell r="F379" t="str">
            <v>SUBVMCUST</v>
          </cell>
          <cell r="G379" t="str">
            <v>Sub VM Customer station bare ground herbicide and mowing</v>
          </cell>
          <cell r="H379" t="str">
            <v>PD-SUBVM \ SUBVMCUST</v>
          </cell>
          <cell r="I379" t="str">
            <v>RWISTA</v>
          </cell>
          <cell r="J379" t="str">
            <v>IOSMHM</v>
          </cell>
          <cell r="K379" t="str">
            <v>X</v>
          </cell>
          <cell r="L379" t="str">
            <v>Sub VM Customer station bare ground herbicide and mowing</v>
          </cell>
          <cell r="M379" t="str">
            <v>N</v>
          </cell>
        </row>
        <row r="380">
          <cell r="A380" t="str">
            <v>IOSMMO</v>
          </cell>
          <cell r="B380" t="str">
            <v>PD O&amp;M</v>
          </cell>
          <cell r="C380" t="str">
            <v>MW</v>
          </cell>
          <cell r="D380" t="str">
            <v>PD-IOSM</v>
          </cell>
          <cell r="E380" t="e">
            <v>#N/A</v>
          </cell>
          <cell r="F380" t="str">
            <v>MOD</v>
          </cell>
          <cell r="G380" t="e">
            <v>#N/A</v>
          </cell>
          <cell r="H380" t="str">
            <v>PD-IOSM \ MOD</v>
          </cell>
          <cell r="I380" t="str">
            <v>SUBSTMO</v>
          </cell>
          <cell r="J380" t="str">
            <v>IOSMMO</v>
          </cell>
          <cell r="K380" t="str">
            <v>X</v>
          </cell>
          <cell r="L380" t="str">
            <v>Modification</v>
          </cell>
          <cell r="M380" t="str">
            <v>N</v>
          </cell>
        </row>
        <row r="381">
          <cell r="A381" t="str">
            <v>IOSMPM</v>
          </cell>
          <cell r="B381" t="str">
            <v>PD O&amp;M</v>
          </cell>
          <cell r="C381" t="str">
            <v>MW</v>
          </cell>
          <cell r="D381" t="str">
            <v>PD-IOSM</v>
          </cell>
          <cell r="E381" t="e">
            <v>#N/A</v>
          </cell>
          <cell r="F381" t="str">
            <v>PM</v>
          </cell>
          <cell r="G381" t="e">
            <v>#N/A</v>
          </cell>
          <cell r="H381" t="str">
            <v>PD-IOSM \ PM</v>
          </cell>
          <cell r="I381" t="str">
            <v>SUBSTPM</v>
          </cell>
          <cell r="J381" t="str">
            <v>IOSMPM</v>
          </cell>
          <cell r="K381" t="str">
            <v>X</v>
          </cell>
          <cell r="L381" t="str">
            <v>Preventative Maintenance</v>
          </cell>
          <cell r="M381" t="str">
            <v>N</v>
          </cell>
        </row>
        <row r="382">
          <cell r="A382" t="str">
            <v>IOSMRPR</v>
          </cell>
          <cell r="B382" t="str">
            <v>PD O&amp;M</v>
          </cell>
          <cell r="C382" t="str">
            <v>MW</v>
          </cell>
          <cell r="D382" t="str">
            <v>PD-IOSM</v>
          </cell>
          <cell r="E382" t="e">
            <v>#N/A</v>
          </cell>
          <cell r="F382" t="str">
            <v>RPR</v>
          </cell>
          <cell r="G382" t="e">
            <v>#N/A</v>
          </cell>
          <cell r="H382" t="str">
            <v>PD-IOSM \ RPR</v>
          </cell>
          <cell r="I382" t="str">
            <v>SUBSTRP</v>
          </cell>
          <cell r="J382" t="str">
            <v>IOSMRPR</v>
          </cell>
          <cell r="K382" t="str">
            <v>X</v>
          </cell>
          <cell r="L382" t="str">
            <v>Repair</v>
          </cell>
          <cell r="M382" t="str">
            <v>N</v>
          </cell>
        </row>
        <row r="383">
          <cell r="A383" t="str">
            <v>IPORTABLE</v>
          </cell>
          <cell r="B383" t="str">
            <v>PD O&amp;M</v>
          </cell>
          <cell r="C383" t="str">
            <v>MW</v>
          </cell>
          <cell r="D383" t="str">
            <v>PD-IPORT</v>
          </cell>
          <cell r="E383" t="e">
            <v>#N/A</v>
          </cell>
          <cell r="F383" t="str">
            <v>PORTABLE</v>
          </cell>
          <cell r="G383" t="e">
            <v>#N/A</v>
          </cell>
          <cell r="H383" t="str">
            <v>PD-IPORT \ PORTABLE</v>
          </cell>
          <cell r="I383" t="str">
            <v>SUBPRO</v>
          </cell>
          <cell r="J383" t="str">
            <v>IPORTABLE</v>
          </cell>
          <cell r="K383" t="str">
            <v>X</v>
          </cell>
          <cell r="L383" t="str">
            <v>Portable</v>
          </cell>
          <cell r="M383" t="str">
            <v>N</v>
          </cell>
        </row>
        <row r="384">
          <cell r="A384" t="str">
            <v>IRCKTINS</v>
          </cell>
          <cell r="B384" t="str">
            <v>PD O&amp;M</v>
          </cell>
          <cell r="C384" t="str">
            <v>MW</v>
          </cell>
          <cell r="D384" t="str">
            <v>PD-INFRA</v>
          </cell>
          <cell r="E384" t="e">
            <v>#N/A</v>
          </cell>
          <cell r="F384" t="str">
            <v>INFREDIN</v>
          </cell>
          <cell r="G384" t="e">
            <v>#N/A</v>
          </cell>
          <cell r="H384" t="str">
            <v>PD-INFRA \ INFREDIN</v>
          </cell>
          <cell r="I384" t="str">
            <v>IRCKTMT</v>
          </cell>
          <cell r="J384" t="str">
            <v>IRCKTINS</v>
          </cell>
          <cell r="K384" t="str">
            <v>X</v>
          </cell>
          <cell r="L384" t="str">
            <v>Infrared Ckt Inspection</v>
          </cell>
          <cell r="M384" t="str">
            <v>N</v>
          </cell>
        </row>
        <row r="385">
          <cell r="A385" t="str">
            <v>IRCKTMT</v>
          </cell>
          <cell r="B385" t="str">
            <v>PD O&amp;M</v>
          </cell>
          <cell r="C385" t="str">
            <v>Carolinas</v>
          </cell>
          <cell r="D385" t="str">
            <v>PD-INFRA</v>
          </cell>
          <cell r="E385" t="str">
            <v>Infrared Ckt</v>
          </cell>
          <cell r="F385" t="str">
            <v>INFREDMTC</v>
          </cell>
          <cell r="G385" t="str">
            <v>Infrared Ckt Maintenance Carolinas</v>
          </cell>
          <cell r="H385" t="str">
            <v>PD-INFRA \ INFREDMTC</v>
          </cell>
          <cell r="I385" t="str">
            <v>IRCKTMT</v>
          </cell>
          <cell r="J385" t="str">
            <v>IRCKTMT</v>
          </cell>
          <cell r="K385" t="str">
            <v>X</v>
          </cell>
          <cell r="L385" t="str">
            <v>Infrared Ckt Maintenance Carolinas</v>
          </cell>
          <cell r="M385" t="str">
            <v>N</v>
          </cell>
        </row>
        <row r="386">
          <cell r="A386" t="str">
            <v>IRLYMMO</v>
          </cell>
          <cell r="B386" t="str">
            <v>PD O&amp;M</v>
          </cell>
          <cell r="C386" t="str">
            <v>MW</v>
          </cell>
          <cell r="D386" t="str">
            <v>PD-IRLY</v>
          </cell>
          <cell r="E386" t="e">
            <v>#N/A</v>
          </cell>
          <cell r="F386" t="str">
            <v>MOD</v>
          </cell>
          <cell r="G386" t="e">
            <v>#N/A</v>
          </cell>
          <cell r="H386" t="str">
            <v>PD-IRLY \ MOD</v>
          </cell>
          <cell r="I386" t="str">
            <v>RLYMO</v>
          </cell>
          <cell r="J386" t="str">
            <v>IRLYMMO</v>
          </cell>
          <cell r="K386" t="str">
            <v>X</v>
          </cell>
          <cell r="L386" t="str">
            <v>Modification</v>
          </cell>
          <cell r="M386" t="str">
            <v>N</v>
          </cell>
        </row>
        <row r="387">
          <cell r="A387" t="str">
            <v>IRLYMPM</v>
          </cell>
          <cell r="B387" t="str">
            <v>PD O&amp;M</v>
          </cell>
          <cell r="C387" t="str">
            <v>MW</v>
          </cell>
          <cell r="D387" t="str">
            <v>PD-IRLY</v>
          </cell>
          <cell r="E387" t="e">
            <v>#N/A</v>
          </cell>
          <cell r="F387" t="str">
            <v>PM</v>
          </cell>
          <cell r="G387" t="e">
            <v>#N/A</v>
          </cell>
          <cell r="H387" t="str">
            <v>PD-IRLY \ PM</v>
          </cell>
          <cell r="I387" t="str">
            <v>RLYPM</v>
          </cell>
          <cell r="J387" t="str">
            <v>IRLYMPM</v>
          </cell>
          <cell r="K387" t="str">
            <v>X</v>
          </cell>
          <cell r="L387" t="str">
            <v>Preventative Maintenance</v>
          </cell>
          <cell r="M387" t="str">
            <v>N</v>
          </cell>
        </row>
        <row r="388">
          <cell r="A388" t="str">
            <v>IRLYMRPR</v>
          </cell>
          <cell r="B388" t="str">
            <v>PD O&amp;M</v>
          </cell>
          <cell r="C388" t="str">
            <v>MW</v>
          </cell>
          <cell r="D388" t="str">
            <v>PD-IRLY</v>
          </cell>
          <cell r="E388" t="e">
            <v>#N/A</v>
          </cell>
          <cell r="F388" t="str">
            <v>RPR</v>
          </cell>
          <cell r="G388" t="e">
            <v>#N/A</v>
          </cell>
          <cell r="H388" t="str">
            <v>PD-IRLY \ RPR</v>
          </cell>
          <cell r="I388" t="str">
            <v>RLYRP</v>
          </cell>
          <cell r="J388" t="str">
            <v>IRLYMRPR</v>
          </cell>
          <cell r="K388" t="str">
            <v>X</v>
          </cell>
          <cell r="L388" t="str">
            <v>Repair</v>
          </cell>
          <cell r="M388" t="str">
            <v>N</v>
          </cell>
        </row>
        <row r="389">
          <cell r="A389" t="str">
            <v>ISIN</v>
          </cell>
          <cell r="B389" t="str">
            <v>PD O&amp;M</v>
          </cell>
          <cell r="C389" t="str">
            <v>MW</v>
          </cell>
          <cell r="D389" t="str">
            <v>PD-ISIN</v>
          </cell>
          <cell r="E389" t="e">
            <v>#N/A</v>
          </cell>
          <cell r="F389" t="str">
            <v>INSP</v>
          </cell>
          <cell r="G389" t="e">
            <v>#N/A</v>
          </cell>
          <cell r="H389" t="str">
            <v>PD-ISIN \ INSP</v>
          </cell>
          <cell r="I389" t="str">
            <v>SUBINSP</v>
          </cell>
          <cell r="J389" t="str">
            <v>ISIN</v>
          </cell>
          <cell r="K389" t="str">
            <v>X</v>
          </cell>
          <cell r="L389" t="str">
            <v>Inspection</v>
          </cell>
          <cell r="M389" t="str">
            <v>N</v>
          </cell>
        </row>
        <row r="390">
          <cell r="A390" t="str">
            <v>ITRFMMO</v>
          </cell>
          <cell r="B390" t="str">
            <v>PD O&amp;M</v>
          </cell>
          <cell r="C390" t="str">
            <v>MW</v>
          </cell>
          <cell r="D390" t="str">
            <v>PD-ITRF</v>
          </cell>
          <cell r="E390" t="e">
            <v>#N/A</v>
          </cell>
          <cell r="F390" t="str">
            <v>MOD</v>
          </cell>
          <cell r="G390" t="e">
            <v>#N/A</v>
          </cell>
          <cell r="H390" t="str">
            <v>PD-ITRF \ MOD</v>
          </cell>
          <cell r="I390" t="str">
            <v>TRANFMO</v>
          </cell>
          <cell r="J390" t="str">
            <v>ITRFMMO</v>
          </cell>
          <cell r="K390" t="str">
            <v>X</v>
          </cell>
          <cell r="L390" t="str">
            <v>Modification</v>
          </cell>
          <cell r="M390" t="str">
            <v>N</v>
          </cell>
        </row>
        <row r="391">
          <cell r="A391" t="str">
            <v>ITRFMPM</v>
          </cell>
          <cell r="B391" t="str">
            <v>PD O&amp;M</v>
          </cell>
          <cell r="C391" t="str">
            <v>MW</v>
          </cell>
          <cell r="D391" t="str">
            <v>PD-ITRF</v>
          </cell>
          <cell r="E391" t="e">
            <v>#N/A</v>
          </cell>
          <cell r="F391" t="str">
            <v>PM</v>
          </cell>
          <cell r="G391" t="e">
            <v>#N/A</v>
          </cell>
          <cell r="H391" t="str">
            <v>PD-ITRF \ PM</v>
          </cell>
          <cell r="I391" t="str">
            <v>TRANFPM</v>
          </cell>
          <cell r="J391" t="str">
            <v>ITRFMPM</v>
          </cell>
          <cell r="K391" t="str">
            <v>X</v>
          </cell>
          <cell r="L391" t="str">
            <v>Preventative Maintenance</v>
          </cell>
          <cell r="M391" t="str">
            <v>N</v>
          </cell>
        </row>
        <row r="392">
          <cell r="A392" t="str">
            <v>ITRFMRPR</v>
          </cell>
          <cell r="B392" t="str">
            <v>PD O&amp;M</v>
          </cell>
          <cell r="C392" t="str">
            <v>MW</v>
          </cell>
          <cell r="D392" t="str">
            <v>PD-ITRF</v>
          </cell>
          <cell r="E392" t="e">
            <v>#N/A</v>
          </cell>
          <cell r="F392" t="str">
            <v>RPR</v>
          </cell>
          <cell r="G392" t="e">
            <v>#N/A</v>
          </cell>
          <cell r="H392" t="str">
            <v>PD-ITRF \ RPR</v>
          </cell>
          <cell r="I392" t="str">
            <v>TRANFRP</v>
          </cell>
          <cell r="J392" t="str">
            <v>ITRFMRPR</v>
          </cell>
          <cell r="K392" t="str">
            <v>X</v>
          </cell>
          <cell r="L392" t="str">
            <v>Repair</v>
          </cell>
          <cell r="M392" t="str">
            <v>N</v>
          </cell>
        </row>
        <row r="393">
          <cell r="A393" t="str">
            <v>KOTCC</v>
          </cell>
          <cell r="B393" t="str">
            <v>Gas O&amp;M</v>
          </cell>
          <cell r="C393" t="str">
            <v>Gas</v>
          </cell>
          <cell r="D393" t="str">
            <v>GO-INSP</v>
          </cell>
          <cell r="E393" t="str">
            <v>Gas Operations - Inspections</v>
          </cell>
          <cell r="F393" t="str">
            <v>KOTCC</v>
          </cell>
          <cell r="G393" t="str">
            <v>Walk KO Lines</v>
          </cell>
          <cell r="H393" t="str">
            <v>GO-INSP \ KOTCC</v>
          </cell>
          <cell r="I393"/>
          <cell r="J393" t="str">
            <v>KOTCC</v>
          </cell>
          <cell r="K393" t="str">
            <v>X</v>
          </cell>
          <cell r="L393" t="str">
            <v>Walk KO Lines</v>
          </cell>
          <cell r="M393" t="str">
            <v>N</v>
          </cell>
        </row>
        <row r="394">
          <cell r="A394" t="str">
            <v>KOTMAINT</v>
          </cell>
          <cell r="B394" t="str">
            <v>Gas O&amp;M</v>
          </cell>
          <cell r="C394" t="str">
            <v>Gas</v>
          </cell>
          <cell r="D394" t="str">
            <v>GO-MC</v>
          </cell>
          <cell r="E394" t="str">
            <v>Gas Operations - Maintenance Corrective</v>
          </cell>
          <cell r="F394" t="str">
            <v>KOTMAINT</v>
          </cell>
          <cell r="G394" t="str">
            <v>Corrective Maint on KOT</v>
          </cell>
          <cell r="H394" t="str">
            <v>GO-MC \ KOTMAINT</v>
          </cell>
          <cell r="I394"/>
          <cell r="J394" t="str">
            <v>KOTMAINT</v>
          </cell>
          <cell r="K394" t="str">
            <v>X</v>
          </cell>
          <cell r="L394" t="str">
            <v>Corrective Maint on KOT</v>
          </cell>
          <cell r="M394" t="str">
            <v>N</v>
          </cell>
        </row>
        <row r="395">
          <cell r="A395" t="str">
            <v>LEAKANAL</v>
          </cell>
          <cell r="B395" t="str">
            <v>Gas O&amp;M</v>
          </cell>
          <cell r="C395" t="str">
            <v>Gas</v>
          </cell>
          <cell r="D395" t="str">
            <v>GO-INSP</v>
          </cell>
          <cell r="E395" t="str">
            <v>Gas Operations - Inspections</v>
          </cell>
          <cell r="F395" t="str">
            <v>LEAKANAL</v>
          </cell>
          <cell r="G395" t="str">
            <v>Leak Analysis</v>
          </cell>
          <cell r="H395" t="str">
            <v>GO-INSP \ LEAKANAL</v>
          </cell>
          <cell r="I395"/>
          <cell r="J395" t="str">
            <v>LEAKANAL</v>
          </cell>
          <cell r="K395" t="str">
            <v>X</v>
          </cell>
          <cell r="L395" t="str">
            <v>Leak Analysis</v>
          </cell>
          <cell r="M395" t="str">
            <v>N</v>
          </cell>
        </row>
        <row r="396">
          <cell r="A396" t="str">
            <v>LEAKANAL</v>
          </cell>
          <cell r="B396" t="str">
            <v>Gas O&amp;M</v>
          </cell>
          <cell r="C396" t="str">
            <v>Gas</v>
          </cell>
          <cell r="D396" t="str">
            <v>GO-LEAK</v>
          </cell>
          <cell r="E396" t="str">
            <v>Gas Operations - Leak Repair</v>
          </cell>
          <cell r="F396" t="str">
            <v>LEAKANAL</v>
          </cell>
          <cell r="G396" t="str">
            <v>Corrective Maintenance Leak Analysis</v>
          </cell>
          <cell r="H396" t="str">
            <v>GO-LEAK \ LEAKANAL</v>
          </cell>
          <cell r="I396"/>
          <cell r="J396" t="str">
            <v>LEAKANAL</v>
          </cell>
          <cell r="K396" t="str">
            <v>X</v>
          </cell>
          <cell r="L396" t="str">
            <v>Corrective Maintenance Leak Analysis</v>
          </cell>
          <cell r="M396" t="str">
            <v>N</v>
          </cell>
        </row>
        <row r="397">
          <cell r="A397" t="str">
            <v>LIPINS</v>
          </cell>
          <cell r="B397" t="str">
            <v>PD O&amp;M</v>
          </cell>
          <cell r="C397" t="str">
            <v>MW</v>
          </cell>
          <cell r="D397" t="str">
            <v>PD-PINSP</v>
          </cell>
          <cell r="E397" t="str">
            <v>Distribution Line Inspection Program</v>
          </cell>
          <cell r="F397" t="str">
            <v>POLE INSP</v>
          </cell>
          <cell r="G397" t="str">
            <v>Line Inspection Program -- Inspect Dist Lines</v>
          </cell>
          <cell r="H397" t="str">
            <v>PD-PINSP \ POLE INSP</v>
          </cell>
          <cell r="I397" t="str">
            <v>LIPINS</v>
          </cell>
          <cell r="J397" t="str">
            <v>LIPINS</v>
          </cell>
          <cell r="K397" t="str">
            <v>X</v>
          </cell>
          <cell r="L397" t="str">
            <v>Line Inspection Program -- Inspect Dist Lines</v>
          </cell>
          <cell r="M397" t="str">
            <v>N</v>
          </cell>
        </row>
        <row r="398">
          <cell r="A398" t="str">
            <v>LIPMT</v>
          </cell>
          <cell r="B398" t="str">
            <v>PD O&amp;M</v>
          </cell>
          <cell r="C398" t="str">
            <v>MW</v>
          </cell>
          <cell r="D398" t="str">
            <v>PD-PINSP</v>
          </cell>
          <cell r="E398" t="e">
            <v>#N/A</v>
          </cell>
          <cell r="F398" t="str">
            <v>POLEMAIN</v>
          </cell>
          <cell r="G398" t="e">
            <v>#N/A</v>
          </cell>
          <cell r="H398" t="str">
            <v>PD-PINSP \ POLEMAIN</v>
          </cell>
          <cell r="I398" t="str">
            <v>LIPMT</v>
          </cell>
          <cell r="J398" t="str">
            <v>LIPMT</v>
          </cell>
          <cell r="K398" t="str">
            <v>X</v>
          </cell>
          <cell r="L398" t="str">
            <v>Line Inspection Program -- Maintenance of Dist Line</v>
          </cell>
          <cell r="M398" t="str">
            <v>N</v>
          </cell>
        </row>
        <row r="399">
          <cell r="A399" t="str">
            <v>LKREPCIBS</v>
          </cell>
          <cell r="B399" t="str">
            <v>Gas O&amp;M</v>
          </cell>
          <cell r="C399" t="str">
            <v>Gas</v>
          </cell>
          <cell r="D399" t="str">
            <v>GO-MC</v>
          </cell>
          <cell r="E399" t="str">
            <v>Gas Operations - Maintenance Corrective</v>
          </cell>
          <cell r="F399" t="str">
            <v>LKREPCIBS</v>
          </cell>
          <cell r="G399" t="str">
            <v>Maintenance Corrective - Cast Iron and Bare Steel</v>
          </cell>
          <cell r="H399" t="str">
            <v>GO-MC \ LKREPCIBS</v>
          </cell>
          <cell r="I399"/>
          <cell r="J399" t="str">
            <v>LKREPCIBS</v>
          </cell>
          <cell r="K399" t="str">
            <v>X</v>
          </cell>
          <cell r="L399" t="str">
            <v>Maintenance Corrective - Cast Iron and Bare Steel</v>
          </cell>
          <cell r="M399" t="str">
            <v>N</v>
          </cell>
        </row>
        <row r="400">
          <cell r="A400" t="str">
            <v>LKREPOTH</v>
          </cell>
          <cell r="B400" t="str">
            <v>Gas O&amp;M</v>
          </cell>
          <cell r="C400" t="str">
            <v>Gas</v>
          </cell>
          <cell r="D400" t="str">
            <v>GO-LEAK</v>
          </cell>
          <cell r="E400" t="str">
            <v>Gas Operations - Leak Repair</v>
          </cell>
          <cell r="F400" t="str">
            <v>GRADE 1</v>
          </cell>
          <cell r="G400" t="str">
            <v>Corrective Maintenance Mains - Grade 1</v>
          </cell>
          <cell r="H400" t="str">
            <v>GO-LEAK \ GRADE 1</v>
          </cell>
          <cell r="I400"/>
          <cell r="J400" t="str">
            <v>LKREPOTH</v>
          </cell>
          <cell r="K400" t="str">
            <v>X</v>
          </cell>
          <cell r="L400" t="str">
            <v>Corrective Maintenance Mains - Grade 1</v>
          </cell>
          <cell r="M400" t="str">
            <v>N</v>
          </cell>
        </row>
        <row r="401">
          <cell r="A401" t="str">
            <v>LKREPOTH</v>
          </cell>
          <cell r="B401" t="str">
            <v>Gas O&amp;M</v>
          </cell>
          <cell r="C401" t="str">
            <v>Gas</v>
          </cell>
          <cell r="D401" t="str">
            <v>GO-LEAK</v>
          </cell>
          <cell r="E401" t="str">
            <v>Gas Operations - Leak Repair</v>
          </cell>
          <cell r="F401" t="str">
            <v>GRADE 2</v>
          </cell>
          <cell r="G401" t="str">
            <v>Corrective Maintenance Mains - Grade 2</v>
          </cell>
          <cell r="H401" t="str">
            <v>GO-LEAK \ GRADE 2</v>
          </cell>
          <cell r="I401"/>
          <cell r="J401" t="str">
            <v>LKREPOTH</v>
          </cell>
          <cell r="K401" t="str">
            <v>X</v>
          </cell>
          <cell r="L401" t="str">
            <v>Corrective Maintenance Mains - Grade 2</v>
          </cell>
          <cell r="M401" t="str">
            <v>N</v>
          </cell>
        </row>
        <row r="402">
          <cell r="A402" t="str">
            <v>LKREPOTH</v>
          </cell>
          <cell r="B402" t="str">
            <v>Gas O&amp;M</v>
          </cell>
          <cell r="C402" t="str">
            <v>Gas</v>
          </cell>
          <cell r="D402" t="str">
            <v>GO-MC</v>
          </cell>
          <cell r="E402" t="str">
            <v>Gas Operations - Maintenance Corrective</v>
          </cell>
          <cell r="F402" t="str">
            <v>LKREPOTH</v>
          </cell>
          <cell r="G402" t="str">
            <v xml:space="preserve">Maintenance Corrective - Other </v>
          </cell>
          <cell r="H402" t="str">
            <v>GO-MC \ LKREPOTH</v>
          </cell>
          <cell r="I402"/>
          <cell r="J402" t="str">
            <v>LKREPOTH</v>
          </cell>
          <cell r="K402" t="str">
            <v>X</v>
          </cell>
          <cell r="L402" t="str">
            <v>Maintenance Corrective - Other</v>
          </cell>
          <cell r="M402" t="str">
            <v>N</v>
          </cell>
        </row>
        <row r="403">
          <cell r="A403" t="str">
            <v>LOADSWCH</v>
          </cell>
          <cell r="B403" t="str">
            <v>PD O&amp;M</v>
          </cell>
          <cell r="C403" t="str">
            <v>MW</v>
          </cell>
          <cell r="D403" t="str">
            <v>PD-SWTCH</v>
          </cell>
          <cell r="E403" t="str">
            <v>Misc. Switching Procedures</v>
          </cell>
          <cell r="F403" t="str">
            <v>LOADSWTCH</v>
          </cell>
          <cell r="G403" t="str">
            <v>Misc. Switching Procedures</v>
          </cell>
          <cell r="H403" t="str">
            <v>PD-SWTCH \ LOADSWTCH</v>
          </cell>
          <cell r="I403"/>
          <cell r="J403" t="str">
            <v>LOADSWCH</v>
          </cell>
          <cell r="K403" t="str">
            <v>X</v>
          </cell>
          <cell r="L403" t="str">
            <v>MISC. SWITCHING PROCEDURES</v>
          </cell>
          <cell r="M403" t="str">
            <v>N</v>
          </cell>
        </row>
        <row r="404">
          <cell r="A404" t="str">
            <v>MANHD</v>
          </cell>
          <cell r="B404" t="str">
            <v>PD O&amp;M</v>
          </cell>
          <cell r="C404" t="str">
            <v>MW</v>
          </cell>
          <cell r="D404" t="str">
            <v>PD-INSP</v>
          </cell>
          <cell r="E404" t="e">
            <v>#N/A</v>
          </cell>
          <cell r="F404" t="str">
            <v>D MANHOLE</v>
          </cell>
          <cell r="G404" t="e">
            <v>#N/A</v>
          </cell>
          <cell r="H404" t="str">
            <v>PD-INSP \ D MANHOLE</v>
          </cell>
          <cell r="I404"/>
          <cell r="J404" t="str">
            <v>MANHD</v>
          </cell>
          <cell r="K404" t="str">
            <v>X</v>
          </cell>
          <cell r="L404" t="str">
            <v>D MANHOLE INSPECTIONS AND MAINTENANCE (NETWORK)</v>
          </cell>
          <cell r="M404" t="str">
            <v>N</v>
          </cell>
        </row>
        <row r="405">
          <cell r="A405" t="str">
            <v>MANHT</v>
          </cell>
          <cell r="B405" t="str">
            <v>PD O&amp;M</v>
          </cell>
          <cell r="C405" t="str">
            <v>MW</v>
          </cell>
          <cell r="D405" t="str">
            <v>PD-INSP</v>
          </cell>
          <cell r="E405" t="e">
            <v>#N/A</v>
          </cell>
          <cell r="F405" t="str">
            <v>T MANHOLE</v>
          </cell>
          <cell r="G405" t="e">
            <v>#N/A</v>
          </cell>
          <cell r="H405" t="str">
            <v>PD-INSP \ T MANHOLE</v>
          </cell>
          <cell r="I405"/>
          <cell r="J405" t="str">
            <v>MANHT</v>
          </cell>
          <cell r="K405" t="str">
            <v>X</v>
          </cell>
          <cell r="L405" t="str">
            <v>T MANHOLE INSPECTIONS AND MAINTENANCE (NETWORK)</v>
          </cell>
          <cell r="M405" t="str">
            <v>N</v>
          </cell>
        </row>
        <row r="406">
          <cell r="A406" t="str">
            <v>MCAP10</v>
          </cell>
          <cell r="B406" t="str">
            <v>Gas Capital</v>
          </cell>
          <cell r="C406" t="str">
            <v>Gas</v>
          </cell>
          <cell r="D406" t="str">
            <v>GO-SERVICEOH</v>
          </cell>
          <cell r="E406" t="str">
            <v>Gas Operations - Service Work - OH</v>
          </cell>
          <cell r="F406" t="str">
            <v>M-C AMRP</v>
          </cell>
          <cell r="G406" t="str">
            <v>INSTALL M-C SERVICE FOR CEX PROJECT</v>
          </cell>
          <cell r="H406" t="str">
            <v>GO-SERVICEOH \ M-C AMRP</v>
          </cell>
          <cell r="I406"/>
          <cell r="J406" t="str">
            <v>MCAP10</v>
          </cell>
          <cell r="K406" t="str">
            <v>I</v>
          </cell>
          <cell r="L406" t="str">
            <v>INSTALL M-C SERVICE FOR CEX PROJECT</v>
          </cell>
          <cell r="M406" t="str">
            <v>N</v>
          </cell>
        </row>
        <row r="407">
          <cell r="A407" t="str">
            <v>MCAP10</v>
          </cell>
          <cell r="B407" t="str">
            <v>Gas Capital</v>
          </cell>
          <cell r="C407" t="str">
            <v>Gas</v>
          </cell>
          <cell r="D407" t="str">
            <v>GO-SERVICEOH</v>
          </cell>
          <cell r="E407" t="str">
            <v>Gas Operations - Service Work - OH</v>
          </cell>
          <cell r="F407" t="str">
            <v>R-M-C AMRP</v>
          </cell>
          <cell r="G407" t="str">
            <v>REMOVE M-C SERVICE FOR CEX PROJECT</v>
          </cell>
          <cell r="H407" t="str">
            <v>GO-SERVICEOH \ R-M-C AMRP</v>
          </cell>
          <cell r="I407"/>
          <cell r="J407" t="str">
            <v>MCAP10</v>
          </cell>
          <cell r="K407" t="str">
            <v>R</v>
          </cell>
          <cell r="L407" t="str">
            <v>REMOVE M-C SERVICE FOR CEX PROJECT</v>
          </cell>
          <cell r="M407" t="str">
            <v>N</v>
          </cell>
        </row>
        <row r="408">
          <cell r="A408" t="str">
            <v>MCAP70</v>
          </cell>
          <cell r="B408" t="str">
            <v>Gas Capital</v>
          </cell>
          <cell r="C408" t="str">
            <v>Gas</v>
          </cell>
          <cell r="D408" t="str">
            <v>GO-SERVICEKY</v>
          </cell>
          <cell r="E408" t="str">
            <v>Gas Operations - Service Work - KY</v>
          </cell>
          <cell r="F408" t="str">
            <v>M-C AMRP</v>
          </cell>
          <cell r="G408" t="str">
            <v>INSTALL M-C SERVICE FOR CEX PROJECT</v>
          </cell>
          <cell r="H408" t="str">
            <v>GO-SERVICEKY \ M-C AMRP</v>
          </cell>
          <cell r="I408"/>
          <cell r="J408" t="str">
            <v>MCAP70</v>
          </cell>
          <cell r="K408" t="str">
            <v>I</v>
          </cell>
          <cell r="L408" t="str">
            <v>INSTALL M-C SERVICE FOR CEX PROJECT</v>
          </cell>
          <cell r="M408" t="str">
            <v>N</v>
          </cell>
        </row>
        <row r="409">
          <cell r="A409" t="str">
            <v>MCAP70</v>
          </cell>
          <cell r="B409" t="str">
            <v>Gas Capital</v>
          </cell>
          <cell r="C409" t="str">
            <v>Gas</v>
          </cell>
          <cell r="D409" t="str">
            <v>GO-SERVICEKY</v>
          </cell>
          <cell r="E409" t="str">
            <v>Gas Operations - Service Work - KY</v>
          </cell>
          <cell r="F409" t="str">
            <v>R-M-C AMRP</v>
          </cell>
          <cell r="G409" t="str">
            <v>REMOVE M-C SERVICE FOR CEX PROJECT</v>
          </cell>
          <cell r="H409" t="str">
            <v>GO-SERVICEKY \ R-M-C AMRP</v>
          </cell>
          <cell r="I409"/>
          <cell r="J409" t="str">
            <v>MCAP70</v>
          </cell>
          <cell r="K409" t="str">
            <v>R</v>
          </cell>
          <cell r="L409" t="str">
            <v>REMOVE M-C SERVICE FOR CEX PROJECT</v>
          </cell>
          <cell r="M409" t="str">
            <v>N</v>
          </cell>
        </row>
        <row r="410">
          <cell r="A410" t="str">
            <v>MCNP10</v>
          </cell>
          <cell r="B410" t="str">
            <v>Gas Capital</v>
          </cell>
          <cell r="C410" t="str">
            <v>Gas</v>
          </cell>
          <cell r="D410" t="str">
            <v>GO-SERVICEOH</v>
          </cell>
          <cell r="E410" t="str">
            <v>Gas Operations - Service Work - OH</v>
          </cell>
          <cell r="F410" t="str">
            <v>M-CNEW&lt;3"PL</v>
          </cell>
          <cell r="G410" t="str">
            <v>INSTALL NEW M-C SERVICE LESS THAN 3"</v>
          </cell>
          <cell r="H410" t="str">
            <v>GO-SERVICEOH \ M-CNEW&lt;3"PL</v>
          </cell>
          <cell r="I410"/>
          <cell r="J410" t="str">
            <v>MCNP10</v>
          </cell>
          <cell r="K410" t="str">
            <v>I</v>
          </cell>
          <cell r="L410" t="str">
            <v>INSTALL NEW M-C SERVICE LESS THAN 3"</v>
          </cell>
          <cell r="M410" t="str">
            <v>N</v>
          </cell>
        </row>
        <row r="411">
          <cell r="A411" t="str">
            <v>MCNP70</v>
          </cell>
          <cell r="B411" t="str">
            <v>Gas Capital</v>
          </cell>
          <cell r="C411" t="str">
            <v>Gas</v>
          </cell>
          <cell r="D411" t="str">
            <v>GO-SERVICEKY</v>
          </cell>
          <cell r="E411" t="str">
            <v>Gas Operations - Service Work - KY</v>
          </cell>
          <cell r="F411" t="str">
            <v>M-CNEW&lt;3"PL</v>
          </cell>
          <cell r="G411" t="str">
            <v>INSTALL NEW M-C SERVICE LESS THAN 3"</v>
          </cell>
          <cell r="H411" t="str">
            <v>GO-SERVICEKY \ M-CNEW&lt;3"PL</v>
          </cell>
          <cell r="I411"/>
          <cell r="J411" t="str">
            <v>MCNP70</v>
          </cell>
          <cell r="K411" t="str">
            <v>I</v>
          </cell>
          <cell r="L411" t="str">
            <v>INSTALL NEW M-C SERVICE LESS THAN 3"</v>
          </cell>
          <cell r="M411" t="str">
            <v>N</v>
          </cell>
        </row>
        <row r="412">
          <cell r="A412" t="str">
            <v>MCNS10</v>
          </cell>
          <cell r="B412" t="str">
            <v>Gas Capital</v>
          </cell>
          <cell r="C412" t="str">
            <v>Gas</v>
          </cell>
          <cell r="D412" t="str">
            <v>GO-SERVICEOH</v>
          </cell>
          <cell r="E412" t="str">
            <v>Gas Operations - Service Work - OH</v>
          </cell>
          <cell r="F412" t="str">
            <v>M-CNEW&lt;3"ST</v>
          </cell>
          <cell r="G412" t="str">
            <v>INSTALL NEW M-C SERVICE LESS THAN 3"</v>
          </cell>
          <cell r="H412" t="str">
            <v>GO-SERVICEOH \ M-CNEW&lt;3"ST</v>
          </cell>
          <cell r="I412"/>
          <cell r="J412" t="str">
            <v>MCNS10</v>
          </cell>
          <cell r="K412" t="str">
            <v>I</v>
          </cell>
          <cell r="L412" t="str">
            <v>INSTALL NEW M-C SERVICE LESS THAN 3"</v>
          </cell>
          <cell r="M412" t="str">
            <v>N</v>
          </cell>
        </row>
        <row r="413">
          <cell r="A413" t="str">
            <v>MCNS70</v>
          </cell>
          <cell r="B413" t="str">
            <v>Gas Capital</v>
          </cell>
          <cell r="C413" t="str">
            <v>Gas</v>
          </cell>
          <cell r="D413" t="str">
            <v>GO-SERVICEKY</v>
          </cell>
          <cell r="E413" t="str">
            <v>Gas Operations - Service Work - KY</v>
          </cell>
          <cell r="F413" t="str">
            <v>M-CNEW&lt;3"ST</v>
          </cell>
          <cell r="G413" t="str">
            <v>INSTALL NEW M-C SERVICE LESS THAN 3"</v>
          </cell>
          <cell r="H413" t="str">
            <v>GO-SERVICEKY \ M-CNEW&lt;3"ST</v>
          </cell>
          <cell r="I413"/>
          <cell r="J413" t="str">
            <v>MCNS70</v>
          </cell>
          <cell r="K413" t="str">
            <v>I</v>
          </cell>
          <cell r="L413" t="str">
            <v>INSTALL NEW M-C SERVICE LESS THAN 3"</v>
          </cell>
          <cell r="M413" t="str">
            <v>N</v>
          </cell>
        </row>
        <row r="414">
          <cell r="A414" t="str">
            <v>MCRP10</v>
          </cell>
          <cell r="B414" t="str">
            <v>Gas Capital</v>
          </cell>
          <cell r="C414" t="str">
            <v>Gas</v>
          </cell>
          <cell r="D414" t="str">
            <v>GO-SERVICEOH</v>
          </cell>
          <cell r="E414" t="str">
            <v>Gas Operations - Service Work - OH</v>
          </cell>
          <cell r="F414" t="str">
            <v>M-CRPL&lt;3"PL</v>
          </cell>
          <cell r="G414" t="str">
            <v>INSTALL PLASTIC M-C SERV. FOR RPL, STI, OR PRI PROJECT LESS THAN 3"</v>
          </cell>
          <cell r="H414" t="str">
            <v>GO-SERVICEOH \ M-CRPL&lt;3"PL</v>
          </cell>
          <cell r="I414"/>
          <cell r="J414" t="str">
            <v>MCRP10</v>
          </cell>
          <cell r="K414" t="str">
            <v>I</v>
          </cell>
          <cell r="L414" t="str">
            <v>INSTALL PLASTIC M-C SERV. FOR RPL, STI, OR PRI PROJECT LESS THAN 3"</v>
          </cell>
          <cell r="M414" t="str">
            <v>N</v>
          </cell>
        </row>
        <row r="415">
          <cell r="A415" t="str">
            <v>MCRP10</v>
          </cell>
          <cell r="B415" t="str">
            <v>Gas Capital</v>
          </cell>
          <cell r="C415" t="str">
            <v>Gas</v>
          </cell>
          <cell r="D415" t="str">
            <v>GO-SERVICEOH</v>
          </cell>
          <cell r="E415" t="str">
            <v>Gas Operations - Service Work - OH</v>
          </cell>
          <cell r="F415" t="str">
            <v>MCRP10</v>
          </cell>
          <cell r="G415" t="str">
            <v>Abandon Service M-C  Ohio</v>
          </cell>
          <cell r="H415" t="str">
            <v>GO-SERVICEOH \ MCRP10</v>
          </cell>
          <cell r="I415"/>
          <cell r="J415" t="str">
            <v>MCRP10</v>
          </cell>
          <cell r="K415" t="str">
            <v>R</v>
          </cell>
          <cell r="L415" t="str">
            <v>Abandon Service M-C Ohio</v>
          </cell>
          <cell r="M415" t="str">
            <v>N</v>
          </cell>
        </row>
        <row r="416">
          <cell r="A416" t="str">
            <v>MCRP10</v>
          </cell>
          <cell r="B416" t="str">
            <v>Gas Capital</v>
          </cell>
          <cell r="C416" t="str">
            <v>Gas</v>
          </cell>
          <cell r="D416" t="str">
            <v>GO-SERVICEOH</v>
          </cell>
          <cell r="E416" t="str">
            <v>Gas Operations - Service Work - OH</v>
          </cell>
          <cell r="F416" t="str">
            <v>R-M-CR&lt;3"PL</v>
          </cell>
          <cell r="G416" t="str">
            <v>REMOVE M-C SERV. FOR RPL, STI, OR PRI PROJECT LESS THAN 3"</v>
          </cell>
          <cell r="H416" t="str">
            <v>GO-SERVICEOH \ R-M-CR&lt;3"PL</v>
          </cell>
          <cell r="I416"/>
          <cell r="J416" t="str">
            <v>MCRP10</v>
          </cell>
          <cell r="K416" t="str">
            <v>R</v>
          </cell>
          <cell r="L416" t="str">
            <v>REMOVE M-C SERV. FOR RPL, STI, OR PRI PROJECT LESS THAN 3"</v>
          </cell>
          <cell r="M416" t="str">
            <v>N</v>
          </cell>
        </row>
        <row r="417">
          <cell r="A417" t="str">
            <v>MCRP70</v>
          </cell>
          <cell r="B417" t="str">
            <v>Gas Capital</v>
          </cell>
          <cell r="C417" t="str">
            <v>Gas</v>
          </cell>
          <cell r="D417" t="str">
            <v>GO-SERVICEKY</v>
          </cell>
          <cell r="E417" t="str">
            <v>Gas Operations - Service Work - KY</v>
          </cell>
          <cell r="F417" t="str">
            <v>M-CRPL&lt;3"PL</v>
          </cell>
          <cell r="G417" t="str">
            <v>INSTALL PLASTIC M-C SERV. FOR RPL, STI, OR PRI PROJECT LESS THAN 3"</v>
          </cell>
          <cell r="H417" t="str">
            <v>GO-SERVICEKY \ M-CRPL&lt;3"PL</v>
          </cell>
          <cell r="I417"/>
          <cell r="J417" t="str">
            <v>MCRP70</v>
          </cell>
          <cell r="K417" t="str">
            <v>I</v>
          </cell>
          <cell r="L417" t="str">
            <v>INSTALL PLASTIC M-C SERV. FOR RPL, STI, OR PRI PROJECT LESS THAN 3"</v>
          </cell>
          <cell r="M417" t="str">
            <v>N</v>
          </cell>
        </row>
        <row r="418">
          <cell r="A418" t="str">
            <v>MCRP70</v>
          </cell>
          <cell r="B418" t="str">
            <v>Gas Capital</v>
          </cell>
          <cell r="C418" t="str">
            <v>Gas</v>
          </cell>
          <cell r="D418" t="str">
            <v>GO-SERVICEKY</v>
          </cell>
          <cell r="E418" t="str">
            <v>Gas Operations - Service Work - KY</v>
          </cell>
          <cell r="F418" t="str">
            <v>MCRP70</v>
          </cell>
          <cell r="G418" t="str">
            <v>Abandon Service M-C Kentucky</v>
          </cell>
          <cell r="H418" t="str">
            <v>GO-SERVICEKY \ MCRP70</v>
          </cell>
          <cell r="I418"/>
          <cell r="J418" t="str">
            <v>MCRP70</v>
          </cell>
          <cell r="K418" t="str">
            <v>R</v>
          </cell>
          <cell r="L418" t="str">
            <v>Abandon Service M-C Kentucky</v>
          </cell>
          <cell r="M418" t="str">
            <v>N</v>
          </cell>
        </row>
        <row r="419">
          <cell r="A419" t="str">
            <v>MCRP70</v>
          </cell>
          <cell r="B419" t="str">
            <v>Gas Capital</v>
          </cell>
          <cell r="C419" t="str">
            <v>Gas</v>
          </cell>
          <cell r="D419" t="str">
            <v>GO-SERVICEKY</v>
          </cell>
          <cell r="E419" t="str">
            <v>Gas Operations - Service Work - KY</v>
          </cell>
          <cell r="F419" t="str">
            <v>R-M-CR&lt;3"PL</v>
          </cell>
          <cell r="G419" t="str">
            <v>REMOVE M-C SERV. FOR RPL, STI, OR PRI PROJECT LESS THAN 3"</v>
          </cell>
          <cell r="H419" t="str">
            <v>GO-SERVICEKY \ R-M-CR&lt;3"PL</v>
          </cell>
          <cell r="I419"/>
          <cell r="J419" t="str">
            <v>MCRP70</v>
          </cell>
          <cell r="K419" t="str">
            <v>R</v>
          </cell>
          <cell r="L419" t="str">
            <v>REMOVE M-C SERV. FOR RPL, STI, OR PRI PROJECT LESS THAN 3"</v>
          </cell>
          <cell r="M419" t="str">
            <v>N</v>
          </cell>
        </row>
        <row r="420">
          <cell r="A420" t="str">
            <v>MCRS10</v>
          </cell>
          <cell r="B420" t="str">
            <v>Gas Capital</v>
          </cell>
          <cell r="C420" t="str">
            <v>Gas</v>
          </cell>
          <cell r="D420" t="str">
            <v>GO-SERVICEOH</v>
          </cell>
          <cell r="E420" t="str">
            <v>Gas Operations - Service Work - OH</v>
          </cell>
          <cell r="F420" t="str">
            <v>M-CRPL&lt;3"ST</v>
          </cell>
          <cell r="G420" t="str">
            <v>INSTALL STEEL M-C SERV. FOR RPL, STI, OR PRI PROJECT LESS THAN 3"</v>
          </cell>
          <cell r="H420" t="str">
            <v>GO-SERVICEOH \ M-CRPL&lt;3"ST</v>
          </cell>
          <cell r="I420"/>
          <cell r="J420" t="str">
            <v>MCRS10</v>
          </cell>
          <cell r="K420" t="str">
            <v>I</v>
          </cell>
          <cell r="L420" t="str">
            <v>INSTALL STEEL M-C SERV. FOR RPL, STI, OR PRI PROJECT LESS THAN 3"</v>
          </cell>
          <cell r="M420" t="str">
            <v>N</v>
          </cell>
        </row>
        <row r="421">
          <cell r="A421" t="str">
            <v>MCRS10</v>
          </cell>
          <cell r="B421" t="str">
            <v>Gas Capital</v>
          </cell>
          <cell r="C421" t="str">
            <v>Gas</v>
          </cell>
          <cell r="D421" t="str">
            <v>GO-SERVICEOH</v>
          </cell>
          <cell r="E421" t="str">
            <v>Gas Operations - Service Work - OH</v>
          </cell>
          <cell r="F421" t="str">
            <v>R-M-CR&lt;3"ST</v>
          </cell>
          <cell r="G421" t="str">
            <v>REMOVE M-C SERV. FOR RPL, STI, OR PRI PROJECT LESS THAN 3"</v>
          </cell>
          <cell r="H421" t="str">
            <v>GO-SERVICEOH \ R-M-CR&lt;3"ST</v>
          </cell>
          <cell r="I421"/>
          <cell r="J421" t="str">
            <v>MCRS10</v>
          </cell>
          <cell r="K421" t="str">
            <v>R</v>
          </cell>
          <cell r="L421" t="str">
            <v>REMOVE M-C SERV. FOR RPL, STI, OR PRI PROJECT LESS THAN 3"</v>
          </cell>
          <cell r="M421" t="str">
            <v>N</v>
          </cell>
        </row>
        <row r="422">
          <cell r="A422" t="str">
            <v>MCRS70</v>
          </cell>
          <cell r="B422" t="str">
            <v>Gas Capital</v>
          </cell>
          <cell r="C422" t="str">
            <v>Gas</v>
          </cell>
          <cell r="D422" t="str">
            <v>GO-SERVICEKY</v>
          </cell>
          <cell r="E422" t="str">
            <v>Gas Operations - Service Work - KY</v>
          </cell>
          <cell r="F422" t="str">
            <v>M-CRPL&lt;3"ST</v>
          </cell>
          <cell r="G422" t="str">
            <v>INSTALL STEEL M-C SERV. FOR RPL, STI, OR PRI PROJECT LESS THAN 3"</v>
          </cell>
          <cell r="H422" t="str">
            <v>GO-SERVICEKY \ M-CRPL&lt;3"ST</v>
          </cell>
          <cell r="I422"/>
          <cell r="J422" t="str">
            <v>MCRS70</v>
          </cell>
          <cell r="K422" t="str">
            <v>I</v>
          </cell>
          <cell r="L422" t="str">
            <v>INSTALL STEEL M-C SERV. FOR RPL, STI, OR PRI PROJECT LESS THAN 3"</v>
          </cell>
          <cell r="M422" t="str">
            <v>N</v>
          </cell>
        </row>
        <row r="423">
          <cell r="A423" t="str">
            <v>MCRS70</v>
          </cell>
          <cell r="B423" t="str">
            <v>Gas Capital</v>
          </cell>
          <cell r="C423" t="str">
            <v>Gas</v>
          </cell>
          <cell r="D423" t="str">
            <v>GO-SERVICEKY</v>
          </cell>
          <cell r="E423" t="str">
            <v>Gas Operations - Service Work - KY</v>
          </cell>
          <cell r="F423" t="str">
            <v>R-M-CR&lt;3"ST</v>
          </cell>
          <cell r="G423" t="str">
            <v>REMOVE M-C SERV. FOR RPL, STI, OR PRI PROJECT LESS THAN 3"</v>
          </cell>
          <cell r="H423" t="str">
            <v>GO-SERVICEKY \ R-M-CR&lt;3"ST</v>
          </cell>
          <cell r="I423"/>
          <cell r="J423" t="str">
            <v>MCRS70</v>
          </cell>
          <cell r="K423" t="str">
            <v>R</v>
          </cell>
          <cell r="L423" t="str">
            <v>REMOVE M-C SERV. FOR RPL, STI, OR PRI PROJECT LESS THAN 3"</v>
          </cell>
          <cell r="M423" t="str">
            <v>N</v>
          </cell>
        </row>
        <row r="424">
          <cell r="A424" t="str">
            <v>MCSECM</v>
          </cell>
          <cell r="B424" t="str">
            <v>Gas O&amp;M</v>
          </cell>
          <cell r="C424" t="str">
            <v>Gas</v>
          </cell>
          <cell r="D424" t="str">
            <v>GO-MC</v>
          </cell>
          <cell r="E424" t="str">
            <v>Gas Operations - Maintenance Corrective</v>
          </cell>
          <cell r="F424" t="str">
            <v>MCSECM</v>
          </cell>
          <cell r="G424" t="str">
            <v>Install Anodes on C-M Risers and Services</v>
          </cell>
          <cell r="H424" t="str">
            <v>GO-MC \ MCSECM</v>
          </cell>
          <cell r="I424"/>
          <cell r="J424" t="str">
            <v>MCSECM</v>
          </cell>
          <cell r="K424" t="str">
            <v>X</v>
          </cell>
          <cell r="L424" t="str">
            <v>Install Anodes on C-M Risers and Services</v>
          </cell>
          <cell r="M424" t="str">
            <v>N</v>
          </cell>
        </row>
        <row r="425">
          <cell r="A425" t="str">
            <v>MCSEISP</v>
          </cell>
          <cell r="B425" t="str">
            <v>Gas O&amp;M</v>
          </cell>
          <cell r="C425" t="str">
            <v>Gas</v>
          </cell>
          <cell r="D425" t="str">
            <v>GO-INSP</v>
          </cell>
          <cell r="E425" t="str">
            <v>Gas Operations - Inspections</v>
          </cell>
          <cell r="F425" t="str">
            <v>MCSEISP</v>
          </cell>
          <cell r="G425" t="str">
            <v>Non pays/Maint/locating</v>
          </cell>
          <cell r="H425" t="str">
            <v>GO-INSP \ MCSEISP</v>
          </cell>
          <cell r="I425"/>
          <cell r="J425" t="str">
            <v>MCSEISP</v>
          </cell>
          <cell r="K425" t="str">
            <v>X</v>
          </cell>
          <cell r="L425" t="str">
            <v>Non pays/Maint/locating</v>
          </cell>
          <cell r="M425" t="str">
            <v>N</v>
          </cell>
        </row>
        <row r="426">
          <cell r="A426" t="str">
            <v>MCSEMC</v>
          </cell>
          <cell r="B426" t="str">
            <v>Gas O&amp;M</v>
          </cell>
          <cell r="C426" t="str">
            <v>Gas</v>
          </cell>
          <cell r="D426" t="str">
            <v>GO-MC</v>
          </cell>
          <cell r="E426" t="str">
            <v>Gas Operations - Maintenance Corrective</v>
          </cell>
          <cell r="F426" t="str">
            <v>MCSEMC</v>
          </cell>
          <cell r="G426" t="str">
            <v>Corrective Maint. Main to Curb</v>
          </cell>
          <cell r="H426" t="str">
            <v>GO-MC \ MCSEMC</v>
          </cell>
          <cell r="I426"/>
          <cell r="J426" t="str">
            <v>MCSEMC</v>
          </cell>
          <cell r="K426" t="str">
            <v>X</v>
          </cell>
          <cell r="L426" t="str">
            <v>Corrective Maint. Main to Curb</v>
          </cell>
          <cell r="M426" t="str">
            <v>N</v>
          </cell>
        </row>
        <row r="427">
          <cell r="A427" t="str">
            <v>MOIN</v>
          </cell>
          <cell r="B427" t="str">
            <v>PD Capital</v>
          </cell>
          <cell r="C427" t="str">
            <v>MW</v>
          </cell>
          <cell r="D427" t="str">
            <v>PD-OUTR</v>
          </cell>
          <cell r="E427" t="str">
            <v>Power Delivery Outage Restoration</v>
          </cell>
          <cell r="F427" t="str">
            <v>MOUTFUDIN</v>
          </cell>
          <cell r="G427" t="str">
            <v>Distribution work identified during follow-up after major outage event (1,000 customers or more) IN</v>
          </cell>
          <cell r="H427" t="str">
            <v>PD-OUTR \ MOUTFUDIN</v>
          </cell>
          <cell r="I427" t="str">
            <v>ROF</v>
          </cell>
          <cell r="J427" t="str">
            <v>MOIN</v>
          </cell>
          <cell r="K427" t="str">
            <v>I</v>
          </cell>
          <cell r="L427" t="str">
            <v>Distribution work identified during follow-up after major outage event (1,000 customers or more) IN</v>
          </cell>
          <cell r="M427" t="str">
            <v>N</v>
          </cell>
        </row>
        <row r="428">
          <cell r="A428" t="str">
            <v>MOKY</v>
          </cell>
          <cell r="B428" t="str">
            <v>PD Capital</v>
          </cell>
          <cell r="C428" t="str">
            <v>MW</v>
          </cell>
          <cell r="D428" t="str">
            <v>PD-OUTR</v>
          </cell>
          <cell r="E428" t="str">
            <v>Power Delivery Outage Restoration</v>
          </cell>
          <cell r="F428" t="str">
            <v>MOUTFUDKY</v>
          </cell>
          <cell r="G428" t="str">
            <v>Distribution work identified during follow-up after major outage event (1,000 customers or more) KY</v>
          </cell>
          <cell r="H428" t="str">
            <v>PD-OUTR \ MOUTFUDKY</v>
          </cell>
          <cell r="I428" t="str">
            <v>ROF</v>
          </cell>
          <cell r="J428" t="str">
            <v>MOKY</v>
          </cell>
          <cell r="K428" t="str">
            <v>I</v>
          </cell>
          <cell r="L428" t="str">
            <v>Distribution work identified during follow-up after major outage event (1,000 customers or more) KY</v>
          </cell>
          <cell r="M428" t="str">
            <v>N</v>
          </cell>
        </row>
        <row r="429">
          <cell r="A429" t="str">
            <v>MOOH</v>
          </cell>
          <cell r="B429" t="str">
            <v>PD Capital</v>
          </cell>
          <cell r="C429" t="str">
            <v>MW</v>
          </cell>
          <cell r="D429" t="str">
            <v>PD-OUTR</v>
          </cell>
          <cell r="E429" t="str">
            <v>Power Delivery Outage Restoration</v>
          </cell>
          <cell r="F429" t="str">
            <v>MOUTFUDOH</v>
          </cell>
          <cell r="G429" t="str">
            <v>Distribution work identified during follow-up after major outage event (1,000 customers or more) OH</v>
          </cell>
          <cell r="H429" t="str">
            <v>PD-OUTR \ MOUTFUDOH</v>
          </cell>
          <cell r="I429" t="str">
            <v>ROF</v>
          </cell>
          <cell r="J429" t="str">
            <v>MOOH</v>
          </cell>
          <cell r="K429" t="str">
            <v>I</v>
          </cell>
          <cell r="L429" t="str">
            <v>Distribution work identified during follow-up after major outage event (1,000 customers or more) OH</v>
          </cell>
          <cell r="M429" t="str">
            <v>N</v>
          </cell>
        </row>
        <row r="430">
          <cell r="A430" t="str">
            <v>NBIN</v>
          </cell>
          <cell r="B430" t="str">
            <v>PD Capital</v>
          </cell>
          <cell r="C430" t="str">
            <v>MW</v>
          </cell>
          <cell r="D430" t="str">
            <v>PD-C/I</v>
          </cell>
          <cell r="E430" t="str">
            <v>Power Delivery - BE - Commercial / Industrial</v>
          </cell>
          <cell r="F430" t="str">
            <v>PRI/SEC IN</v>
          </cell>
          <cell r="G430" t="str">
            <v>OH or UG primary secondary to commercial / industrial customers. IN</v>
          </cell>
          <cell r="H430" t="str">
            <v>PD-C/I \ PRI/SEC IN</v>
          </cell>
          <cell r="I430" t="str">
            <v>CUSDMW</v>
          </cell>
          <cell r="J430" t="str">
            <v>NBIN</v>
          </cell>
          <cell r="K430" t="str">
            <v>I</v>
          </cell>
          <cell r="L430" t="str">
            <v>OH or UG primary secondary to commercial / industrial customers. IN</v>
          </cell>
          <cell r="M430" t="str">
            <v>N</v>
          </cell>
        </row>
        <row r="431">
          <cell r="A431" t="str">
            <v>NBIN</v>
          </cell>
          <cell r="B431" t="str">
            <v>PD Capital</v>
          </cell>
          <cell r="C431" t="str">
            <v>MW</v>
          </cell>
          <cell r="D431" t="str">
            <v>PD-C/I</v>
          </cell>
          <cell r="E431" t="str">
            <v>Power Delivery - BE - Commercial / Industrial</v>
          </cell>
          <cell r="F431" t="str">
            <v>RELO IN</v>
          </cell>
          <cell r="G431" t="str">
            <v>Service relocation for commercial / industrial customers. IN</v>
          </cell>
          <cell r="H431" t="str">
            <v>PD-C/I \ RELO IN</v>
          </cell>
          <cell r="I431" t="str">
            <v>CUSDMW</v>
          </cell>
          <cell r="J431" t="str">
            <v>NBIN</v>
          </cell>
          <cell r="K431" t="str">
            <v>I</v>
          </cell>
          <cell r="L431" t="str">
            <v>Service relocation for commercial / industrial customers. IN</v>
          </cell>
          <cell r="M431" t="str">
            <v>N</v>
          </cell>
        </row>
        <row r="432">
          <cell r="A432" t="str">
            <v>NBIN</v>
          </cell>
          <cell r="B432" t="str">
            <v>PD Capital</v>
          </cell>
          <cell r="C432" t="str">
            <v>MW</v>
          </cell>
          <cell r="D432" t="str">
            <v>PD-C/I</v>
          </cell>
          <cell r="E432" t="e">
            <v>#N/A</v>
          </cell>
          <cell r="F432" t="str">
            <v>SERVICEIN</v>
          </cell>
          <cell r="G432" t="e">
            <v>#N/A</v>
          </cell>
          <cell r="H432" t="str">
            <v>PD-C/I \ SERVICEIN</v>
          </cell>
          <cell r="I432" t="str">
            <v>CUSDMW</v>
          </cell>
          <cell r="J432" t="str">
            <v>NBIN</v>
          </cell>
          <cell r="K432" t="str">
            <v>I</v>
          </cell>
          <cell r="L432" t="str">
            <v>SERVICE COMMERCIAL / INDUSTRIAL IN</v>
          </cell>
          <cell r="M432" t="str">
            <v>N</v>
          </cell>
        </row>
        <row r="433">
          <cell r="A433" t="str">
            <v>NBIN</v>
          </cell>
          <cell r="B433" t="str">
            <v>PD Capital</v>
          </cell>
          <cell r="C433" t="str">
            <v>MW</v>
          </cell>
          <cell r="D433" t="str">
            <v>PD-C/I</v>
          </cell>
          <cell r="E433" t="str">
            <v>Power Delivery - BE - Commercial / Industrial</v>
          </cell>
          <cell r="F433" t="str">
            <v>TAP&amp;SETIN</v>
          </cell>
          <cell r="G433" t="str">
            <v>Connection of service conductor and setting of meter  IN</v>
          </cell>
          <cell r="H433" t="str">
            <v>PD-C/I \ TAP&amp;SETIN</v>
          </cell>
          <cell r="I433" t="str">
            <v>CUSDMW</v>
          </cell>
          <cell r="J433" t="str">
            <v>NBIN</v>
          </cell>
          <cell r="K433" t="str">
            <v>I</v>
          </cell>
          <cell r="L433" t="str">
            <v>Connection of service conductor and setting of meter IN</v>
          </cell>
          <cell r="M433" t="str">
            <v>N</v>
          </cell>
        </row>
        <row r="434">
          <cell r="A434" t="str">
            <v>NBIN</v>
          </cell>
          <cell r="B434" t="str">
            <v>PD Capital</v>
          </cell>
          <cell r="C434" t="str">
            <v>MW</v>
          </cell>
          <cell r="D434" t="str">
            <v>PD-EXFAC</v>
          </cell>
          <cell r="E434" t="str">
            <v>Power Delivery - BE - Extra Facilities</v>
          </cell>
          <cell r="F434" t="str">
            <v>EXTRAFACIN</v>
          </cell>
          <cell r="G434" t="str">
            <v>UG/OH Pri &amp; Sec only to C/I customers where extra facilities charges apply INDIANA</v>
          </cell>
          <cell r="H434" t="str">
            <v>PD-EXFAC \ EXTRAFACIN</v>
          </cell>
          <cell r="I434" t="str">
            <v>CUSDMW</v>
          </cell>
          <cell r="J434" t="str">
            <v>NBIN</v>
          </cell>
          <cell r="K434" t="str">
            <v>I</v>
          </cell>
          <cell r="L434" t="str">
            <v>UG/OH Pri &amp; Sec only to C/I customers where extra facilities charges apply IN</v>
          </cell>
          <cell r="M434" t="str">
            <v>N</v>
          </cell>
        </row>
        <row r="435">
          <cell r="A435" t="str">
            <v>NBIN</v>
          </cell>
          <cell r="B435" t="str">
            <v>PD Capital</v>
          </cell>
          <cell r="C435" t="str">
            <v>MW</v>
          </cell>
          <cell r="D435" t="str">
            <v>PD-MFAM</v>
          </cell>
          <cell r="E435" t="str">
            <v>Power Delivery - BE - Multi-Family</v>
          </cell>
          <cell r="F435" t="str">
            <v>PRI/SEC IN</v>
          </cell>
          <cell r="G435" t="str">
            <v>Primary / Secondary Residential IN</v>
          </cell>
          <cell r="H435" t="str">
            <v>PD-MFAM \ PRI/SEC IN</v>
          </cell>
          <cell r="I435" t="str">
            <v>CUSDMW</v>
          </cell>
          <cell r="J435" t="str">
            <v>NBIN</v>
          </cell>
          <cell r="K435" t="str">
            <v>I</v>
          </cell>
          <cell r="L435" t="str">
            <v>Primary / Secondary Residential IN</v>
          </cell>
          <cell r="M435" t="str">
            <v>N</v>
          </cell>
        </row>
        <row r="436">
          <cell r="A436" t="str">
            <v>NBIN</v>
          </cell>
          <cell r="B436" t="str">
            <v>PD Capital</v>
          </cell>
          <cell r="C436" t="str">
            <v>MW</v>
          </cell>
          <cell r="D436" t="str">
            <v>PD-MFAM</v>
          </cell>
          <cell r="E436" t="str">
            <v>Power Delivery - BE - Multi-Family</v>
          </cell>
          <cell r="F436" t="str">
            <v>SERVICEIN</v>
          </cell>
          <cell r="G436" t="str">
            <v>Service Residential IN</v>
          </cell>
          <cell r="H436" t="str">
            <v>PD-MFAM \ SERVICEIN</v>
          </cell>
          <cell r="I436" t="str">
            <v>CUSDMW</v>
          </cell>
          <cell r="J436" t="str">
            <v>NBIN</v>
          </cell>
          <cell r="K436" t="str">
            <v>I</v>
          </cell>
          <cell r="L436" t="str">
            <v>Service Residential IN</v>
          </cell>
          <cell r="M436" t="str">
            <v>N</v>
          </cell>
        </row>
        <row r="437">
          <cell r="A437" t="str">
            <v>NBIN</v>
          </cell>
          <cell r="B437" t="str">
            <v>PD Capital</v>
          </cell>
          <cell r="C437" t="str">
            <v>MW</v>
          </cell>
          <cell r="D437" t="str">
            <v>PD-MFAM</v>
          </cell>
          <cell r="E437" t="str">
            <v>Power Delivery - BE - Multi-Family</v>
          </cell>
          <cell r="F437" t="str">
            <v>TAP&amp;SETIN</v>
          </cell>
          <cell r="G437" t="str">
            <v>Connection of service conductor and setting of meter IN</v>
          </cell>
          <cell r="H437" t="str">
            <v>PD-MFAM \ TAP&amp;SETIN</v>
          </cell>
          <cell r="I437" t="str">
            <v>CUSDMW</v>
          </cell>
          <cell r="J437" t="str">
            <v>NBIN</v>
          </cell>
          <cell r="K437" t="str">
            <v>I</v>
          </cell>
          <cell r="L437" t="str">
            <v>Connection of service conductor and setting of meter IN</v>
          </cell>
          <cell r="M437" t="str">
            <v>N</v>
          </cell>
        </row>
        <row r="438">
          <cell r="A438" t="str">
            <v>NBIN</v>
          </cell>
          <cell r="B438" t="str">
            <v>PD Capital</v>
          </cell>
          <cell r="C438" t="str">
            <v>MW</v>
          </cell>
          <cell r="D438" t="str">
            <v>PD-NEWCS</v>
          </cell>
          <cell r="E438" t="str">
            <v>Power Delivery - BE</v>
          </cell>
          <cell r="F438" t="str">
            <v>VEG MAN IN</v>
          </cell>
          <cell r="G438" t="str">
            <v>Vegetation Management IN</v>
          </cell>
          <cell r="H438" t="str">
            <v>PD-NEWCS \ VEG MAN IN</v>
          </cell>
          <cell r="I438" t="str">
            <v>CUSDMW</v>
          </cell>
          <cell r="J438" t="str">
            <v>NBIN</v>
          </cell>
          <cell r="K438" t="str">
            <v>I</v>
          </cell>
          <cell r="L438" t="str">
            <v>Vegetation Management IN</v>
          </cell>
          <cell r="M438" t="str">
            <v>N</v>
          </cell>
        </row>
        <row r="439">
          <cell r="A439" t="str">
            <v>NBIN</v>
          </cell>
          <cell r="B439" t="str">
            <v>PD Capital</v>
          </cell>
          <cell r="C439" t="str">
            <v>MW</v>
          </cell>
          <cell r="D439" t="str">
            <v>PD-OFFPR</v>
          </cell>
          <cell r="E439" t="str">
            <v>Power Delivery - BE - Off Premise</v>
          </cell>
          <cell r="F439" t="str">
            <v>OFFPREMIN</v>
          </cell>
          <cell r="G439" t="str">
            <v>Off Premise Work IN</v>
          </cell>
          <cell r="H439" t="str">
            <v>PD-OFFPR \ OFFPREMIN</v>
          </cell>
          <cell r="I439" t="str">
            <v>CUSDMW</v>
          </cell>
          <cell r="J439" t="str">
            <v>NBIN</v>
          </cell>
          <cell r="K439" t="str">
            <v>I</v>
          </cell>
          <cell r="L439" t="str">
            <v>Off Premise Work IN</v>
          </cell>
          <cell r="M439" t="str">
            <v>N</v>
          </cell>
        </row>
        <row r="440">
          <cell r="A440" t="str">
            <v>NBIN</v>
          </cell>
          <cell r="B440" t="str">
            <v>PD Capital</v>
          </cell>
          <cell r="C440" t="str">
            <v>MW</v>
          </cell>
          <cell r="D440" t="str">
            <v>PD-RES</v>
          </cell>
          <cell r="E440" t="str">
            <v>Power Delivery - BE - Residential</v>
          </cell>
          <cell r="F440" t="str">
            <v>PRI/SEC IN</v>
          </cell>
          <cell r="G440" t="str">
            <v>Primary / Secondary Residential IN</v>
          </cell>
          <cell r="H440" t="str">
            <v>PD-RES \ PRI/SEC IN</v>
          </cell>
          <cell r="I440" t="str">
            <v>CUSDMW</v>
          </cell>
          <cell r="J440" t="str">
            <v>NBIN</v>
          </cell>
          <cell r="K440" t="str">
            <v>I</v>
          </cell>
          <cell r="L440" t="str">
            <v>Primary / Secondary Residential IN</v>
          </cell>
          <cell r="M440" t="str">
            <v>N</v>
          </cell>
        </row>
        <row r="441">
          <cell r="A441" t="str">
            <v>NBIN</v>
          </cell>
          <cell r="B441" t="str">
            <v>PD Capital</v>
          </cell>
          <cell r="C441" t="str">
            <v>MW</v>
          </cell>
          <cell r="D441" t="str">
            <v>PD-RES</v>
          </cell>
          <cell r="E441" t="str">
            <v>Power Delivery - BE - Residential</v>
          </cell>
          <cell r="F441" t="str">
            <v>RELOUPGIN</v>
          </cell>
          <cell r="G441" t="str">
            <v>Customer requested relocation or upgrade (load, location, OH to UG conversion) IN</v>
          </cell>
          <cell r="H441" t="str">
            <v>PD-RES \ RELOUPGIN</v>
          </cell>
          <cell r="I441" t="str">
            <v>CUSDMW</v>
          </cell>
          <cell r="J441" t="str">
            <v>NBIN</v>
          </cell>
          <cell r="K441" t="str">
            <v>I</v>
          </cell>
          <cell r="L441" t="str">
            <v>Customer requested relocation or upgrade (load, location, OH to UG conversion) IN</v>
          </cell>
          <cell r="M441" t="str">
            <v>N</v>
          </cell>
        </row>
        <row r="442">
          <cell r="A442" t="str">
            <v>NBIN</v>
          </cell>
          <cell r="B442" t="str">
            <v>PD Capital</v>
          </cell>
          <cell r="C442" t="str">
            <v>MW</v>
          </cell>
          <cell r="D442" t="str">
            <v>PD-RES</v>
          </cell>
          <cell r="E442" t="str">
            <v>Power Delivery - BE - Residential</v>
          </cell>
          <cell r="F442" t="str">
            <v>SERVICEIN</v>
          </cell>
          <cell r="G442" t="str">
            <v>Service Residential IN</v>
          </cell>
          <cell r="H442" t="str">
            <v>PD-RES \ SERVICEIN</v>
          </cell>
          <cell r="I442" t="str">
            <v>CUSDMW</v>
          </cell>
          <cell r="J442" t="str">
            <v>NBIN</v>
          </cell>
          <cell r="K442" t="str">
            <v>I</v>
          </cell>
          <cell r="L442" t="str">
            <v>Service Residential IN</v>
          </cell>
          <cell r="M442" t="str">
            <v>N</v>
          </cell>
        </row>
        <row r="443">
          <cell r="A443" t="str">
            <v>NBIN</v>
          </cell>
          <cell r="B443" t="str">
            <v>PD Capital</v>
          </cell>
          <cell r="C443" t="str">
            <v>MW</v>
          </cell>
          <cell r="D443" t="str">
            <v>PD-RES</v>
          </cell>
          <cell r="E443" t="str">
            <v>Power Delivery - BE - Residential</v>
          </cell>
          <cell r="F443" t="str">
            <v>TAP&amp;SETIN</v>
          </cell>
          <cell r="G443" t="str">
            <v>Connection of service conductor and setting of meter IN</v>
          </cell>
          <cell r="H443" t="str">
            <v>PD-RES \ TAP&amp;SETIN</v>
          </cell>
          <cell r="I443" t="str">
            <v>CUSDMW</v>
          </cell>
          <cell r="J443" t="str">
            <v>NBIN</v>
          </cell>
          <cell r="K443" t="str">
            <v>I</v>
          </cell>
          <cell r="L443" t="str">
            <v>Connection of service conductor and setting of meter IN</v>
          </cell>
          <cell r="M443" t="str">
            <v>N</v>
          </cell>
        </row>
        <row r="444">
          <cell r="A444" t="str">
            <v>NBKY</v>
          </cell>
          <cell r="B444" t="str">
            <v>PD Capital</v>
          </cell>
          <cell r="C444" t="str">
            <v>MW</v>
          </cell>
          <cell r="D444" t="str">
            <v>PD-C/I</v>
          </cell>
          <cell r="E444" t="str">
            <v>Power Delivery - BE - Commercial / Industrial</v>
          </cell>
          <cell r="F444" t="str">
            <v>PRI/SEC KY</v>
          </cell>
          <cell r="G444" t="str">
            <v>OH or UG primary secondary to commercial / industrial customers. KY</v>
          </cell>
          <cell r="H444" t="str">
            <v>PD-C/I \ PRI/SEC KY</v>
          </cell>
          <cell r="I444" t="str">
            <v>CUSDMW</v>
          </cell>
          <cell r="J444" t="str">
            <v>NBKY</v>
          </cell>
          <cell r="K444" t="str">
            <v>I</v>
          </cell>
          <cell r="L444" t="str">
            <v>OH or UG primary secondary to commercial / industrial customers. KY</v>
          </cell>
          <cell r="M444" t="str">
            <v>N</v>
          </cell>
        </row>
        <row r="445">
          <cell r="A445" t="str">
            <v>NBKY</v>
          </cell>
          <cell r="B445" t="str">
            <v>PD Capital</v>
          </cell>
          <cell r="C445" t="str">
            <v>MW</v>
          </cell>
          <cell r="D445" t="str">
            <v>PD-C/I</v>
          </cell>
          <cell r="E445" t="str">
            <v>Power Delivery - BE - Commercial / Industrial</v>
          </cell>
          <cell r="F445" t="str">
            <v>RELO KY</v>
          </cell>
          <cell r="G445" t="str">
            <v>Service relocation for commercial / industrial customers. KY</v>
          </cell>
          <cell r="H445" t="str">
            <v>PD-C/I \ RELO KY</v>
          </cell>
          <cell r="I445" t="str">
            <v>CUSDMW</v>
          </cell>
          <cell r="J445" t="str">
            <v>NBKY</v>
          </cell>
          <cell r="K445" t="str">
            <v>I</v>
          </cell>
          <cell r="L445" t="str">
            <v>Service relocation for commercial / industrial customers. KY</v>
          </cell>
          <cell r="M445" t="str">
            <v>N</v>
          </cell>
        </row>
        <row r="446">
          <cell r="A446" t="str">
            <v>NBKY</v>
          </cell>
          <cell r="B446" t="str">
            <v>PD Capital</v>
          </cell>
          <cell r="C446" t="str">
            <v>MW</v>
          </cell>
          <cell r="D446" t="str">
            <v>PD-C/I</v>
          </cell>
          <cell r="E446" t="e">
            <v>#N/A</v>
          </cell>
          <cell r="F446" t="str">
            <v>SERVICEKY</v>
          </cell>
          <cell r="G446" t="e">
            <v>#N/A</v>
          </cell>
          <cell r="H446" t="str">
            <v>PD-C/I \ SERVICEKY</v>
          </cell>
          <cell r="I446" t="str">
            <v>CUSDMW</v>
          </cell>
          <cell r="J446" t="str">
            <v>NBKY</v>
          </cell>
          <cell r="K446" t="str">
            <v>I</v>
          </cell>
          <cell r="L446" t="str">
            <v>SERVICE COMMERCIAL / INDUSTRIAL KY</v>
          </cell>
          <cell r="M446" t="str">
            <v>N</v>
          </cell>
        </row>
        <row r="447">
          <cell r="A447" t="str">
            <v>NBKY</v>
          </cell>
          <cell r="B447" t="str">
            <v>PD Capital</v>
          </cell>
          <cell r="C447" t="str">
            <v>MW</v>
          </cell>
          <cell r="D447" t="str">
            <v>PD-C/I</v>
          </cell>
          <cell r="E447" t="str">
            <v>Power Delivery - BE - Commercial / Industrial</v>
          </cell>
          <cell r="F447" t="str">
            <v>TAP&amp;SETKY</v>
          </cell>
          <cell r="G447" t="str">
            <v>Connection of service conductor and setting of meter  KY</v>
          </cell>
          <cell r="H447" t="str">
            <v>PD-C/I \ TAP&amp;SETKY</v>
          </cell>
          <cell r="I447" t="str">
            <v>CUSDMW</v>
          </cell>
          <cell r="J447" t="str">
            <v>NBKY</v>
          </cell>
          <cell r="K447" t="str">
            <v>I</v>
          </cell>
          <cell r="L447" t="str">
            <v>Connection of service conductor and setting of meter KY</v>
          </cell>
          <cell r="M447" t="str">
            <v>N</v>
          </cell>
        </row>
        <row r="448">
          <cell r="A448" t="str">
            <v>NBKY</v>
          </cell>
          <cell r="B448" t="str">
            <v>PD Capital</v>
          </cell>
          <cell r="C448" t="str">
            <v>MW</v>
          </cell>
          <cell r="D448" t="str">
            <v>PD-EXFAC</v>
          </cell>
          <cell r="E448" t="str">
            <v>Power Delivery - BE - Extra Facilities</v>
          </cell>
          <cell r="F448" t="str">
            <v>EXTRAFACKY</v>
          </cell>
          <cell r="G448" t="str">
            <v>UG/OH Pri &amp; Sec only to C/I customers where extra facilities charges apply KY</v>
          </cell>
          <cell r="H448" t="str">
            <v>PD-EXFAC \ EXTRAFACKY</v>
          </cell>
          <cell r="I448" t="str">
            <v>CUSDMW</v>
          </cell>
          <cell r="J448" t="str">
            <v>NBKY</v>
          </cell>
          <cell r="K448" t="str">
            <v>I</v>
          </cell>
          <cell r="L448" t="str">
            <v>UG/OH Pri &amp; Sec only to C/I customers where extra facilities charges apply KY</v>
          </cell>
          <cell r="M448" t="str">
            <v>N</v>
          </cell>
        </row>
        <row r="449">
          <cell r="A449" t="str">
            <v>NBKY</v>
          </cell>
          <cell r="B449" t="str">
            <v>PD Capital</v>
          </cell>
          <cell r="C449" t="str">
            <v>MW</v>
          </cell>
          <cell r="D449" t="str">
            <v>PD-MFAM</v>
          </cell>
          <cell r="E449" t="str">
            <v>Power Delivery - BE - Multi-Family</v>
          </cell>
          <cell r="F449" t="str">
            <v>PRI/SEC KY</v>
          </cell>
          <cell r="G449" t="str">
            <v>Primary / Secondary Residential KY</v>
          </cell>
          <cell r="H449" t="str">
            <v>PD-MFAM \ PRI/SEC KY</v>
          </cell>
          <cell r="I449" t="str">
            <v>CUSDMW</v>
          </cell>
          <cell r="J449" t="str">
            <v>NBKY</v>
          </cell>
          <cell r="K449" t="str">
            <v>I</v>
          </cell>
          <cell r="L449" t="str">
            <v>Primary / Secondary Residential KY</v>
          </cell>
          <cell r="M449" t="str">
            <v>N</v>
          </cell>
        </row>
        <row r="450">
          <cell r="A450" t="str">
            <v>NBKY</v>
          </cell>
          <cell r="B450" t="str">
            <v>PD Capital</v>
          </cell>
          <cell r="C450" t="str">
            <v>MW</v>
          </cell>
          <cell r="D450" t="str">
            <v>PD-MFAM</v>
          </cell>
          <cell r="E450" t="str">
            <v>Power Delivery - BE - Multi-Family</v>
          </cell>
          <cell r="F450" t="str">
            <v>SERVICEKY</v>
          </cell>
          <cell r="G450" t="str">
            <v>Service Residential KY</v>
          </cell>
          <cell r="H450" t="str">
            <v>PD-MFAM \ SERVICEKY</v>
          </cell>
          <cell r="I450" t="str">
            <v>CUSDMW</v>
          </cell>
          <cell r="J450" t="str">
            <v>NBKY</v>
          </cell>
          <cell r="K450" t="str">
            <v>I</v>
          </cell>
          <cell r="L450" t="str">
            <v>Service Residential KY</v>
          </cell>
          <cell r="M450" t="str">
            <v>N</v>
          </cell>
        </row>
        <row r="451">
          <cell r="A451" t="str">
            <v>NBKY</v>
          </cell>
          <cell r="B451" t="str">
            <v>PD Capital</v>
          </cell>
          <cell r="C451" t="str">
            <v>MW</v>
          </cell>
          <cell r="D451" t="str">
            <v>PD-MFAM</v>
          </cell>
          <cell r="E451" t="str">
            <v>Power Delivery - BE - Multi-Family</v>
          </cell>
          <cell r="F451" t="str">
            <v>TAP&amp;SETKY</v>
          </cell>
          <cell r="G451" t="str">
            <v>Connection of service conductor and setting of meter KY</v>
          </cell>
          <cell r="H451" t="str">
            <v>PD-MFAM \ TAP&amp;SETKY</v>
          </cell>
          <cell r="I451" t="str">
            <v>CUSDMW</v>
          </cell>
          <cell r="J451" t="str">
            <v>NBKY</v>
          </cell>
          <cell r="K451" t="str">
            <v>I</v>
          </cell>
          <cell r="L451" t="str">
            <v>Connection of service conductor and setting of meter KY</v>
          </cell>
          <cell r="M451" t="str">
            <v>N</v>
          </cell>
        </row>
        <row r="452">
          <cell r="A452" t="str">
            <v>NBKY</v>
          </cell>
          <cell r="B452" t="str">
            <v>PD Capital</v>
          </cell>
          <cell r="C452" t="str">
            <v>MW</v>
          </cell>
          <cell r="D452" t="str">
            <v>PD-NEWCS</v>
          </cell>
          <cell r="E452" t="str">
            <v>Power Delivery - BE</v>
          </cell>
          <cell r="F452" t="str">
            <v>VEG MAN KY</v>
          </cell>
          <cell r="G452" t="str">
            <v>Vegetation Management KY</v>
          </cell>
          <cell r="H452" t="str">
            <v>PD-NEWCS \ VEG MAN KY</v>
          </cell>
          <cell r="I452" t="str">
            <v>CUSDMW</v>
          </cell>
          <cell r="J452" t="str">
            <v>NBKY</v>
          </cell>
          <cell r="K452" t="str">
            <v>I</v>
          </cell>
          <cell r="L452" t="str">
            <v>Vegetation Management KY</v>
          </cell>
          <cell r="M452" t="str">
            <v>N</v>
          </cell>
        </row>
        <row r="453">
          <cell r="A453" t="str">
            <v>NBKY</v>
          </cell>
          <cell r="B453" t="str">
            <v>PD Capital</v>
          </cell>
          <cell r="C453" t="str">
            <v>MW</v>
          </cell>
          <cell r="D453" t="str">
            <v>PD-OFFPR</v>
          </cell>
          <cell r="E453" t="str">
            <v>Power Delivery - BE - Off Premise</v>
          </cell>
          <cell r="F453" t="str">
            <v>OFFPREMKY</v>
          </cell>
          <cell r="G453" t="str">
            <v>Off Premise Work KY</v>
          </cell>
          <cell r="H453" t="str">
            <v>PD-OFFPR \ OFFPREMKY</v>
          </cell>
          <cell r="I453" t="str">
            <v>CUSDMW</v>
          </cell>
          <cell r="J453" t="str">
            <v>NBKY</v>
          </cell>
          <cell r="K453" t="str">
            <v>I</v>
          </cell>
          <cell r="L453" t="str">
            <v>Off Premise Work KY</v>
          </cell>
          <cell r="M453" t="str">
            <v>N</v>
          </cell>
        </row>
        <row r="454">
          <cell r="A454" t="str">
            <v>NBKY</v>
          </cell>
          <cell r="B454" t="str">
            <v>PD Capital</v>
          </cell>
          <cell r="C454" t="str">
            <v>MW</v>
          </cell>
          <cell r="D454" t="str">
            <v>PD-RES</v>
          </cell>
          <cell r="E454" t="str">
            <v>Power Delivery - BE - Residential</v>
          </cell>
          <cell r="F454" t="str">
            <v>PRI/SEC KY</v>
          </cell>
          <cell r="G454" t="str">
            <v>Primary / Secondary Residential KY</v>
          </cell>
          <cell r="H454" t="str">
            <v>PD-RES \ PRI/SEC KY</v>
          </cell>
          <cell r="I454" t="str">
            <v>CUSDMW</v>
          </cell>
          <cell r="J454" t="str">
            <v>NBKY</v>
          </cell>
          <cell r="K454" t="str">
            <v>I</v>
          </cell>
          <cell r="L454" t="str">
            <v>Primary / Secondary Residential KY</v>
          </cell>
          <cell r="M454" t="str">
            <v>N</v>
          </cell>
        </row>
        <row r="455">
          <cell r="A455" t="str">
            <v>NBKY</v>
          </cell>
          <cell r="B455" t="str">
            <v>PD Capital</v>
          </cell>
          <cell r="C455" t="str">
            <v>MW</v>
          </cell>
          <cell r="D455" t="str">
            <v>PD-RES</v>
          </cell>
          <cell r="E455" t="str">
            <v>Power Delivery - BE - Residential</v>
          </cell>
          <cell r="F455" t="str">
            <v>RELOUPGKY</v>
          </cell>
          <cell r="G455" t="str">
            <v>Customer requested relocation or upgrade (load, location, OH to UG conversion) KY</v>
          </cell>
          <cell r="H455" t="str">
            <v>PD-RES \ RELOUPGKY</v>
          </cell>
          <cell r="I455" t="str">
            <v>CUSDMW</v>
          </cell>
          <cell r="J455" t="str">
            <v>NBKY</v>
          </cell>
          <cell r="K455" t="str">
            <v>I</v>
          </cell>
          <cell r="L455" t="str">
            <v>Customer requested relocation or upgrade (load, location, OH to UG conversion) KY</v>
          </cell>
          <cell r="M455" t="str">
            <v>N</v>
          </cell>
        </row>
        <row r="456">
          <cell r="A456" t="str">
            <v>NBKY</v>
          </cell>
          <cell r="B456" t="str">
            <v>PD Capital</v>
          </cell>
          <cell r="C456" t="str">
            <v>MW</v>
          </cell>
          <cell r="D456" t="str">
            <v>PD-RES</v>
          </cell>
          <cell r="E456" t="str">
            <v>Power Delivery - BE - Residential</v>
          </cell>
          <cell r="F456" t="str">
            <v>SERVICEKY</v>
          </cell>
          <cell r="G456" t="str">
            <v>Service Residential KY</v>
          </cell>
          <cell r="H456" t="str">
            <v>PD-RES \ SERVICEKY</v>
          </cell>
          <cell r="I456" t="str">
            <v>CUSDMW</v>
          </cell>
          <cell r="J456" t="str">
            <v>NBKY</v>
          </cell>
          <cell r="K456" t="str">
            <v>I</v>
          </cell>
          <cell r="L456" t="str">
            <v>Service Residential KY</v>
          </cell>
          <cell r="M456" t="str">
            <v>N</v>
          </cell>
        </row>
        <row r="457">
          <cell r="A457" t="str">
            <v>NBKY</v>
          </cell>
          <cell r="B457" t="str">
            <v>PD Capital</v>
          </cell>
          <cell r="C457" t="str">
            <v>MW</v>
          </cell>
          <cell r="D457" t="str">
            <v>PD-RES</v>
          </cell>
          <cell r="E457" t="str">
            <v>Power Delivery - BE - Residential</v>
          </cell>
          <cell r="F457" t="str">
            <v>TAP&amp;SETKY</v>
          </cell>
          <cell r="G457" t="str">
            <v>Connection of service conductor and setting of meter KY</v>
          </cell>
          <cell r="H457" t="str">
            <v>PD-RES \ TAP&amp;SETKY</v>
          </cell>
          <cell r="I457" t="str">
            <v>CUSDMW</v>
          </cell>
          <cell r="J457" t="str">
            <v>NBKY</v>
          </cell>
          <cell r="K457" t="str">
            <v>I</v>
          </cell>
          <cell r="L457" t="str">
            <v>Connection of service conductor and setting of meter KY</v>
          </cell>
          <cell r="M457" t="str">
            <v>N</v>
          </cell>
        </row>
        <row r="458">
          <cell r="A458" t="str">
            <v>NBOH</v>
          </cell>
          <cell r="B458" t="str">
            <v>PD Capital</v>
          </cell>
          <cell r="C458" t="str">
            <v>MW</v>
          </cell>
          <cell r="D458" t="str">
            <v>PD-C/I</v>
          </cell>
          <cell r="E458" t="str">
            <v>Power Delivery - BE - Commercial / Industrial</v>
          </cell>
          <cell r="F458" t="str">
            <v>PRI/SEC OH</v>
          </cell>
          <cell r="G458" t="str">
            <v>OH or UG primary secondary to commercial / industrial customers.</v>
          </cell>
          <cell r="H458" t="str">
            <v>PD-C/I \ PRI/SEC OH</v>
          </cell>
          <cell r="I458" t="str">
            <v>CUSDMW</v>
          </cell>
          <cell r="J458" t="str">
            <v>NBOH</v>
          </cell>
          <cell r="K458" t="str">
            <v>I</v>
          </cell>
          <cell r="L458" t="str">
            <v>OH or UG primary secondary to commercial / industrial customers.</v>
          </cell>
          <cell r="M458" t="str">
            <v>N</v>
          </cell>
        </row>
        <row r="459">
          <cell r="A459" t="str">
            <v>NBOH</v>
          </cell>
          <cell r="B459" t="str">
            <v>PD Capital</v>
          </cell>
          <cell r="C459" t="str">
            <v>MW</v>
          </cell>
          <cell r="D459" t="str">
            <v>PD-C/I</v>
          </cell>
          <cell r="E459" t="str">
            <v>Power Delivery - BE - Commercial / Industrial</v>
          </cell>
          <cell r="F459" t="str">
            <v>RELO OH</v>
          </cell>
          <cell r="G459" t="str">
            <v>Service relocation for commercial / industrial customers. OH</v>
          </cell>
          <cell r="H459" t="str">
            <v>PD-C/I \ RELO OH</v>
          </cell>
          <cell r="I459" t="str">
            <v>CUSDMW</v>
          </cell>
          <cell r="J459" t="str">
            <v>NBOH</v>
          </cell>
          <cell r="K459" t="str">
            <v>I</v>
          </cell>
          <cell r="L459" t="str">
            <v>Service relocation for commercial / industrial customers. OH</v>
          </cell>
          <cell r="M459" t="str">
            <v>N</v>
          </cell>
        </row>
        <row r="460">
          <cell r="A460" t="str">
            <v>NBOH</v>
          </cell>
          <cell r="B460" t="str">
            <v>PD Capital</v>
          </cell>
          <cell r="C460" t="str">
            <v>MW</v>
          </cell>
          <cell r="D460" t="str">
            <v>PD-C/I</v>
          </cell>
          <cell r="E460" t="e">
            <v>#N/A</v>
          </cell>
          <cell r="F460" t="str">
            <v>SERVICEOH</v>
          </cell>
          <cell r="G460" t="e">
            <v>#N/A</v>
          </cell>
          <cell r="H460" t="str">
            <v>PD-C/I \ SERVICEOH</v>
          </cell>
          <cell r="I460" t="str">
            <v>CUSDMW</v>
          </cell>
          <cell r="J460" t="str">
            <v>NBOH</v>
          </cell>
          <cell r="K460" t="str">
            <v>I</v>
          </cell>
          <cell r="L460" t="str">
            <v>SERVICE COMMERCIAL / INDUSTRIAL OH</v>
          </cell>
          <cell r="M460" t="str">
            <v>N</v>
          </cell>
        </row>
        <row r="461">
          <cell r="A461" t="str">
            <v>NBOH</v>
          </cell>
          <cell r="B461" t="str">
            <v>PD Capital</v>
          </cell>
          <cell r="C461" t="str">
            <v>MW</v>
          </cell>
          <cell r="D461" t="str">
            <v>PD-C/I</v>
          </cell>
          <cell r="E461" t="str">
            <v>Power Delivery - BE - Commercial / Industrial</v>
          </cell>
          <cell r="F461" t="str">
            <v>TAP&amp;SETOH</v>
          </cell>
          <cell r="G461" t="str">
            <v>Connection of service conductor and setting of meter  OH</v>
          </cell>
          <cell r="H461" t="str">
            <v>PD-C/I \ TAP&amp;SETOH</v>
          </cell>
          <cell r="I461" t="str">
            <v>CUSDMW</v>
          </cell>
          <cell r="J461" t="str">
            <v>NBOH</v>
          </cell>
          <cell r="K461" t="str">
            <v>I</v>
          </cell>
          <cell r="L461" t="str">
            <v>Connection of service conductor and setting of meter OH</v>
          </cell>
          <cell r="M461" t="str">
            <v>N</v>
          </cell>
        </row>
        <row r="462">
          <cell r="A462" t="str">
            <v>NBOH</v>
          </cell>
          <cell r="B462" t="str">
            <v>PD Capital</v>
          </cell>
          <cell r="C462" t="str">
            <v>MW</v>
          </cell>
          <cell r="D462" t="str">
            <v>PD-EXFAC</v>
          </cell>
          <cell r="E462" t="str">
            <v>Power Delivery - BE - Extra Facilities</v>
          </cell>
          <cell r="F462" t="str">
            <v>EXTRAFACOH</v>
          </cell>
          <cell r="G462" t="str">
            <v>UG/OH Pri &amp; Sec only to C/I customers where extra facilities charges apply OH</v>
          </cell>
          <cell r="H462" t="str">
            <v>PD-EXFAC \ EXTRAFACOH</v>
          </cell>
          <cell r="I462" t="str">
            <v>CUSDMW</v>
          </cell>
          <cell r="J462" t="str">
            <v>NBOH</v>
          </cell>
          <cell r="K462" t="str">
            <v>I</v>
          </cell>
          <cell r="L462" t="str">
            <v>UG/OH Pri &amp; Sec only to C/I customers where extra facilities charges apply OH</v>
          </cell>
          <cell r="M462" t="str">
            <v>N</v>
          </cell>
        </row>
        <row r="463">
          <cell r="A463" t="str">
            <v>NBOH</v>
          </cell>
          <cell r="B463" t="str">
            <v>PD Capital</v>
          </cell>
          <cell r="C463" t="str">
            <v>MW</v>
          </cell>
          <cell r="D463" t="str">
            <v>PD-MFAM</v>
          </cell>
          <cell r="E463" t="str">
            <v>Power Delivery - BE - Multi-Family</v>
          </cell>
          <cell r="F463" t="str">
            <v>PRI/SEC OH</v>
          </cell>
          <cell r="G463" t="str">
            <v>Primary / Secondary Residential OH</v>
          </cell>
          <cell r="H463" t="str">
            <v>PD-MFAM \ PRI/SEC OH</v>
          </cell>
          <cell r="I463" t="str">
            <v>CUSDMW</v>
          </cell>
          <cell r="J463" t="str">
            <v>NBOH</v>
          </cell>
          <cell r="K463" t="str">
            <v>I</v>
          </cell>
          <cell r="L463" t="str">
            <v>Primary / Secondary Residential OH</v>
          </cell>
          <cell r="M463" t="str">
            <v>N</v>
          </cell>
        </row>
        <row r="464">
          <cell r="A464" t="str">
            <v>NBOH</v>
          </cell>
          <cell r="B464" t="str">
            <v>PD Capital</v>
          </cell>
          <cell r="C464" t="str">
            <v>MW</v>
          </cell>
          <cell r="D464" t="str">
            <v>PD-MFAM</v>
          </cell>
          <cell r="E464" t="str">
            <v>Power Delivery - BE - Multi-Family</v>
          </cell>
          <cell r="F464" t="str">
            <v>SERVICEOH</v>
          </cell>
          <cell r="G464" t="str">
            <v>Service Resdential OH</v>
          </cell>
          <cell r="H464" t="str">
            <v>PD-MFAM \ SERVICEOH</v>
          </cell>
          <cell r="I464" t="str">
            <v>CUSDMW</v>
          </cell>
          <cell r="J464" t="str">
            <v>NBOH</v>
          </cell>
          <cell r="K464" t="str">
            <v>I</v>
          </cell>
          <cell r="L464" t="str">
            <v>Service Resdential OH</v>
          </cell>
          <cell r="M464" t="str">
            <v>N</v>
          </cell>
        </row>
        <row r="465">
          <cell r="A465" t="str">
            <v>NBOH</v>
          </cell>
          <cell r="B465" t="str">
            <v>PD Capital</v>
          </cell>
          <cell r="C465" t="str">
            <v>MW</v>
          </cell>
          <cell r="D465" t="str">
            <v>PD-MFAM</v>
          </cell>
          <cell r="E465" t="str">
            <v>Power Delivery - BE - Multi-Family</v>
          </cell>
          <cell r="F465" t="str">
            <v>TAP&amp;SETOH</v>
          </cell>
          <cell r="G465" t="str">
            <v>Connection of service conductor and setting of meter OH</v>
          </cell>
          <cell r="H465" t="str">
            <v>PD-MFAM \ TAP&amp;SETOH</v>
          </cell>
          <cell r="I465" t="str">
            <v>CUSDMW</v>
          </cell>
          <cell r="J465" t="str">
            <v>NBOH</v>
          </cell>
          <cell r="K465" t="str">
            <v>I</v>
          </cell>
          <cell r="L465" t="str">
            <v>Connection of service conductor and setting of meter OH</v>
          </cell>
          <cell r="M465" t="str">
            <v>N</v>
          </cell>
        </row>
        <row r="466">
          <cell r="A466" t="str">
            <v>NBOH</v>
          </cell>
          <cell r="B466" t="str">
            <v>PD Capital</v>
          </cell>
          <cell r="C466" t="str">
            <v>MW</v>
          </cell>
          <cell r="D466" t="str">
            <v>PD-NEWCS</v>
          </cell>
          <cell r="E466" t="str">
            <v>Power Delivery - BE</v>
          </cell>
          <cell r="F466" t="str">
            <v>VEG MAN OH</v>
          </cell>
          <cell r="G466" t="str">
            <v>Vegetation Management OH</v>
          </cell>
          <cell r="H466" t="str">
            <v>PD-NEWCS \ VEG MAN OH</v>
          </cell>
          <cell r="I466" t="str">
            <v>CUSDMW</v>
          </cell>
          <cell r="J466" t="str">
            <v>NBOH</v>
          </cell>
          <cell r="K466" t="str">
            <v>I</v>
          </cell>
          <cell r="L466" t="str">
            <v>Vegetation Management OH</v>
          </cell>
          <cell r="M466" t="str">
            <v>N</v>
          </cell>
        </row>
        <row r="467">
          <cell r="A467" t="str">
            <v>NBOH</v>
          </cell>
          <cell r="B467" t="str">
            <v>PD Capital</v>
          </cell>
          <cell r="C467" t="str">
            <v>MW</v>
          </cell>
          <cell r="D467" t="str">
            <v>PD-OFFPR</v>
          </cell>
          <cell r="E467" t="str">
            <v>Power Delivery - BE - Off Premise</v>
          </cell>
          <cell r="F467" t="str">
            <v>OFFPREMOH</v>
          </cell>
          <cell r="G467" t="str">
            <v>Off Premise Work OH</v>
          </cell>
          <cell r="H467" t="str">
            <v>PD-OFFPR \ OFFPREMOH</v>
          </cell>
          <cell r="I467" t="str">
            <v>CUSDMW</v>
          </cell>
          <cell r="J467" t="str">
            <v>NBOH</v>
          </cell>
          <cell r="K467" t="str">
            <v>I</v>
          </cell>
          <cell r="L467" t="str">
            <v>Off Premise Work OH</v>
          </cell>
          <cell r="M467" t="str">
            <v>N</v>
          </cell>
        </row>
        <row r="468">
          <cell r="A468" t="str">
            <v>NBOH</v>
          </cell>
          <cell r="B468" t="str">
            <v>PD Capital</v>
          </cell>
          <cell r="C468" t="str">
            <v>MW</v>
          </cell>
          <cell r="D468" t="str">
            <v>PD-RES</v>
          </cell>
          <cell r="E468" t="str">
            <v>Power Delivery - BE - Residential</v>
          </cell>
          <cell r="F468" t="str">
            <v>PRI/SEC OH</v>
          </cell>
          <cell r="G468" t="str">
            <v>Primary / Secondary Residential OH</v>
          </cell>
          <cell r="H468" t="str">
            <v>PD-RES \ PRI/SEC OH</v>
          </cell>
          <cell r="I468" t="str">
            <v>CUSDMW</v>
          </cell>
          <cell r="J468" t="str">
            <v>NBOH</v>
          </cell>
          <cell r="K468" t="str">
            <v>I</v>
          </cell>
          <cell r="L468" t="str">
            <v>Primary / Secondary Residential OH</v>
          </cell>
          <cell r="M468" t="str">
            <v>N</v>
          </cell>
        </row>
        <row r="469">
          <cell r="A469" t="str">
            <v>NBOH</v>
          </cell>
          <cell r="B469" t="str">
            <v>PD Capital</v>
          </cell>
          <cell r="C469" t="str">
            <v>MW</v>
          </cell>
          <cell r="D469" t="str">
            <v>PD-RES</v>
          </cell>
          <cell r="E469" t="str">
            <v>Power Delivery - BE - Residential</v>
          </cell>
          <cell r="F469" t="str">
            <v>RELOUPGOH</v>
          </cell>
          <cell r="G469" t="str">
            <v>Customer requested relocation or upgrade (load, location, OH to UG conversion) OH</v>
          </cell>
          <cell r="H469" t="str">
            <v>PD-RES \ RELOUPGOH</v>
          </cell>
          <cell r="I469" t="str">
            <v>CUSDMW</v>
          </cell>
          <cell r="J469" t="str">
            <v>NBOH</v>
          </cell>
          <cell r="K469" t="str">
            <v>I</v>
          </cell>
          <cell r="L469" t="str">
            <v>Customer requested relocation or upgrade (load, location, OH to UG conversion) OH</v>
          </cell>
          <cell r="M469" t="str">
            <v>N</v>
          </cell>
        </row>
        <row r="470">
          <cell r="A470" t="str">
            <v>NBOH</v>
          </cell>
          <cell r="B470" t="str">
            <v>PD Capital</v>
          </cell>
          <cell r="C470" t="str">
            <v>MW</v>
          </cell>
          <cell r="D470" t="str">
            <v>PD-RES</v>
          </cell>
          <cell r="E470" t="str">
            <v>Power Delivery - BE - Residential</v>
          </cell>
          <cell r="F470" t="str">
            <v>SERVICEOH</v>
          </cell>
          <cell r="G470" t="str">
            <v>Service Resdential OH</v>
          </cell>
          <cell r="H470" t="str">
            <v>PD-RES \ SERVICEOH</v>
          </cell>
          <cell r="I470" t="str">
            <v>CUSDMW</v>
          </cell>
          <cell r="J470" t="str">
            <v>NBOH</v>
          </cell>
          <cell r="K470" t="str">
            <v>I</v>
          </cell>
          <cell r="L470" t="str">
            <v>Service Resdential OH</v>
          </cell>
          <cell r="M470" t="str">
            <v>N</v>
          </cell>
        </row>
        <row r="471">
          <cell r="A471" t="str">
            <v>NBOH</v>
          </cell>
          <cell r="B471" t="str">
            <v>PD Capital</v>
          </cell>
          <cell r="C471" t="str">
            <v>MW</v>
          </cell>
          <cell r="D471" t="str">
            <v>PD-RES</v>
          </cell>
          <cell r="E471" t="str">
            <v>Power Delivery - BE - Residential</v>
          </cell>
          <cell r="F471" t="str">
            <v>TAP&amp;SETOH</v>
          </cell>
          <cell r="G471" t="str">
            <v>Connection of service conductor and setting of meter. OH</v>
          </cell>
          <cell r="H471" t="str">
            <v>PD-RES \ TAP&amp;SETOH</v>
          </cell>
          <cell r="I471" t="str">
            <v>CUSDMW</v>
          </cell>
          <cell r="J471" t="str">
            <v>NBOH</v>
          </cell>
          <cell r="K471" t="str">
            <v>I</v>
          </cell>
          <cell r="L471" t="str">
            <v>Connection of service conductor and setting of meter OH</v>
          </cell>
          <cell r="M471" t="str">
            <v>N</v>
          </cell>
        </row>
        <row r="472">
          <cell r="A472" t="str">
            <v>NEWCAPIN</v>
          </cell>
          <cell r="B472" t="str">
            <v>PD Capital</v>
          </cell>
          <cell r="C472" t="str">
            <v>MW</v>
          </cell>
          <cell r="D472" t="str">
            <v>PD-SCAP</v>
          </cell>
          <cell r="E472" t="str">
            <v>Power Delivery - System Capacity</v>
          </cell>
          <cell r="F472" t="str">
            <v>CAPAC IN</v>
          </cell>
          <cell r="G472" t="str">
            <v>Install New capacitors from studies or for increased capacitor KVARs, no "Program" association IN</v>
          </cell>
          <cell r="H472" t="str">
            <v>PD-SCAP \ CAPAC IN</v>
          </cell>
          <cell r="I472" t="str">
            <v>NEWCAP</v>
          </cell>
          <cell r="J472" t="str">
            <v>NEWCAPIN</v>
          </cell>
          <cell r="K472" t="str">
            <v>I</v>
          </cell>
          <cell r="L472" t="str">
            <v>Install New capacitors from studies or for increased capacitor KVARs, no "Program" association IN</v>
          </cell>
          <cell r="M472" t="str">
            <v>N</v>
          </cell>
        </row>
        <row r="473">
          <cell r="A473" t="str">
            <v>NEWCAPKY</v>
          </cell>
          <cell r="B473" t="str">
            <v>PD Capital</v>
          </cell>
          <cell r="C473" t="str">
            <v>MW</v>
          </cell>
          <cell r="D473" t="str">
            <v>PD-SCAP</v>
          </cell>
          <cell r="E473" t="str">
            <v>Power Delivery - System Capacity</v>
          </cell>
          <cell r="F473" t="str">
            <v>CAPAC KY</v>
          </cell>
          <cell r="G473" t="str">
            <v>Install New capacitors determined by studies or for increases to existing capacitor KVARs KY</v>
          </cell>
          <cell r="H473" t="str">
            <v>PD-SCAP \ CAPAC KY</v>
          </cell>
          <cell r="I473" t="str">
            <v>NEWCAP</v>
          </cell>
          <cell r="J473" t="str">
            <v>NEWCAPKY</v>
          </cell>
          <cell r="K473" t="str">
            <v>I</v>
          </cell>
          <cell r="L473" t="str">
            <v>Install New capacitors determined by studies or for increases to existing capacitor KVARs KY</v>
          </cell>
          <cell r="M473" t="str">
            <v>N</v>
          </cell>
        </row>
        <row r="474">
          <cell r="A474" t="str">
            <v>NEWCAPOH</v>
          </cell>
          <cell r="B474" t="str">
            <v>PD Capital</v>
          </cell>
          <cell r="C474" t="str">
            <v>MW</v>
          </cell>
          <cell r="D474" t="str">
            <v>PD-SCAP</v>
          </cell>
          <cell r="E474" t="str">
            <v>Power Delivery - System Capacity</v>
          </cell>
          <cell r="F474" t="str">
            <v>CAPAC OH</v>
          </cell>
          <cell r="G474" t="str">
            <v>Install New capacitors from studies or for increased capacitor KVARs, no "Program" association OH</v>
          </cell>
          <cell r="H474" t="str">
            <v>PD-SCAP \ CAPAC OH</v>
          </cell>
          <cell r="I474" t="str">
            <v>NEWCAP</v>
          </cell>
          <cell r="J474" t="str">
            <v>NEWCAPOH</v>
          </cell>
          <cell r="K474" t="str">
            <v>I</v>
          </cell>
          <cell r="L474" t="str">
            <v>Install New capacitors from studies or for increased capacitor KVARs, no "Program" association OH</v>
          </cell>
          <cell r="M474" t="str">
            <v>N</v>
          </cell>
        </row>
        <row r="475">
          <cell r="A475" t="str">
            <v>NONOLE</v>
          </cell>
          <cell r="B475" t="str">
            <v>PD O&amp;M</v>
          </cell>
          <cell r="C475" t="str">
            <v>MW</v>
          </cell>
          <cell r="D475" t="str">
            <v>PD-NONOLE</v>
          </cell>
          <cell r="E475" t="str">
            <v>NON-OLE Light inspections &amp; repair -- Changing bulbs/photo control</v>
          </cell>
          <cell r="F475" t="str">
            <v>INSPREP MW</v>
          </cell>
          <cell r="G475" t="str">
            <v>NON-OLE Light inspections &amp; repair -- Changing bulbs/photo control Midwest</v>
          </cell>
          <cell r="H475" t="str">
            <v>PD-NONOLE \ INSPREP MW</v>
          </cell>
          <cell r="I475" t="str">
            <v>NONOLE</v>
          </cell>
          <cell r="J475" t="str">
            <v>NONOLE</v>
          </cell>
          <cell r="K475" t="str">
            <v>X</v>
          </cell>
          <cell r="L475" t="str">
            <v>NON-OLE Light inspections &amp; repair -- Changing bulbs/photo control Midwest</v>
          </cell>
          <cell r="M475" t="str">
            <v>N</v>
          </cell>
        </row>
        <row r="476">
          <cell r="A476" t="str">
            <v>NTUPIN</v>
          </cell>
          <cell r="B476" t="str">
            <v>PD Capital</v>
          </cell>
          <cell r="C476" t="str">
            <v>MW</v>
          </cell>
          <cell r="D476" t="str">
            <v>PD-RELIA</v>
          </cell>
          <cell r="E476" t="str">
            <v>Power Delivery - Reliability</v>
          </cell>
          <cell r="F476" t="str">
            <v>DTUG IN</v>
          </cell>
          <cell r="G476" t="str">
            <v>Downtown UG Reliability -- Vault Replacement IN</v>
          </cell>
          <cell r="H476" t="str">
            <v>PD-RELIA \ DTUG IN</v>
          </cell>
          <cell r="I476" t="str">
            <v>RTG</v>
          </cell>
          <cell r="J476" t="str">
            <v>NTUPIN</v>
          </cell>
          <cell r="K476" t="str">
            <v>I</v>
          </cell>
          <cell r="L476" t="str">
            <v>Downtown UG Reliability -- Vault Replacement IN</v>
          </cell>
          <cell r="M476" t="str">
            <v>N</v>
          </cell>
        </row>
        <row r="477">
          <cell r="A477" t="str">
            <v>NTUPKY</v>
          </cell>
          <cell r="B477" t="str">
            <v>PD Capital</v>
          </cell>
          <cell r="C477" t="str">
            <v>MW</v>
          </cell>
          <cell r="D477" t="str">
            <v>PD-RELIA</v>
          </cell>
          <cell r="E477" t="str">
            <v>Power Delivery - Reliability</v>
          </cell>
          <cell r="F477" t="str">
            <v>DTUG KY</v>
          </cell>
          <cell r="G477" t="str">
            <v>Downtown UG Reliability -- Vault Replacement KY</v>
          </cell>
          <cell r="H477" t="str">
            <v>PD-RELIA \ DTUG KY</v>
          </cell>
          <cell r="I477" t="str">
            <v>RTG</v>
          </cell>
          <cell r="J477" t="str">
            <v>NTUPKY</v>
          </cell>
          <cell r="K477" t="str">
            <v>I</v>
          </cell>
          <cell r="L477" t="str">
            <v>Downtown UG Reliability -- Vault Replacement KY</v>
          </cell>
          <cell r="M477" t="str">
            <v>N</v>
          </cell>
        </row>
        <row r="478">
          <cell r="A478" t="str">
            <v>NTUPOH</v>
          </cell>
          <cell r="B478" t="str">
            <v>PD Capital</v>
          </cell>
          <cell r="C478" t="str">
            <v>MW</v>
          </cell>
          <cell r="D478" t="str">
            <v>PD-RELIA</v>
          </cell>
          <cell r="E478" t="str">
            <v>Power Delivery - Reliability</v>
          </cell>
          <cell r="F478" t="str">
            <v>DTUG OH</v>
          </cell>
          <cell r="G478" t="str">
            <v>Downtown UG Reliability -- Vault Replacement OH</v>
          </cell>
          <cell r="H478" t="str">
            <v>PD-RELIA \ DTUG OH</v>
          </cell>
          <cell r="I478" t="str">
            <v>RTG</v>
          </cell>
          <cell r="J478" t="str">
            <v>NTUPOH</v>
          </cell>
          <cell r="K478" t="str">
            <v>I</v>
          </cell>
          <cell r="L478" t="str">
            <v>Downtown UG Reliability -- Vault Replacement OH</v>
          </cell>
          <cell r="M478" t="str">
            <v>N</v>
          </cell>
        </row>
        <row r="479">
          <cell r="A479" t="str">
            <v>OLE</v>
          </cell>
          <cell r="B479" t="str">
            <v>PD O&amp;M</v>
          </cell>
          <cell r="C479" t="str">
            <v>MW</v>
          </cell>
          <cell r="D479" t="str">
            <v>PD-OLE</v>
          </cell>
          <cell r="E479" t="str">
            <v>OLE Light inspections &amp; repair -- Changing bulbs/photo control</v>
          </cell>
          <cell r="F479" t="str">
            <v>INSPREP MW</v>
          </cell>
          <cell r="G479" t="str">
            <v>OLE Light inspections &amp; repair -- Changing bulbs/photo control Midwest</v>
          </cell>
          <cell r="H479" t="str">
            <v>PD-OLE \ INSPREP MW</v>
          </cell>
          <cell r="I479" t="str">
            <v>OLE</v>
          </cell>
          <cell r="J479" t="str">
            <v>OLE</v>
          </cell>
          <cell r="K479" t="str">
            <v>X</v>
          </cell>
          <cell r="L479" t="str">
            <v>OLE Light inspections &amp; repair -- Changing bulbs/photo control Midwest</v>
          </cell>
          <cell r="M479" t="str">
            <v>N</v>
          </cell>
        </row>
        <row r="480">
          <cell r="A480" t="str">
            <v>OLE09IN</v>
          </cell>
          <cell r="B480" t="str">
            <v>PD Capital</v>
          </cell>
          <cell r="C480" t="str">
            <v>MW</v>
          </cell>
          <cell r="D480" t="str">
            <v>PD-LIGHT</v>
          </cell>
          <cell r="E480" t="str">
            <v>Power Delivery - MW Lighting</v>
          </cell>
          <cell r="F480" t="str">
            <v>OLE IN</v>
          </cell>
          <cell r="G480" t="str">
            <v>OLE Lighting - IN</v>
          </cell>
          <cell r="H480" t="str">
            <v>PD-LIGHT \ OLE IN</v>
          </cell>
          <cell r="I480" t="str">
            <v>LTMWOLE</v>
          </cell>
          <cell r="J480" t="str">
            <v>OLE09IN</v>
          </cell>
          <cell r="K480" t="str">
            <v>I</v>
          </cell>
          <cell r="L480" t="str">
            <v>OLE Lighting - IN</v>
          </cell>
          <cell r="M480" t="str">
            <v>N</v>
          </cell>
        </row>
        <row r="481">
          <cell r="A481" t="str">
            <v>OLE09KY</v>
          </cell>
          <cell r="B481" t="str">
            <v>PD Capital</v>
          </cell>
          <cell r="C481" t="str">
            <v>MW</v>
          </cell>
          <cell r="D481" t="str">
            <v>PD-LIGHT</v>
          </cell>
          <cell r="E481" t="str">
            <v>Power Delivery - MW Lighting</v>
          </cell>
          <cell r="F481" t="str">
            <v>OLE KY</v>
          </cell>
          <cell r="G481" t="str">
            <v>OLE Lighting - KY</v>
          </cell>
          <cell r="H481" t="str">
            <v>PD-LIGHT \ OLE KY</v>
          </cell>
          <cell r="I481" t="str">
            <v>LTMWOLE</v>
          </cell>
          <cell r="J481" t="str">
            <v>OLE09KY</v>
          </cell>
          <cell r="K481" t="str">
            <v>I</v>
          </cell>
          <cell r="L481" t="str">
            <v>OLE Lighting - KY</v>
          </cell>
          <cell r="M481" t="str">
            <v>N</v>
          </cell>
        </row>
        <row r="482">
          <cell r="A482" t="str">
            <v>OLE09OH</v>
          </cell>
          <cell r="B482" t="str">
            <v>PD Capital</v>
          </cell>
          <cell r="C482" t="str">
            <v>MW</v>
          </cell>
          <cell r="D482" t="str">
            <v>PD-LIGHT</v>
          </cell>
          <cell r="E482" t="str">
            <v>Power Delivery - MW Lighting</v>
          </cell>
          <cell r="F482" t="str">
            <v>OLE OH</v>
          </cell>
          <cell r="G482" t="str">
            <v>OLE Lighting - OH</v>
          </cell>
          <cell r="H482" t="str">
            <v>PD-LIGHT \ OLE OH</v>
          </cell>
          <cell r="I482" t="str">
            <v>LTMWOLE</v>
          </cell>
          <cell r="J482" t="str">
            <v>OLE09OH</v>
          </cell>
          <cell r="K482" t="str">
            <v>I</v>
          </cell>
          <cell r="L482" t="str">
            <v>OLE Lighting - OH</v>
          </cell>
          <cell r="M482" t="str">
            <v>N</v>
          </cell>
        </row>
        <row r="483">
          <cell r="A483" t="str">
            <v>OLE09RPIN</v>
          </cell>
          <cell r="B483" t="str">
            <v>PD Capital</v>
          </cell>
          <cell r="C483" t="str">
            <v>MW</v>
          </cell>
          <cell r="D483" t="str">
            <v>PD-LIGHT</v>
          </cell>
          <cell r="E483" t="str">
            <v>Power Delivery - MW Lighting</v>
          </cell>
          <cell r="F483" t="str">
            <v>OLE REPLIN</v>
          </cell>
          <cell r="G483" t="str">
            <v>OLE Lighting Replacement - IN</v>
          </cell>
          <cell r="H483" t="str">
            <v>PD-LIGHT \ OLE REPLIN</v>
          </cell>
          <cell r="I483" t="str">
            <v>LTOLERP</v>
          </cell>
          <cell r="J483" t="str">
            <v>OLE09RPIN</v>
          </cell>
          <cell r="K483" t="str">
            <v>I</v>
          </cell>
          <cell r="L483" t="str">
            <v>OLE Lighting Replacement - IN</v>
          </cell>
          <cell r="M483" t="str">
            <v>N</v>
          </cell>
        </row>
        <row r="484">
          <cell r="A484" t="str">
            <v>OLE09RPKY</v>
          </cell>
          <cell r="B484" t="str">
            <v>PD Capital</v>
          </cell>
          <cell r="C484" t="str">
            <v>MW</v>
          </cell>
          <cell r="D484" t="str">
            <v>PD-LIGHT</v>
          </cell>
          <cell r="E484" t="str">
            <v>Power Delivery - MW Lighting</v>
          </cell>
          <cell r="F484" t="str">
            <v>OLE REPLKY</v>
          </cell>
          <cell r="G484" t="str">
            <v>OLE Lighting Replacement - KY</v>
          </cell>
          <cell r="H484" t="str">
            <v>PD-LIGHT \ OLE REPLKY</v>
          </cell>
          <cell r="I484" t="str">
            <v>LTOLERP</v>
          </cell>
          <cell r="J484" t="str">
            <v>OLE09RPKY</v>
          </cell>
          <cell r="K484" t="str">
            <v>I</v>
          </cell>
          <cell r="L484" t="str">
            <v>OLE Lighting Replacement - KY</v>
          </cell>
          <cell r="M484" t="str">
            <v>N</v>
          </cell>
        </row>
        <row r="485">
          <cell r="A485" t="str">
            <v>OLE09RPOH</v>
          </cell>
          <cell r="B485" t="str">
            <v>PD Capital</v>
          </cell>
          <cell r="C485" t="str">
            <v>MW</v>
          </cell>
          <cell r="D485" t="str">
            <v>PD-LIGHT</v>
          </cell>
          <cell r="E485" t="str">
            <v>Power Delivery - MW Lighting</v>
          </cell>
          <cell r="F485" t="str">
            <v>OLE REPL</v>
          </cell>
          <cell r="G485" t="str">
            <v>OLE Lighting Replacement - OH</v>
          </cell>
          <cell r="H485" t="str">
            <v>PD-LIGHT \ OLE REPL</v>
          </cell>
          <cell r="I485" t="str">
            <v>LTOLERP</v>
          </cell>
          <cell r="J485" t="str">
            <v>OLE09RPOH</v>
          </cell>
          <cell r="K485" t="str">
            <v>I</v>
          </cell>
          <cell r="L485" t="str">
            <v>OLE Lighting Replacement - OH</v>
          </cell>
          <cell r="M485" t="str">
            <v>N</v>
          </cell>
        </row>
        <row r="486">
          <cell r="A486" t="str">
            <v>OLUGREP</v>
          </cell>
          <cell r="B486" t="str">
            <v>PD O&amp;M</v>
          </cell>
          <cell r="C486" t="str">
            <v>Carolinas</v>
          </cell>
          <cell r="D486" t="str">
            <v>PD-LREP</v>
          </cell>
          <cell r="E486" t="str">
            <v xml:space="preserve">Light Repair </v>
          </cell>
          <cell r="F486" t="str">
            <v>OLUGREPC</v>
          </cell>
          <cell r="G486" t="str">
            <v>Outdoor Light UG Cable Repair Carolinas</v>
          </cell>
          <cell r="H486" t="str">
            <v>PD-LREP \ OLUGREPC</v>
          </cell>
          <cell r="I486" t="str">
            <v>OLUGREP</v>
          </cell>
          <cell r="J486" t="str">
            <v>OLUGREP</v>
          </cell>
          <cell r="K486" t="str">
            <v>X</v>
          </cell>
          <cell r="L486" t="str">
            <v>Outdoor Light UG Cable Repair Carolinas</v>
          </cell>
          <cell r="M486" t="str">
            <v>N</v>
          </cell>
        </row>
        <row r="487">
          <cell r="A487" t="str">
            <v>ORDIN</v>
          </cell>
          <cell r="B487" t="str">
            <v>PD Capital</v>
          </cell>
          <cell r="C487" t="str">
            <v>MW</v>
          </cell>
          <cell r="D487" t="str">
            <v>PD-OUTR</v>
          </cell>
          <cell r="E487" t="str">
            <v>Power Delivery Outage Restoration</v>
          </cell>
          <cell r="F487" t="str">
            <v>OUTCAPDIN</v>
          </cell>
          <cell r="G487" t="str">
            <v>Distribution work to get service restored to customers when they have lost power (lights are out) IN</v>
          </cell>
          <cell r="H487" t="str">
            <v>PD-OUTR \ OUTCAPDIN</v>
          </cell>
          <cell r="I487" t="str">
            <v>OUT</v>
          </cell>
          <cell r="J487" t="str">
            <v>ORDIN</v>
          </cell>
          <cell r="K487" t="str">
            <v>I</v>
          </cell>
          <cell r="L487" t="str">
            <v>Distribution work to get service restored to customers when they have lost power (lights are out) IN</v>
          </cell>
          <cell r="M487" t="str">
            <v>N</v>
          </cell>
        </row>
        <row r="488">
          <cell r="A488" t="str">
            <v>ORDKY</v>
          </cell>
          <cell r="B488" t="str">
            <v>PD Capital</v>
          </cell>
          <cell r="C488" t="str">
            <v>MW</v>
          </cell>
          <cell r="D488" t="str">
            <v>PD-OUTR</v>
          </cell>
          <cell r="E488" t="str">
            <v>Power Delivery Outage Restoration</v>
          </cell>
          <cell r="F488" t="str">
            <v>OUTCAPDKY</v>
          </cell>
          <cell r="G488" t="str">
            <v>Distribution work to get service restored to customers when they have lost power (lights are out) KY</v>
          </cell>
          <cell r="H488" t="str">
            <v>PD-OUTR \ OUTCAPDKY</v>
          </cell>
          <cell r="I488" t="str">
            <v>OUT</v>
          </cell>
          <cell r="J488" t="str">
            <v>ORDKY</v>
          </cell>
          <cell r="K488" t="str">
            <v>I</v>
          </cell>
          <cell r="L488" t="str">
            <v>Distribution work to get service restored to customers when they have lost power (lights are out) KY</v>
          </cell>
          <cell r="M488" t="str">
            <v>N</v>
          </cell>
        </row>
        <row r="489">
          <cell r="A489" t="str">
            <v>ORDOH</v>
          </cell>
          <cell r="B489" t="str">
            <v>PD Capital</v>
          </cell>
          <cell r="C489" t="str">
            <v>MW</v>
          </cell>
          <cell r="D489" t="str">
            <v>PD-OUTR</v>
          </cell>
          <cell r="E489" t="str">
            <v>Power Delivery Outage Restoration</v>
          </cell>
          <cell r="F489" t="str">
            <v>OUTCAPDOH</v>
          </cell>
          <cell r="G489" t="str">
            <v>Distribution work to get service restored to customers when they have lost power (lights are out) OH</v>
          </cell>
          <cell r="H489" t="str">
            <v>PD-OUTR \ OUTCAPDOH</v>
          </cell>
          <cell r="I489" t="str">
            <v>OUT</v>
          </cell>
          <cell r="J489" t="str">
            <v>ORDOH</v>
          </cell>
          <cell r="K489" t="str">
            <v>I</v>
          </cell>
          <cell r="L489" t="str">
            <v>Distribution work to get service restored to customers when they have lost power (lights are out) OH</v>
          </cell>
          <cell r="M489" t="str">
            <v>N</v>
          </cell>
        </row>
        <row r="490">
          <cell r="A490" t="str">
            <v>ORTIN</v>
          </cell>
          <cell r="B490" t="str">
            <v>PD Capital</v>
          </cell>
          <cell r="C490" t="str">
            <v>MW</v>
          </cell>
          <cell r="D490" t="str">
            <v>PD-OUTR</v>
          </cell>
          <cell r="E490" t="str">
            <v>Power Delivery Outage Restoration</v>
          </cell>
          <cell r="F490" t="str">
            <v>OUTCAPTIN</v>
          </cell>
          <cell r="G490" t="str">
            <v>Transmission work to get service restored to customers when they have lost power (lights are out) IN</v>
          </cell>
          <cell r="H490" t="str">
            <v>PD-OUTR \ OUTCAPTIN</v>
          </cell>
          <cell r="I490" t="str">
            <v>TLINOUT</v>
          </cell>
          <cell r="J490" t="str">
            <v>ORTIN</v>
          </cell>
          <cell r="K490" t="str">
            <v>I</v>
          </cell>
          <cell r="L490" t="str">
            <v>Transmission work to get service restored to customers when they have lost power (lights are out) IN</v>
          </cell>
          <cell r="M490" t="str">
            <v>N</v>
          </cell>
        </row>
        <row r="491">
          <cell r="A491" t="str">
            <v>ORTOH</v>
          </cell>
          <cell r="B491" t="str">
            <v>PD Capital</v>
          </cell>
          <cell r="C491" t="str">
            <v>MW</v>
          </cell>
          <cell r="D491" t="str">
            <v>PD-OUTR</v>
          </cell>
          <cell r="E491" t="str">
            <v>Power Delivery Outage Restoration</v>
          </cell>
          <cell r="F491" t="str">
            <v>OUTCAPTKY</v>
          </cell>
          <cell r="G491" t="str">
            <v>Transmission work to get service restored to customers when they have lost power (lights are out) KY</v>
          </cell>
          <cell r="H491" t="str">
            <v>PD-OUTR \ OUTCAPTKY</v>
          </cell>
          <cell r="I491" t="str">
            <v>TLINOUT</v>
          </cell>
          <cell r="J491" t="str">
            <v>ORTOH</v>
          </cell>
          <cell r="K491" t="str">
            <v>I</v>
          </cell>
          <cell r="L491" t="str">
            <v>Transmission work to get service restored to customers when they have lost power (lights are out) KY</v>
          </cell>
          <cell r="M491" t="str">
            <v>N</v>
          </cell>
        </row>
        <row r="492">
          <cell r="A492" t="str">
            <v>ORTOH</v>
          </cell>
          <cell r="B492" t="str">
            <v>PD Capital</v>
          </cell>
          <cell r="C492" t="str">
            <v>MW</v>
          </cell>
          <cell r="D492" t="str">
            <v>PD-OUTR</v>
          </cell>
          <cell r="E492" t="str">
            <v>Power Delivery Outage Restoration</v>
          </cell>
          <cell r="F492" t="str">
            <v>OUTCAPTOH</v>
          </cell>
          <cell r="G492" t="str">
            <v>Transmission work to get service restored to customers when they have lost power (lights are out) OH</v>
          </cell>
          <cell r="H492" t="str">
            <v>PD-OUTR \ OUTCAPTOH</v>
          </cell>
          <cell r="I492" t="str">
            <v>TLINOUT</v>
          </cell>
          <cell r="J492" t="str">
            <v>ORTOH</v>
          </cell>
          <cell r="K492" t="str">
            <v>I</v>
          </cell>
          <cell r="L492" t="str">
            <v>Transmission work to get service restored to customers when they have lost power (lights are out) OH</v>
          </cell>
          <cell r="M492" t="str">
            <v>N</v>
          </cell>
        </row>
        <row r="493">
          <cell r="A493" t="str">
            <v>OTOINT</v>
          </cell>
          <cell r="B493" t="str">
            <v>PD O&amp;M</v>
          </cell>
          <cell r="C493" t="str">
            <v>MW</v>
          </cell>
          <cell r="D493" t="str">
            <v>PD-INTPM</v>
          </cell>
          <cell r="E493" t="e">
            <v>#N/A</v>
          </cell>
          <cell r="F493" t="str">
            <v>PM</v>
          </cell>
          <cell r="G493" t="e">
            <v>#N/A</v>
          </cell>
          <cell r="H493" t="str">
            <v>PD-INTPM \ PM</v>
          </cell>
          <cell r="I493" t="str">
            <v>OTOINT</v>
          </cell>
          <cell r="J493" t="str">
            <v>OTOINT</v>
          </cell>
          <cell r="K493" t="str">
            <v>X</v>
          </cell>
          <cell r="L493" t="str">
            <v>Preventative Maintenance</v>
          </cell>
          <cell r="M493" t="str">
            <v>N</v>
          </cell>
        </row>
        <row r="494">
          <cell r="A494" t="str">
            <v>OUTFI</v>
          </cell>
          <cell r="B494" t="str">
            <v>PD O&amp;M</v>
          </cell>
          <cell r="C494" t="str">
            <v>MW</v>
          </cell>
          <cell r="D494" t="str">
            <v>PD-IOUT</v>
          </cell>
          <cell r="E494" t="e">
            <v>#N/A</v>
          </cell>
          <cell r="F494" t="str">
            <v>OUTF</v>
          </cell>
          <cell r="G494" t="e">
            <v>#N/A</v>
          </cell>
          <cell r="H494" t="str">
            <v>PD-IOUT \ OUTF</v>
          </cell>
          <cell r="I494" t="str">
            <v>OUTFI</v>
          </cell>
          <cell r="J494" t="str">
            <v>OUTFI</v>
          </cell>
          <cell r="K494" t="str">
            <v>X</v>
          </cell>
          <cell r="L494" t="str">
            <v>Outage Follow-up</v>
          </cell>
          <cell r="M494" t="str">
            <v>N</v>
          </cell>
        </row>
        <row r="495">
          <cell r="A495" t="str">
            <v>OUTFO</v>
          </cell>
          <cell r="B495" t="str">
            <v>PD O&amp;M</v>
          </cell>
          <cell r="C495" t="str">
            <v>MW</v>
          </cell>
          <cell r="D495" t="str">
            <v>PD-OUTFU</v>
          </cell>
          <cell r="E495" t="str">
            <v>Outage Followup-O&amp;M Restore System to state prior to outage</v>
          </cell>
          <cell r="F495" t="str">
            <v>OUT FU OH</v>
          </cell>
          <cell r="G495" t="str">
            <v>OH Outage Followup-O&amp;M Restore System to state prior to outage</v>
          </cell>
          <cell r="H495" t="str">
            <v>PD-OUTFU \ OUT FU OH</v>
          </cell>
          <cell r="I495" t="str">
            <v>OUTFO</v>
          </cell>
          <cell r="J495" t="str">
            <v>OUTFO</v>
          </cell>
          <cell r="K495" t="str">
            <v>X</v>
          </cell>
          <cell r="L495" t="str">
            <v>Outage Followup-O&amp;M Restore System to state prior to outage OH</v>
          </cell>
          <cell r="M495" t="str">
            <v>N</v>
          </cell>
        </row>
        <row r="496">
          <cell r="A496" t="str">
            <v>OUTFR</v>
          </cell>
          <cell r="B496" t="str">
            <v>PD O&amp;M</v>
          </cell>
          <cell r="C496" t="str">
            <v>MW</v>
          </cell>
          <cell r="D496" t="str">
            <v>PD-ROUT</v>
          </cell>
          <cell r="E496" t="e">
            <v>#N/A</v>
          </cell>
          <cell r="F496" t="str">
            <v>OUTF</v>
          </cell>
          <cell r="G496" t="e">
            <v>#N/A</v>
          </cell>
          <cell r="H496" t="str">
            <v>PD-ROUT \ OUTF</v>
          </cell>
          <cell r="I496" t="str">
            <v>OUTFR</v>
          </cell>
          <cell r="J496" t="str">
            <v>OUTFR</v>
          </cell>
          <cell r="K496" t="str">
            <v>X</v>
          </cell>
          <cell r="L496" t="str">
            <v>Outage Follow-up</v>
          </cell>
          <cell r="M496" t="str">
            <v>N</v>
          </cell>
        </row>
        <row r="497">
          <cell r="A497" t="str">
            <v>OUTFR</v>
          </cell>
          <cell r="B497" t="str">
            <v>PD O&amp;M</v>
          </cell>
          <cell r="C497" t="str">
            <v>MW</v>
          </cell>
          <cell r="D497" t="str">
            <v>PD-ROUT</v>
          </cell>
          <cell r="E497" t="e">
            <v>#N/A</v>
          </cell>
          <cell r="F497" t="str">
            <v>OUTF</v>
          </cell>
          <cell r="G497" t="e">
            <v>#N/A</v>
          </cell>
          <cell r="H497" t="str">
            <v>PD-ROUT \ OUTF</v>
          </cell>
          <cell r="I497"/>
          <cell r="J497" t="str">
            <v>OUTFR</v>
          </cell>
          <cell r="K497" t="str">
            <v>X</v>
          </cell>
          <cell r="L497" t="str">
            <v>RETURNING EQUIP TO IT'S ORIG STATE FOLLOWING AN OUTAGE OR ALARM IN A DISTRIBUTION SUBSTATION</v>
          </cell>
          <cell r="M497" t="str">
            <v>N</v>
          </cell>
        </row>
        <row r="498">
          <cell r="A498" t="str">
            <v>OUTFT</v>
          </cell>
          <cell r="B498" t="str">
            <v>PD O&amp;M</v>
          </cell>
          <cell r="C498" t="str">
            <v>MW</v>
          </cell>
          <cell r="D498" t="str">
            <v>PD-TOUT</v>
          </cell>
          <cell r="E498" t="e">
            <v>#N/A</v>
          </cell>
          <cell r="F498" t="str">
            <v>OUTF</v>
          </cell>
          <cell r="G498" t="e">
            <v>#N/A</v>
          </cell>
          <cell r="H498" t="str">
            <v>PD-TOUT \ OUTF</v>
          </cell>
          <cell r="I498" t="str">
            <v>OUTFT</v>
          </cell>
          <cell r="J498" t="str">
            <v>OUTFT</v>
          </cell>
          <cell r="K498" t="str">
            <v>X</v>
          </cell>
          <cell r="L498" t="str">
            <v>Outage Follow-up</v>
          </cell>
          <cell r="M498" t="str">
            <v>N</v>
          </cell>
        </row>
        <row r="499">
          <cell r="A499" t="str">
            <v>OUTFT</v>
          </cell>
          <cell r="B499" t="str">
            <v>PD O&amp;M</v>
          </cell>
          <cell r="C499" t="str">
            <v>MW</v>
          </cell>
          <cell r="D499" t="str">
            <v>PD-TOUT</v>
          </cell>
          <cell r="E499" t="e">
            <v>#N/A</v>
          </cell>
          <cell r="F499" t="str">
            <v>OUTF</v>
          </cell>
          <cell r="G499" t="e">
            <v>#N/A</v>
          </cell>
          <cell r="H499" t="str">
            <v>PD-TOUT \ OUTF</v>
          </cell>
          <cell r="I499"/>
          <cell r="J499" t="str">
            <v>OUTFT</v>
          </cell>
          <cell r="K499" t="str">
            <v>X</v>
          </cell>
          <cell r="L499" t="str">
            <v>RETURNING EQUIP TO IT'S ORIG STATE FOLLOWING AN OUTAGE OR ALARM IN A TRANSMISSION SUBSTATION</v>
          </cell>
          <cell r="M499" t="str">
            <v>N</v>
          </cell>
        </row>
        <row r="500">
          <cell r="A500" t="str">
            <v>OUTFTL</v>
          </cell>
          <cell r="B500" t="str">
            <v>PD O&amp;M</v>
          </cell>
          <cell r="C500" t="str">
            <v>MW</v>
          </cell>
          <cell r="D500" t="str">
            <v>PD-TLINS</v>
          </cell>
          <cell r="E500" t="str">
            <v>T Lines</v>
          </cell>
          <cell r="F500" t="str">
            <v>OUTF</v>
          </cell>
          <cell r="G500" t="str">
            <v>Outage Follow-up</v>
          </cell>
          <cell r="H500" t="str">
            <v>PD-TLINS \ OUTF</v>
          </cell>
          <cell r="I500" t="str">
            <v>OUTFTL</v>
          </cell>
          <cell r="J500" t="str">
            <v>OUTFTL</v>
          </cell>
          <cell r="K500" t="str">
            <v>X</v>
          </cell>
          <cell r="L500" t="str">
            <v>Outage Follow-up</v>
          </cell>
          <cell r="M500" t="str">
            <v>N</v>
          </cell>
        </row>
        <row r="501">
          <cell r="A501" t="str">
            <v>OUTFUP</v>
          </cell>
          <cell r="B501" t="str">
            <v>PD O&amp;M</v>
          </cell>
          <cell r="C501" t="str">
            <v>MW</v>
          </cell>
          <cell r="D501" t="str">
            <v>PD-OUTFU</v>
          </cell>
          <cell r="E501" t="str">
            <v>Outage Followup-O&amp;M Restore System to state prior to outage</v>
          </cell>
          <cell r="F501" t="str">
            <v>OUTFUUGPRI</v>
          </cell>
          <cell r="G501" t="str">
            <v>UG Outage Followup-Primary-O&amp;M Restore System to state prior to outage</v>
          </cell>
          <cell r="H501" t="str">
            <v>PD-OUTFU \ OUTFUUGPRI</v>
          </cell>
          <cell r="I501" t="str">
            <v>OUTFUP</v>
          </cell>
          <cell r="J501" t="str">
            <v>OUTFUP</v>
          </cell>
          <cell r="K501" t="str">
            <v>X</v>
          </cell>
          <cell r="L501" t="str">
            <v>UG Outage Followup-Primary-O&amp;M Restore System to state prior to outage</v>
          </cell>
          <cell r="M501" t="str">
            <v>N</v>
          </cell>
        </row>
        <row r="502">
          <cell r="A502" t="str">
            <v>OUTFUS</v>
          </cell>
          <cell r="B502" t="str">
            <v>PD O&amp;M</v>
          </cell>
          <cell r="C502" t="str">
            <v>MW</v>
          </cell>
          <cell r="D502" t="str">
            <v>PD-OUTFU</v>
          </cell>
          <cell r="E502" t="str">
            <v>Outage Followup-O&amp;M Restore System to state prior to outage</v>
          </cell>
          <cell r="F502" t="str">
            <v>OUTFUUGSEC</v>
          </cell>
          <cell r="G502" t="str">
            <v>UG Outage Followup-Secondary-O&amp;M Restore System to state prior to outage</v>
          </cell>
          <cell r="H502" t="str">
            <v>PD-OUTFU \ OUTFUUGSEC</v>
          </cell>
          <cell r="I502" t="str">
            <v>OUTFUS</v>
          </cell>
          <cell r="J502" t="str">
            <v>OUTFUS</v>
          </cell>
          <cell r="K502" t="str">
            <v>X</v>
          </cell>
          <cell r="L502" t="str">
            <v>UG Outage Followup-Secondary-O&amp;M Restore System to state prior to outage</v>
          </cell>
          <cell r="M502" t="str">
            <v>N</v>
          </cell>
        </row>
        <row r="503">
          <cell r="A503" t="str">
            <v>OUTIT</v>
          </cell>
          <cell r="B503" t="str">
            <v>PD O&amp;M</v>
          </cell>
          <cell r="C503" t="str">
            <v>MW</v>
          </cell>
          <cell r="D503" t="str">
            <v>PD-IOUT</v>
          </cell>
          <cell r="E503" t="e">
            <v>#N/A</v>
          </cell>
          <cell r="F503" t="str">
            <v>OUT</v>
          </cell>
          <cell r="G503" t="e">
            <v>#N/A</v>
          </cell>
          <cell r="H503" t="str">
            <v>PD-IOUT \ OUT</v>
          </cell>
          <cell r="I503" t="str">
            <v>OUTIT</v>
          </cell>
          <cell r="J503" t="str">
            <v>OUTIT</v>
          </cell>
          <cell r="K503" t="str">
            <v>X</v>
          </cell>
          <cell r="L503" t="str">
            <v>Outage</v>
          </cell>
          <cell r="M503" t="str">
            <v>N</v>
          </cell>
        </row>
        <row r="504">
          <cell r="A504" t="str">
            <v>OUTRT</v>
          </cell>
          <cell r="B504" t="str">
            <v>PD O&amp;M</v>
          </cell>
          <cell r="C504" t="str">
            <v>MW</v>
          </cell>
          <cell r="D504" t="str">
            <v>PD-ROUT</v>
          </cell>
          <cell r="E504" t="e">
            <v>#N/A</v>
          </cell>
          <cell r="F504" t="str">
            <v>OUT</v>
          </cell>
          <cell r="G504" t="e">
            <v>#N/A</v>
          </cell>
          <cell r="H504" t="str">
            <v>PD-ROUT \ OUT</v>
          </cell>
          <cell r="I504" t="str">
            <v>OUTRT</v>
          </cell>
          <cell r="J504" t="str">
            <v>OUTRT</v>
          </cell>
          <cell r="K504" t="str">
            <v>X</v>
          </cell>
          <cell r="L504" t="str">
            <v>Outage</v>
          </cell>
          <cell r="M504" t="str">
            <v>N</v>
          </cell>
        </row>
        <row r="505">
          <cell r="A505" t="str">
            <v>OUTT</v>
          </cell>
          <cell r="B505" t="str">
            <v>PD O&amp;M</v>
          </cell>
          <cell r="C505" t="str">
            <v>MW</v>
          </cell>
          <cell r="D505" t="str">
            <v>PD-TOUT</v>
          </cell>
          <cell r="E505" t="str">
            <v>Outage Transmssion Battery, Meter, Relay</v>
          </cell>
          <cell r="F505" t="str">
            <v>OUT</v>
          </cell>
          <cell r="G505" t="str">
            <v>Outage</v>
          </cell>
          <cell r="H505" t="str">
            <v>PD-TOUT \ OUT</v>
          </cell>
          <cell r="I505" t="str">
            <v>OUTT</v>
          </cell>
          <cell r="J505" t="str">
            <v>OUTT</v>
          </cell>
          <cell r="K505" t="str">
            <v>X</v>
          </cell>
          <cell r="L505" t="str">
            <v>Outage</v>
          </cell>
          <cell r="M505" t="str">
            <v>N</v>
          </cell>
        </row>
        <row r="506">
          <cell r="A506" t="str">
            <v>OUTTL</v>
          </cell>
          <cell r="B506" t="str">
            <v>PD O&amp;M</v>
          </cell>
          <cell r="C506" t="str">
            <v>MW</v>
          </cell>
          <cell r="D506" t="str">
            <v>PD-TLINS</v>
          </cell>
          <cell r="E506" t="str">
            <v>T Lines</v>
          </cell>
          <cell r="F506" t="str">
            <v>OUT</v>
          </cell>
          <cell r="G506" t="str">
            <v>Outage</v>
          </cell>
          <cell r="H506" t="str">
            <v>PD-TLINS \ OUT</v>
          </cell>
          <cell r="I506" t="str">
            <v>TLINRP</v>
          </cell>
          <cell r="J506" t="str">
            <v>OUTTL</v>
          </cell>
          <cell r="K506" t="str">
            <v>X</v>
          </cell>
          <cell r="L506" t="str">
            <v>Outage</v>
          </cell>
          <cell r="M506" t="str">
            <v>N</v>
          </cell>
        </row>
        <row r="507">
          <cell r="A507" t="str">
            <v>PADEQ</v>
          </cell>
          <cell r="B507" t="str">
            <v>PD O&amp;M</v>
          </cell>
          <cell r="C507" t="str">
            <v>MW</v>
          </cell>
          <cell r="D507" t="str">
            <v>PD-MAINT</v>
          </cell>
          <cell r="E507" t="str">
            <v>Equipment Maintenance</v>
          </cell>
          <cell r="F507" t="str">
            <v>SME MAIT MW</v>
          </cell>
          <cell r="G507" t="str">
            <v>Surface Equip Maintenance Midwest</v>
          </cell>
          <cell r="H507" t="str">
            <v>PD-MAINT \ SME MAIT MW</v>
          </cell>
          <cell r="I507" t="str">
            <v>PADEQ</v>
          </cell>
          <cell r="J507" t="str">
            <v>PADEQ</v>
          </cell>
          <cell r="K507" t="str">
            <v>X</v>
          </cell>
          <cell r="L507" t="str">
            <v>Surface Equip Maintenance Midwest</v>
          </cell>
          <cell r="M507" t="str">
            <v>N</v>
          </cell>
        </row>
        <row r="508">
          <cell r="A508" t="str">
            <v>PCSMHM</v>
          </cell>
          <cell r="B508" t="str">
            <v>PD Veg Mgmt</v>
          </cell>
          <cell r="C508" t="str">
            <v>Veg</v>
          </cell>
          <cell r="D508" t="str">
            <v>PD-SUBVM</v>
          </cell>
          <cell r="E508" t="str">
            <v>Vegetation Management - Substation - O&amp;M</v>
          </cell>
          <cell r="F508" t="str">
            <v>SUBVMPCS</v>
          </cell>
          <cell r="G508" t="str">
            <v>Sub VM PCS site bare ground herbicide and mowing</v>
          </cell>
          <cell r="H508" t="str">
            <v>PD-SUBVM \ SUBVMPCS</v>
          </cell>
          <cell r="I508" t="str">
            <v>DCSMNT</v>
          </cell>
          <cell r="J508" t="str">
            <v>PCSMHM</v>
          </cell>
          <cell r="K508" t="str">
            <v>X</v>
          </cell>
          <cell r="L508" t="str">
            <v>Sub VM PCS site bare ground herbicide and mowing</v>
          </cell>
          <cell r="M508" t="str">
            <v>N</v>
          </cell>
        </row>
        <row r="509">
          <cell r="A509" t="str">
            <v>PILCIN</v>
          </cell>
          <cell r="B509" t="str">
            <v>PD Capital</v>
          </cell>
          <cell r="C509" t="str">
            <v>MW</v>
          </cell>
          <cell r="D509" t="str">
            <v>PD-INTGT</v>
          </cell>
          <cell r="E509" t="str">
            <v>Power Delivery - Integrity</v>
          </cell>
          <cell r="F509" t="str">
            <v>DW/PILCIN</v>
          </cell>
          <cell r="G509" t="str">
            <v>Underground cable replacement Drainwire/PILC IN</v>
          </cell>
          <cell r="H509" t="str">
            <v>PD-INTGT \ DW/PILCIN</v>
          </cell>
          <cell r="I509" t="str">
            <v>DWA</v>
          </cell>
          <cell r="J509" t="str">
            <v>PILCIN</v>
          </cell>
          <cell r="K509" t="str">
            <v>I</v>
          </cell>
          <cell r="L509" t="str">
            <v>Underground cable replacement Drainwire/PILC IN</v>
          </cell>
          <cell r="M509" t="str">
            <v>N</v>
          </cell>
        </row>
        <row r="510">
          <cell r="A510" t="str">
            <v>PILCINS</v>
          </cell>
          <cell r="B510" t="str">
            <v>PD O&amp;M</v>
          </cell>
          <cell r="C510" t="str">
            <v>MW</v>
          </cell>
          <cell r="D510" t="str">
            <v>PD-INSP</v>
          </cell>
          <cell r="E510" t="e">
            <v>#N/A</v>
          </cell>
          <cell r="F510" t="str">
            <v>TEST PILC</v>
          </cell>
          <cell r="G510" t="e">
            <v>#N/A</v>
          </cell>
          <cell r="H510" t="str">
            <v>PD-INSP \ TEST PILC</v>
          </cell>
          <cell r="I510"/>
          <cell r="J510" t="str">
            <v>PILCINS</v>
          </cell>
          <cell r="K510" t="str">
            <v>X</v>
          </cell>
          <cell r="L510" t="str">
            <v>TESTING OF PILC CABLE</v>
          </cell>
          <cell r="M510" t="str">
            <v>N</v>
          </cell>
        </row>
        <row r="511">
          <cell r="A511" t="str">
            <v>PILCKY</v>
          </cell>
          <cell r="B511" t="str">
            <v>PD Capital</v>
          </cell>
          <cell r="C511" t="str">
            <v>MW</v>
          </cell>
          <cell r="D511" t="str">
            <v>PD-INTGT</v>
          </cell>
          <cell r="E511" t="str">
            <v>Power Delivery - Integrity</v>
          </cell>
          <cell r="F511" t="str">
            <v>DW/PILCKY</v>
          </cell>
          <cell r="G511" t="str">
            <v>Underground cable replacement Drainwire/PILC KY</v>
          </cell>
          <cell r="H511" t="str">
            <v>PD-INTGT \ DW/PILCKY</v>
          </cell>
          <cell r="I511" t="str">
            <v>DWA</v>
          </cell>
          <cell r="J511" t="str">
            <v>PILCKY</v>
          </cell>
          <cell r="K511" t="str">
            <v>I</v>
          </cell>
          <cell r="L511" t="str">
            <v>Underground cable replacement Drainwire/PILC KY</v>
          </cell>
          <cell r="M511" t="str">
            <v>N</v>
          </cell>
        </row>
        <row r="512">
          <cell r="A512" t="str">
            <v>PILCM</v>
          </cell>
          <cell r="B512" t="str">
            <v>PD O&amp;M</v>
          </cell>
          <cell r="C512" t="str">
            <v>MW</v>
          </cell>
          <cell r="D512" t="str">
            <v>PD-PILC</v>
          </cell>
          <cell r="E512" t="e">
            <v>#N/A</v>
          </cell>
          <cell r="F512" t="str">
            <v>RPR</v>
          </cell>
          <cell r="G512" t="e">
            <v>#N/A</v>
          </cell>
          <cell r="H512" t="str">
            <v>PD-PILC \ RPR</v>
          </cell>
          <cell r="I512"/>
          <cell r="J512" t="str">
            <v>PILCM</v>
          </cell>
          <cell r="K512" t="str">
            <v>X</v>
          </cell>
          <cell r="L512" t="str">
            <v>REPAIR RELATED TO TANDELTA EQUIP TESTING ON PILC TYPE CABLE</v>
          </cell>
          <cell r="M512" t="str">
            <v>N</v>
          </cell>
        </row>
        <row r="513">
          <cell r="A513" t="str">
            <v>PILCOH</v>
          </cell>
          <cell r="B513" t="str">
            <v>PD Capital</v>
          </cell>
          <cell r="C513" t="str">
            <v>MW</v>
          </cell>
          <cell r="D513" t="str">
            <v>PD-INTGT</v>
          </cell>
          <cell r="E513" t="str">
            <v>Power Delivery - Integrity</v>
          </cell>
          <cell r="F513" t="str">
            <v>DW/PILCOH</v>
          </cell>
          <cell r="G513" t="str">
            <v>Underground cable replacement Drainwire/PILC OH</v>
          </cell>
          <cell r="H513" t="str">
            <v>PD-INTGT \ DW/PILCOH</v>
          </cell>
          <cell r="I513" t="str">
            <v>DWA</v>
          </cell>
          <cell r="J513" t="str">
            <v>PILCOH</v>
          </cell>
          <cell r="K513" t="str">
            <v>I</v>
          </cell>
          <cell r="L513" t="str">
            <v>Underground cable replacement Drainwire/PILC OH</v>
          </cell>
          <cell r="M513" t="str">
            <v>N</v>
          </cell>
        </row>
        <row r="514">
          <cell r="A514" t="str">
            <v>PLUGREP</v>
          </cell>
          <cell r="B514" t="str">
            <v>PD O&amp;M</v>
          </cell>
          <cell r="C514" t="str">
            <v>Carolinas</v>
          </cell>
          <cell r="D514" t="str">
            <v>PD-LREP</v>
          </cell>
          <cell r="E514" t="str">
            <v xml:space="preserve">Light Repair </v>
          </cell>
          <cell r="F514" t="str">
            <v>PLUGREPC</v>
          </cell>
          <cell r="G514" t="str">
            <v>Public Light UG Cable Repair Carolinas</v>
          </cell>
          <cell r="H514" t="str">
            <v>PD-LREP \ PLUGREPC</v>
          </cell>
          <cell r="I514" t="str">
            <v>PLUGREP</v>
          </cell>
          <cell r="J514" t="str">
            <v>PLUGREP</v>
          </cell>
          <cell r="K514" t="str">
            <v>X</v>
          </cell>
          <cell r="L514" t="str">
            <v>Public Light UG Cable Repair Carolinas</v>
          </cell>
          <cell r="M514" t="str">
            <v>N</v>
          </cell>
        </row>
        <row r="515">
          <cell r="A515" t="str">
            <v>PPCC</v>
          </cell>
          <cell r="B515" t="str">
            <v>Gas O&amp;M</v>
          </cell>
          <cell r="C515" t="str">
            <v>Gas</v>
          </cell>
          <cell r="D515" t="str">
            <v>GO-PROPN</v>
          </cell>
          <cell r="E515" t="str">
            <v>Gas Operations - Propane Work, O&amp;M work</v>
          </cell>
          <cell r="F515" t="str">
            <v>PPCC</v>
          </cell>
          <cell r="G515" t="str">
            <v>Propane Code Compliance</v>
          </cell>
          <cell r="H515" t="str">
            <v>GO-PROPN \ PPCC</v>
          </cell>
          <cell r="I515"/>
          <cell r="J515" t="str">
            <v>PPCC</v>
          </cell>
          <cell r="K515" t="str">
            <v>X</v>
          </cell>
          <cell r="L515" t="str">
            <v>Propane Code Compliance</v>
          </cell>
          <cell r="M515" t="str">
            <v>N</v>
          </cell>
        </row>
        <row r="516">
          <cell r="A516" t="str">
            <v>PPCT</v>
          </cell>
          <cell r="B516" t="str">
            <v>Gas O&amp;M</v>
          </cell>
          <cell r="C516" t="str">
            <v>Gas</v>
          </cell>
          <cell r="D516" t="str">
            <v>GO-PROPN</v>
          </cell>
          <cell r="E516" t="str">
            <v>Gas Operations - Propane Work, O&amp;M work</v>
          </cell>
          <cell r="F516" t="str">
            <v>PPCT</v>
          </cell>
          <cell r="G516" t="str">
            <v>Propane Calibrate and Test</v>
          </cell>
          <cell r="H516" t="str">
            <v>GO-PROPN \ PPCT</v>
          </cell>
          <cell r="I516"/>
          <cell r="J516" t="str">
            <v>PPCT</v>
          </cell>
          <cell r="K516" t="str">
            <v>X</v>
          </cell>
          <cell r="L516" t="str">
            <v>Propane Calibrate and Test</v>
          </cell>
          <cell r="M516" t="str">
            <v>N</v>
          </cell>
        </row>
        <row r="517">
          <cell r="A517" t="str">
            <v>PPLRCK</v>
          </cell>
          <cell r="B517" t="str">
            <v>PD Capital</v>
          </cell>
          <cell r="C517" t="str">
            <v>Carolinas</v>
          </cell>
          <cell r="D517" t="str">
            <v>PD-INTGT</v>
          </cell>
          <cell r="E517" t="str">
            <v>Power Delivery - Integrity</v>
          </cell>
          <cell r="F517" t="str">
            <v>POLEPULLCK</v>
          </cell>
          <cell r="G517" t="str">
            <v>Pole Pull CK</v>
          </cell>
          <cell r="H517" t="str">
            <v>PD-INTGT \ POLEPULLCK</v>
          </cell>
          <cell r="I517" t="str">
            <v>PPL</v>
          </cell>
          <cell r="J517" t="str">
            <v>PPLRCK</v>
          </cell>
          <cell r="K517" t="str">
            <v>X</v>
          </cell>
          <cell r="L517" t="str">
            <v>Pole Pull CK</v>
          </cell>
          <cell r="M517" t="str">
            <v>N</v>
          </cell>
        </row>
        <row r="518">
          <cell r="A518" t="str">
            <v>PPLRNC</v>
          </cell>
          <cell r="B518" t="str">
            <v>PD Capital</v>
          </cell>
          <cell r="C518" t="str">
            <v>Carolinas</v>
          </cell>
          <cell r="D518" t="str">
            <v>PD-INTGT</v>
          </cell>
          <cell r="E518" t="str">
            <v>Power Delivery - Integrity</v>
          </cell>
          <cell r="F518" t="str">
            <v>POLEPULLNC</v>
          </cell>
          <cell r="G518" t="str">
            <v>Pole Pull NC</v>
          </cell>
          <cell r="H518" t="str">
            <v>PD-INTGT \ POLEPULLNC</v>
          </cell>
          <cell r="I518" t="str">
            <v>PPL</v>
          </cell>
          <cell r="J518" t="str">
            <v>PPLRNC</v>
          </cell>
          <cell r="K518" t="str">
            <v>X</v>
          </cell>
          <cell r="L518" t="str">
            <v>Pole Pull NC</v>
          </cell>
          <cell r="M518" t="str">
            <v>N</v>
          </cell>
        </row>
        <row r="519">
          <cell r="A519" t="str">
            <v>PPLRSC</v>
          </cell>
          <cell r="B519" t="str">
            <v>PD Capital</v>
          </cell>
          <cell r="C519" t="str">
            <v>Carolinas</v>
          </cell>
          <cell r="D519" t="str">
            <v>PD-INTGT</v>
          </cell>
          <cell r="E519" t="str">
            <v>Power Delivery - Integrity</v>
          </cell>
          <cell r="F519" t="str">
            <v>POLEPULLSC</v>
          </cell>
          <cell r="G519" t="str">
            <v>Pole Pull SC</v>
          </cell>
          <cell r="H519" t="str">
            <v>PD-INTGT \ POLEPULLSC</v>
          </cell>
          <cell r="I519" t="str">
            <v>PPL</v>
          </cell>
          <cell r="J519" t="str">
            <v>PPLRSC</v>
          </cell>
          <cell r="K519" t="str">
            <v>X</v>
          </cell>
          <cell r="L519" t="str">
            <v>Pole Pull SC</v>
          </cell>
          <cell r="M519" t="str">
            <v>N</v>
          </cell>
        </row>
        <row r="520">
          <cell r="A520" t="str">
            <v>PPMC</v>
          </cell>
          <cell r="B520" t="str">
            <v>Gas O&amp;M</v>
          </cell>
          <cell r="C520" t="str">
            <v>Gas</v>
          </cell>
          <cell r="D520" t="str">
            <v>GO-PROPN</v>
          </cell>
          <cell r="E520" t="str">
            <v>Gas Operations - Propane Work, O&amp;M work</v>
          </cell>
          <cell r="F520" t="str">
            <v>PPMC</v>
          </cell>
          <cell r="G520" t="str">
            <v>Propane Maintenance Corrective</v>
          </cell>
          <cell r="H520" t="str">
            <v>GO-PROPN \ PPMC</v>
          </cell>
          <cell r="I520"/>
          <cell r="J520" t="str">
            <v>PPMC</v>
          </cell>
          <cell r="K520" t="str">
            <v>X</v>
          </cell>
          <cell r="L520" t="str">
            <v>Propane Maintenance Corrective</v>
          </cell>
          <cell r="M520" t="str">
            <v>N</v>
          </cell>
        </row>
        <row r="521">
          <cell r="A521" t="str">
            <v>PPMP</v>
          </cell>
          <cell r="B521" t="str">
            <v>Gas O&amp;M</v>
          </cell>
          <cell r="C521" t="str">
            <v>Gas</v>
          </cell>
          <cell r="D521" t="str">
            <v>GO-PROPN</v>
          </cell>
          <cell r="E521" t="str">
            <v>Gas Operations - Propane Work, O&amp;M work</v>
          </cell>
          <cell r="F521" t="str">
            <v>PPMP</v>
          </cell>
          <cell r="G521" t="str">
            <v>Propane Maintenance Preventative</v>
          </cell>
          <cell r="H521" t="str">
            <v>GO-PROPN \ PPMP</v>
          </cell>
          <cell r="I521"/>
          <cell r="J521" t="str">
            <v>PPMP</v>
          </cell>
          <cell r="K521" t="str">
            <v>X</v>
          </cell>
          <cell r="L521" t="str">
            <v>Propane Maintenance Preventative</v>
          </cell>
          <cell r="M521" t="str">
            <v>N</v>
          </cell>
        </row>
        <row r="522">
          <cell r="A522" t="str">
            <v>PPOSE</v>
          </cell>
          <cell r="B522" t="str">
            <v>Gas O&amp;M</v>
          </cell>
          <cell r="C522" t="str">
            <v>Gas</v>
          </cell>
          <cell r="D522" t="str">
            <v>GO-PROPN</v>
          </cell>
          <cell r="E522" t="str">
            <v>Gas Operations - Propane Work, O&amp;M work</v>
          </cell>
          <cell r="F522" t="str">
            <v>PPOSE</v>
          </cell>
          <cell r="G522" t="str">
            <v>Propane Operate Equipment</v>
          </cell>
          <cell r="H522" t="str">
            <v>GO-PROPN \ PPOSE</v>
          </cell>
          <cell r="I522"/>
          <cell r="J522" t="str">
            <v>PPOSE</v>
          </cell>
          <cell r="K522" t="str">
            <v>X</v>
          </cell>
          <cell r="L522" t="str">
            <v>Propane Operate Equipment</v>
          </cell>
          <cell r="M522" t="str">
            <v>N</v>
          </cell>
        </row>
        <row r="523">
          <cell r="A523" t="str">
            <v>PQINS</v>
          </cell>
          <cell r="B523" t="str">
            <v>PD O&amp;M</v>
          </cell>
          <cell r="C523" t="str">
            <v>MW</v>
          </cell>
          <cell r="D523" t="str">
            <v>PD-PQ</v>
          </cell>
          <cell r="E523" t="str">
            <v>PQ Inquiries Investigation/Repair --voltage flucutations, equip</v>
          </cell>
          <cell r="F523" t="str">
            <v>PQ INQ</v>
          </cell>
          <cell r="G523" t="str">
            <v>PQ Inquiries Investigation/Repair --voltage flucutations, equip</v>
          </cell>
          <cell r="H523" t="str">
            <v>PD-PQ \ PQ INQ</v>
          </cell>
          <cell r="I523" t="str">
            <v>PQINS</v>
          </cell>
          <cell r="J523" t="str">
            <v>PQINS</v>
          </cell>
          <cell r="K523" t="str">
            <v>X</v>
          </cell>
          <cell r="L523" t="str">
            <v>PQ Inquiries Investigation/Repair --voltage flucutations, equip</v>
          </cell>
          <cell r="M523" t="str">
            <v>N</v>
          </cell>
        </row>
        <row r="524">
          <cell r="A524" t="str">
            <v>PRDIN</v>
          </cell>
          <cell r="B524" t="str">
            <v>PD Capital</v>
          </cell>
          <cell r="C524" t="str">
            <v>MW</v>
          </cell>
          <cell r="D524" t="str">
            <v>PD-INTGT</v>
          </cell>
          <cell r="E524" t="str">
            <v>Power Delivery - Integrity</v>
          </cell>
          <cell r="F524" t="str">
            <v>POLERPODIN</v>
          </cell>
          <cell r="G524" t="str">
            <v>Distribution Poles replaced not related to Ground Line Insp, ie. broken, car wreck, deteriorated IN</v>
          </cell>
          <cell r="H524" t="str">
            <v>PD-INTGT \ POLERPODIN</v>
          </cell>
          <cell r="I524" t="str">
            <v>CSI</v>
          </cell>
          <cell r="J524" t="str">
            <v>PRDIN</v>
          </cell>
          <cell r="K524" t="str">
            <v>I</v>
          </cell>
          <cell r="L524" t="str">
            <v>Distribution Poles replaced not related to Ground Line Insp, ie. broken, car wreck, deteriorated IN</v>
          </cell>
          <cell r="M524" t="str">
            <v>N</v>
          </cell>
        </row>
        <row r="525">
          <cell r="A525" t="str">
            <v>PRDKY</v>
          </cell>
          <cell r="B525" t="str">
            <v>PD Capital</v>
          </cell>
          <cell r="C525" t="str">
            <v>MW</v>
          </cell>
          <cell r="D525" t="str">
            <v>PD-INTGT</v>
          </cell>
          <cell r="E525" t="str">
            <v>Power Delivery - Integrity</v>
          </cell>
          <cell r="F525" t="str">
            <v>POLERPODKY</v>
          </cell>
          <cell r="G525" t="str">
            <v>Distribution Poles replaced not related to Ground Line Insp, ie. broken, car wreck, deteriorated KY</v>
          </cell>
          <cell r="H525" t="str">
            <v>PD-INTGT \ POLERPODKY</v>
          </cell>
          <cell r="I525" t="str">
            <v>CSI</v>
          </cell>
          <cell r="J525" t="str">
            <v>PRDKY</v>
          </cell>
          <cell r="K525" t="str">
            <v>I</v>
          </cell>
          <cell r="L525" t="str">
            <v>Distribution Poles replaced not related to Ground Line Insp, ie. broken, car wreck, deteriorated KY</v>
          </cell>
          <cell r="M525" t="str">
            <v>N</v>
          </cell>
        </row>
        <row r="526">
          <cell r="A526" t="str">
            <v>PRDOH</v>
          </cell>
          <cell r="B526" t="str">
            <v>PD Capital</v>
          </cell>
          <cell r="C526" t="str">
            <v>MW</v>
          </cell>
          <cell r="D526" t="str">
            <v>PD-INTGT</v>
          </cell>
          <cell r="E526" t="str">
            <v>Power Delivery - Integrity</v>
          </cell>
          <cell r="F526" t="str">
            <v>POLERPODOH</v>
          </cell>
          <cell r="G526" t="str">
            <v>Distribution Poles replaced not related to Ground Line Insp, ie. broken, car wreck, deteriorated OH</v>
          </cell>
          <cell r="H526" t="str">
            <v>PD-INTGT \ POLERPODOH</v>
          </cell>
          <cell r="I526" t="str">
            <v>CSI</v>
          </cell>
          <cell r="J526" t="str">
            <v>PRDOH</v>
          </cell>
          <cell r="K526" t="str">
            <v>I</v>
          </cell>
          <cell r="L526" t="str">
            <v>Distribution Poles replaced not related to Ground Line Insp, ie. broken, car wreck, deteriorated OH</v>
          </cell>
          <cell r="M526" t="str">
            <v>N</v>
          </cell>
        </row>
        <row r="527">
          <cell r="A527" t="str">
            <v>PREMRETCM</v>
          </cell>
          <cell r="B527" t="str">
            <v>Gas O&amp;M</v>
          </cell>
          <cell r="C527" t="str">
            <v>Gas</v>
          </cell>
          <cell r="D527" t="str">
            <v>GO-PREMW</v>
          </cell>
          <cell r="E527" t="str">
            <v>Gas Operations - Premise Work</v>
          </cell>
          <cell r="F527" t="str">
            <v>PREMRETCM</v>
          </cell>
          <cell r="G527" t="str">
            <v>Abandon Service C-M Customer Owned</v>
          </cell>
          <cell r="H527" t="str">
            <v>GO-PREMW \ PREMRETCM</v>
          </cell>
          <cell r="I527"/>
          <cell r="J527" t="str">
            <v>PREMRETCM</v>
          </cell>
          <cell r="K527" t="str">
            <v>X</v>
          </cell>
          <cell r="L527" t="str">
            <v>Abandon Service C-M Customer Owned</v>
          </cell>
          <cell r="M527" t="str">
            <v>N</v>
          </cell>
        </row>
        <row r="528">
          <cell r="A528" t="str">
            <v>PRTIN</v>
          </cell>
          <cell r="B528" t="str">
            <v>PD Capital</v>
          </cell>
          <cell r="C528" t="str">
            <v>MW</v>
          </cell>
          <cell r="D528" t="str">
            <v>PD-INTGT</v>
          </cell>
          <cell r="E528" t="str">
            <v>Power Delivery - Integrity</v>
          </cell>
          <cell r="F528" t="str">
            <v>POLERPOTIN</v>
          </cell>
          <cell r="G528" t="str">
            <v>Pole Replacement Other T - IN</v>
          </cell>
          <cell r="H528" t="str">
            <v>PD-INTGT \ POLERPOTIN</v>
          </cell>
          <cell r="I528" t="str">
            <v>TPPOLE</v>
          </cell>
          <cell r="J528" t="str">
            <v>PRTIN</v>
          </cell>
          <cell r="K528" t="str">
            <v>I</v>
          </cell>
          <cell r="L528" t="str">
            <v>Pole Replacement Other T - IN</v>
          </cell>
          <cell r="M528" t="str">
            <v>N</v>
          </cell>
        </row>
        <row r="529">
          <cell r="A529" t="str">
            <v>PRTKY</v>
          </cell>
          <cell r="B529" t="str">
            <v>PD Capital</v>
          </cell>
          <cell r="C529" t="str">
            <v>MW</v>
          </cell>
          <cell r="D529" t="str">
            <v>PD-INTGT</v>
          </cell>
          <cell r="E529" t="str">
            <v>Power Delivery - Integrity</v>
          </cell>
          <cell r="F529" t="str">
            <v>POLERPOTKY</v>
          </cell>
          <cell r="G529" t="str">
            <v>Pole Replacement Other T - KY</v>
          </cell>
          <cell r="H529" t="str">
            <v>PD-INTGT \ POLERPOTKY</v>
          </cell>
          <cell r="I529" t="str">
            <v>TPPOLE</v>
          </cell>
          <cell r="J529" t="str">
            <v>PRTKY</v>
          </cell>
          <cell r="K529" t="str">
            <v>I</v>
          </cell>
          <cell r="L529" t="str">
            <v>Pole Replacement Other T - KY</v>
          </cell>
          <cell r="M529" t="str">
            <v>N</v>
          </cell>
        </row>
        <row r="530">
          <cell r="A530" t="str">
            <v>PRTOH</v>
          </cell>
          <cell r="B530" t="str">
            <v>PD Capital</v>
          </cell>
          <cell r="C530" t="str">
            <v>MW</v>
          </cell>
          <cell r="D530" t="str">
            <v>PD-INTGT</v>
          </cell>
          <cell r="E530" t="str">
            <v>Power Delivery - Integrity</v>
          </cell>
          <cell r="F530" t="str">
            <v>POLERPOTOH</v>
          </cell>
          <cell r="G530" t="str">
            <v>Pole Replacement Other T - OH</v>
          </cell>
          <cell r="H530" t="str">
            <v>PD-INTGT \ POLERPOTOH</v>
          </cell>
          <cell r="I530" t="str">
            <v>TPPOLE</v>
          </cell>
          <cell r="J530" t="str">
            <v>PRTOH</v>
          </cell>
          <cell r="K530" t="str">
            <v>I</v>
          </cell>
          <cell r="L530" t="str">
            <v>Pole Replacement Other T - OH</v>
          </cell>
          <cell r="M530" t="str">
            <v>N</v>
          </cell>
        </row>
        <row r="531">
          <cell r="A531" t="str">
            <v>RBATMMO</v>
          </cell>
          <cell r="B531" t="str">
            <v>PD O&amp;M</v>
          </cell>
          <cell r="C531" t="str">
            <v>MW</v>
          </cell>
          <cell r="D531" t="str">
            <v>PD-RBAT</v>
          </cell>
          <cell r="E531" t="e">
            <v>#N/A</v>
          </cell>
          <cell r="F531" t="str">
            <v>MOD</v>
          </cell>
          <cell r="G531" t="e">
            <v>#N/A</v>
          </cell>
          <cell r="H531" t="str">
            <v>PD-RBAT \ MOD</v>
          </cell>
          <cell r="I531" t="str">
            <v>BATMO</v>
          </cell>
          <cell r="J531" t="str">
            <v>RBATMMO</v>
          </cell>
          <cell r="K531" t="str">
            <v>X</v>
          </cell>
          <cell r="L531" t="str">
            <v>Modification</v>
          </cell>
          <cell r="M531" t="str">
            <v>N</v>
          </cell>
        </row>
        <row r="532">
          <cell r="A532" t="str">
            <v>RBATMMO</v>
          </cell>
          <cell r="B532" t="str">
            <v>PD O&amp;M</v>
          </cell>
          <cell r="C532" t="str">
            <v>MW</v>
          </cell>
          <cell r="D532" t="str">
            <v>PD-RCHG</v>
          </cell>
          <cell r="E532" t="e">
            <v>#N/A</v>
          </cell>
          <cell r="F532" t="str">
            <v>MOD</v>
          </cell>
          <cell r="G532" t="e">
            <v>#N/A</v>
          </cell>
          <cell r="H532" t="str">
            <v>PD-RCHG \ MOD</v>
          </cell>
          <cell r="I532" t="str">
            <v>BATMO</v>
          </cell>
          <cell r="J532" t="str">
            <v>RBATMMO</v>
          </cell>
          <cell r="K532" t="str">
            <v>X</v>
          </cell>
          <cell r="L532" t="str">
            <v>Modification</v>
          </cell>
          <cell r="M532" t="str">
            <v>N</v>
          </cell>
        </row>
        <row r="533">
          <cell r="A533" t="str">
            <v>RBATMPM</v>
          </cell>
          <cell r="B533" t="str">
            <v>PD O&amp;M</v>
          </cell>
          <cell r="C533" t="str">
            <v>MW</v>
          </cell>
          <cell r="D533" t="str">
            <v>PD-RBAT</v>
          </cell>
          <cell r="E533" t="e">
            <v>#N/A</v>
          </cell>
          <cell r="F533" t="str">
            <v>PM</v>
          </cell>
          <cell r="G533" t="e">
            <v>#N/A</v>
          </cell>
          <cell r="H533" t="str">
            <v>PD-RBAT \ PM</v>
          </cell>
          <cell r="I533" t="str">
            <v>BATPM</v>
          </cell>
          <cell r="J533" t="str">
            <v>RBATMPM</v>
          </cell>
          <cell r="K533" t="str">
            <v>X</v>
          </cell>
          <cell r="L533" t="str">
            <v>Preventative Maintenance</v>
          </cell>
          <cell r="M533" t="str">
            <v>N</v>
          </cell>
        </row>
        <row r="534">
          <cell r="A534" t="str">
            <v>RBATMPM</v>
          </cell>
          <cell r="B534" t="str">
            <v>PD O&amp;M</v>
          </cell>
          <cell r="C534" t="str">
            <v>MW</v>
          </cell>
          <cell r="D534" t="str">
            <v>PD-RCHG</v>
          </cell>
          <cell r="E534" t="e">
            <v>#N/A</v>
          </cell>
          <cell r="F534" t="str">
            <v>PM</v>
          </cell>
          <cell r="G534" t="e">
            <v>#N/A</v>
          </cell>
          <cell r="H534" t="str">
            <v>PD-RCHG \ PM</v>
          </cell>
          <cell r="I534" t="str">
            <v>BATPM</v>
          </cell>
          <cell r="J534" t="str">
            <v>RBATMPM</v>
          </cell>
          <cell r="K534" t="str">
            <v>X</v>
          </cell>
          <cell r="L534" t="str">
            <v>Preventative Maintenance</v>
          </cell>
          <cell r="M534" t="str">
            <v>N</v>
          </cell>
        </row>
        <row r="535">
          <cell r="A535" t="str">
            <v>RBATMRPR</v>
          </cell>
          <cell r="B535" t="str">
            <v>PD O&amp;M</v>
          </cell>
          <cell r="C535" t="str">
            <v>MW</v>
          </cell>
          <cell r="D535" t="str">
            <v>PD-RBAT</v>
          </cell>
          <cell r="E535" t="e">
            <v>#N/A</v>
          </cell>
          <cell r="F535" t="str">
            <v>RPR</v>
          </cell>
          <cell r="G535" t="e">
            <v>#N/A</v>
          </cell>
          <cell r="H535" t="str">
            <v>PD-RBAT \ RPR</v>
          </cell>
          <cell r="I535" t="str">
            <v>BATRP</v>
          </cell>
          <cell r="J535" t="str">
            <v>RBATMRPR</v>
          </cell>
          <cell r="K535" t="str">
            <v>X</v>
          </cell>
          <cell r="L535" t="str">
            <v>Repair</v>
          </cell>
          <cell r="M535" t="str">
            <v>N</v>
          </cell>
        </row>
        <row r="536">
          <cell r="A536" t="str">
            <v>RBATMRPR</v>
          </cell>
          <cell r="B536" t="str">
            <v>PD O&amp;M</v>
          </cell>
          <cell r="C536" t="str">
            <v>MW</v>
          </cell>
          <cell r="D536" t="str">
            <v>PD-RCHG</v>
          </cell>
          <cell r="E536" t="e">
            <v>#N/A</v>
          </cell>
          <cell r="F536" t="str">
            <v>RPR</v>
          </cell>
          <cell r="G536" t="e">
            <v>#N/A</v>
          </cell>
          <cell r="H536" t="str">
            <v>PD-RCHG \ RPR</v>
          </cell>
          <cell r="I536" t="str">
            <v>BATRP</v>
          </cell>
          <cell r="J536" t="str">
            <v>RBATMRPR</v>
          </cell>
          <cell r="K536" t="str">
            <v>X</v>
          </cell>
          <cell r="L536" t="str">
            <v>Repair</v>
          </cell>
          <cell r="M536" t="str">
            <v>N</v>
          </cell>
        </row>
        <row r="537">
          <cell r="A537" t="str">
            <v>RBRKMMO</v>
          </cell>
          <cell r="B537" t="str">
            <v>PD O&amp;M</v>
          </cell>
          <cell r="C537" t="str">
            <v>MW</v>
          </cell>
          <cell r="D537" t="str">
            <v>PD-RBRK</v>
          </cell>
          <cell r="E537" t="e">
            <v>#N/A</v>
          </cell>
          <cell r="F537" t="str">
            <v>MOD</v>
          </cell>
          <cell r="G537" t="e">
            <v>#N/A</v>
          </cell>
          <cell r="H537" t="str">
            <v>PD-RBRK \ MOD</v>
          </cell>
          <cell r="I537" t="str">
            <v>BRKMO</v>
          </cell>
          <cell r="J537" t="str">
            <v>RBRKMMO</v>
          </cell>
          <cell r="K537" t="str">
            <v>X</v>
          </cell>
          <cell r="L537" t="str">
            <v>Modification</v>
          </cell>
          <cell r="M537" t="str">
            <v>N</v>
          </cell>
        </row>
        <row r="538">
          <cell r="A538" t="str">
            <v>RBRKMPM</v>
          </cell>
          <cell r="B538" t="str">
            <v>PD O&amp;M</v>
          </cell>
          <cell r="C538" t="str">
            <v>MW</v>
          </cell>
          <cell r="D538" t="str">
            <v>PD-RBRK</v>
          </cell>
          <cell r="E538" t="e">
            <v>#N/A</v>
          </cell>
          <cell r="F538" t="str">
            <v>PM</v>
          </cell>
          <cell r="G538" t="e">
            <v>#N/A</v>
          </cell>
          <cell r="H538" t="str">
            <v>PD-RBRK \ PM</v>
          </cell>
          <cell r="I538" t="str">
            <v>BRKPM</v>
          </cell>
          <cell r="J538" t="str">
            <v>RBRKMPM</v>
          </cell>
          <cell r="K538" t="str">
            <v>X</v>
          </cell>
          <cell r="L538" t="str">
            <v>Preventative Maintenance</v>
          </cell>
          <cell r="M538" t="str">
            <v>N</v>
          </cell>
        </row>
        <row r="539">
          <cell r="A539" t="str">
            <v>RBRKMRPR</v>
          </cell>
          <cell r="B539" t="str">
            <v>PD O&amp;M</v>
          </cell>
          <cell r="C539" t="str">
            <v>MW</v>
          </cell>
          <cell r="D539" t="str">
            <v>PD-RBRK</v>
          </cell>
          <cell r="E539" t="e">
            <v>#N/A</v>
          </cell>
          <cell r="F539" t="str">
            <v>RPR</v>
          </cell>
          <cell r="G539" t="e">
            <v>#N/A</v>
          </cell>
          <cell r="H539" t="str">
            <v>PD-RBRK \ RPR</v>
          </cell>
          <cell r="I539" t="str">
            <v>BRKRP</v>
          </cell>
          <cell r="J539" t="str">
            <v>RBRKMRPR</v>
          </cell>
          <cell r="K539" t="str">
            <v>X</v>
          </cell>
          <cell r="L539" t="str">
            <v>Repair</v>
          </cell>
          <cell r="M539" t="str">
            <v>N</v>
          </cell>
        </row>
        <row r="540">
          <cell r="A540" t="str">
            <v>RCAPMMO</v>
          </cell>
          <cell r="B540" t="str">
            <v>PD O&amp;M</v>
          </cell>
          <cell r="C540" t="str">
            <v>MW</v>
          </cell>
          <cell r="D540" t="str">
            <v>PD-RCAP</v>
          </cell>
          <cell r="E540" t="e">
            <v>#N/A</v>
          </cell>
          <cell r="F540" t="str">
            <v>MOD</v>
          </cell>
          <cell r="G540" t="e">
            <v>#N/A</v>
          </cell>
          <cell r="H540" t="str">
            <v>PD-RCAP \ MOD</v>
          </cell>
          <cell r="I540" t="str">
            <v>CAPMO</v>
          </cell>
          <cell r="J540" t="str">
            <v>RCAPMMO</v>
          </cell>
          <cell r="K540" t="str">
            <v>X</v>
          </cell>
          <cell r="L540" t="str">
            <v>Modification</v>
          </cell>
          <cell r="M540" t="str">
            <v>N</v>
          </cell>
        </row>
        <row r="541">
          <cell r="A541" t="str">
            <v>RCAPMPM</v>
          </cell>
          <cell r="B541" t="str">
            <v>PD O&amp;M</v>
          </cell>
          <cell r="C541" t="str">
            <v>MW</v>
          </cell>
          <cell r="D541" t="str">
            <v>PD-DSUBCAP</v>
          </cell>
          <cell r="E541" t="str">
            <v>MW Distribution Sub Capacitors - Insp &amp; Maint</v>
          </cell>
          <cell r="F541" t="str">
            <v>INSPMT</v>
          </cell>
          <cell r="G541" t="str">
            <v>Inspection and Maintenance</v>
          </cell>
          <cell r="H541" t="str">
            <v>PD-DSUBCAP \ INSPMT</v>
          </cell>
          <cell r="I541" t="str">
            <v>CAPPM</v>
          </cell>
          <cell r="J541" t="str">
            <v>RCAPMPM</v>
          </cell>
          <cell r="K541" t="str">
            <v>X</v>
          </cell>
          <cell r="L541" t="str">
            <v>Inspection and Maintenance</v>
          </cell>
          <cell r="M541" t="str">
            <v>N</v>
          </cell>
        </row>
        <row r="542">
          <cell r="A542" t="str">
            <v>RCAPMPM</v>
          </cell>
          <cell r="B542" t="str">
            <v>PD O&amp;M</v>
          </cell>
          <cell r="C542" t="str">
            <v>MW</v>
          </cell>
          <cell r="D542" t="str">
            <v>PD-RCAP</v>
          </cell>
          <cell r="E542" t="e">
            <v>#N/A</v>
          </cell>
          <cell r="F542" t="str">
            <v>PM</v>
          </cell>
          <cell r="G542" t="e">
            <v>#N/A</v>
          </cell>
          <cell r="H542" t="str">
            <v>PD-RCAP \ PM</v>
          </cell>
          <cell r="I542" t="str">
            <v>CAPPM</v>
          </cell>
          <cell r="J542" t="str">
            <v>RCAPMPM</v>
          </cell>
          <cell r="K542" t="str">
            <v>X</v>
          </cell>
          <cell r="L542" t="str">
            <v>Preventative Maintenance</v>
          </cell>
          <cell r="M542" t="str">
            <v>N</v>
          </cell>
        </row>
        <row r="543">
          <cell r="A543" t="str">
            <v>RCAPMRPR</v>
          </cell>
          <cell r="B543" t="str">
            <v>PD O&amp;M</v>
          </cell>
          <cell r="C543" t="str">
            <v>MW</v>
          </cell>
          <cell r="D543" t="str">
            <v>PD-DSUBCAPR</v>
          </cell>
          <cell r="E543" t="str">
            <v>MW Distribution Sub Capacitors - Repair</v>
          </cell>
          <cell r="F543" t="str">
            <v>REPAIR</v>
          </cell>
          <cell r="G543" t="str">
            <v>Repair</v>
          </cell>
          <cell r="H543" t="str">
            <v>PD-DSUBCAPR \ REPAIR</v>
          </cell>
          <cell r="I543" t="str">
            <v>CAPRP</v>
          </cell>
          <cell r="J543" t="str">
            <v>RCAPMRPR</v>
          </cell>
          <cell r="K543" t="str">
            <v>X</v>
          </cell>
          <cell r="L543" t="str">
            <v>Repair</v>
          </cell>
          <cell r="M543" t="str">
            <v>N</v>
          </cell>
        </row>
        <row r="544">
          <cell r="A544" t="str">
            <v>RCAPMRPR</v>
          </cell>
          <cell r="B544" t="str">
            <v>PD O&amp;M</v>
          </cell>
          <cell r="C544" t="str">
            <v>MW</v>
          </cell>
          <cell r="D544" t="str">
            <v>PD-RCAP</v>
          </cell>
          <cell r="E544" t="e">
            <v>#N/A</v>
          </cell>
          <cell r="F544" t="str">
            <v>RPR</v>
          </cell>
          <cell r="G544" t="e">
            <v>#N/A</v>
          </cell>
          <cell r="H544" t="str">
            <v>PD-RCAP \ RPR</v>
          </cell>
          <cell r="I544" t="str">
            <v>CAPRP</v>
          </cell>
          <cell r="J544" t="str">
            <v>RCAPMRPR</v>
          </cell>
          <cell r="K544" t="str">
            <v>X</v>
          </cell>
          <cell r="L544" t="str">
            <v>Repair</v>
          </cell>
          <cell r="M544" t="str">
            <v>N</v>
          </cell>
        </row>
        <row r="545">
          <cell r="A545" t="str">
            <v>RCLIN</v>
          </cell>
          <cell r="B545" t="str">
            <v>PD Capital</v>
          </cell>
          <cell r="C545" t="str">
            <v>MW</v>
          </cell>
          <cell r="D545" t="str">
            <v>PD-RELIA</v>
          </cell>
          <cell r="E545" t="str">
            <v>Power Delivery - Reliability</v>
          </cell>
          <cell r="F545" t="str">
            <v>RECLOSERIN</v>
          </cell>
          <cell r="G545" t="str">
            <v>Changeout of reclosers as a ‘Program’ IN</v>
          </cell>
          <cell r="H545" t="str">
            <v>PD-RELIA \ RECLOSERIN</v>
          </cell>
          <cell r="I545" t="str">
            <v>RRR</v>
          </cell>
          <cell r="J545" t="str">
            <v>RCLIN</v>
          </cell>
          <cell r="K545" t="str">
            <v>I</v>
          </cell>
          <cell r="L545" t="str">
            <v>Changeout of reclosers as a Program IN</v>
          </cell>
          <cell r="M545" t="str">
            <v>N</v>
          </cell>
        </row>
        <row r="546">
          <cell r="A546" t="str">
            <v>RCLKY</v>
          </cell>
          <cell r="B546" t="str">
            <v>PD Capital</v>
          </cell>
          <cell r="C546" t="str">
            <v>MW</v>
          </cell>
          <cell r="D546" t="str">
            <v>PD-RELIA</v>
          </cell>
          <cell r="E546" t="str">
            <v>Power Delivery - Reliability</v>
          </cell>
          <cell r="F546" t="str">
            <v>RECLOSERKY</v>
          </cell>
          <cell r="G546" t="str">
            <v>Changeout of reclosers as a ‘Program’ KY</v>
          </cell>
          <cell r="H546" t="str">
            <v>PD-RELIA \ RECLOSERKY</v>
          </cell>
          <cell r="I546" t="str">
            <v>RRR</v>
          </cell>
          <cell r="J546" t="str">
            <v>RCLKY</v>
          </cell>
          <cell r="K546" t="str">
            <v>I</v>
          </cell>
          <cell r="L546" t="str">
            <v>Changeout of reclosers as a Program KY</v>
          </cell>
          <cell r="M546" t="str">
            <v>N</v>
          </cell>
        </row>
        <row r="547">
          <cell r="A547" t="str">
            <v>RCLOH</v>
          </cell>
          <cell r="B547" t="str">
            <v>PD Capital</v>
          </cell>
          <cell r="C547" t="str">
            <v>MW</v>
          </cell>
          <cell r="D547" t="str">
            <v>PD-RELIA</v>
          </cell>
          <cell r="E547" t="str">
            <v>Power Delivery - Reliability</v>
          </cell>
          <cell r="F547" t="str">
            <v>RECLOSEROH</v>
          </cell>
          <cell r="G547" t="str">
            <v>Changeout of reclosers as a ‘Program’ OH</v>
          </cell>
          <cell r="H547" t="str">
            <v>PD-RELIA \ RECLOSEROH</v>
          </cell>
          <cell r="I547" t="str">
            <v>RRR</v>
          </cell>
          <cell r="J547" t="str">
            <v>RCLOH</v>
          </cell>
          <cell r="K547" t="str">
            <v>I</v>
          </cell>
          <cell r="L547" t="str">
            <v>Changeout of reclosers as a Program OH</v>
          </cell>
          <cell r="M547" t="str">
            <v>N</v>
          </cell>
        </row>
        <row r="548">
          <cell r="A548" t="str">
            <v>RCTICK</v>
          </cell>
          <cell r="B548" t="str">
            <v>PD Capital</v>
          </cell>
          <cell r="C548" t="str">
            <v>Carolinas</v>
          </cell>
          <cell r="D548" t="str">
            <v>PD-RELIA</v>
          </cell>
          <cell r="E548" t="str">
            <v>Power Delivery - Reliability</v>
          </cell>
          <cell r="F548" t="str">
            <v>SIEMENCK</v>
          </cell>
          <cell r="G548" t="str">
            <v>Siemen's Regulator Replacements CK</v>
          </cell>
          <cell r="H548" t="str">
            <v>PD-RELIA \ SIEMENCK</v>
          </cell>
          <cell r="I548" t="str">
            <v>RCT</v>
          </cell>
          <cell r="J548" t="str">
            <v>RCTICK</v>
          </cell>
          <cell r="K548" t="str">
            <v>X</v>
          </cell>
          <cell r="L548" t="str">
            <v>Siemen''s Regulator Replacements CK</v>
          </cell>
          <cell r="M548" t="str">
            <v>N</v>
          </cell>
        </row>
        <row r="549">
          <cell r="A549" t="str">
            <v>RCTINC</v>
          </cell>
          <cell r="B549" t="str">
            <v>PD Capital</v>
          </cell>
          <cell r="C549" t="str">
            <v>Carolinas</v>
          </cell>
          <cell r="D549" t="str">
            <v>PD-RELIA</v>
          </cell>
          <cell r="E549" t="str">
            <v>Power Delivery - Reliability</v>
          </cell>
          <cell r="F549" t="str">
            <v>SIEMENNC</v>
          </cell>
          <cell r="G549" t="str">
            <v>Siemen's Regulator Replacements NC</v>
          </cell>
          <cell r="H549" t="str">
            <v>PD-RELIA \ SIEMENNC</v>
          </cell>
          <cell r="I549" t="str">
            <v>RCT</v>
          </cell>
          <cell r="J549" t="str">
            <v>RCTINC</v>
          </cell>
          <cell r="K549" t="str">
            <v>X</v>
          </cell>
          <cell r="L549" t="str">
            <v>Siemen''s Regulator Replacements NC</v>
          </cell>
          <cell r="M549" t="str">
            <v>N</v>
          </cell>
        </row>
        <row r="550">
          <cell r="A550" t="str">
            <v>RCTISC</v>
          </cell>
          <cell r="B550" t="str">
            <v>PD Capital</v>
          </cell>
          <cell r="C550" t="str">
            <v>Carolinas</v>
          </cell>
          <cell r="D550" t="str">
            <v>PD-RELIA</v>
          </cell>
          <cell r="E550" t="str">
            <v>Power Delivery - Reliability</v>
          </cell>
          <cell r="F550" t="str">
            <v>SIEMENSC</v>
          </cell>
          <cell r="G550" t="str">
            <v>Siemen's Regulator Replacements SC</v>
          </cell>
          <cell r="H550" t="str">
            <v>PD-RELIA \ SIEMENSC</v>
          </cell>
          <cell r="I550" t="str">
            <v>RCT</v>
          </cell>
          <cell r="J550" t="str">
            <v>RCTISC</v>
          </cell>
          <cell r="K550" t="str">
            <v>X</v>
          </cell>
          <cell r="L550" t="str">
            <v>Siemen''s Regulator Replacements SC</v>
          </cell>
          <cell r="M550" t="str">
            <v>N</v>
          </cell>
        </row>
        <row r="551">
          <cell r="A551" t="str">
            <v>RCVICK</v>
          </cell>
          <cell r="B551" t="str">
            <v>PD Capital</v>
          </cell>
          <cell r="C551" t="str">
            <v>Carolinas</v>
          </cell>
          <cell r="D551" t="str">
            <v>PD-SCAP</v>
          </cell>
          <cell r="E551" t="str">
            <v>Power Delivery - System Capacity</v>
          </cell>
          <cell r="F551" t="str">
            <v>CAPAC CK</v>
          </cell>
          <cell r="G551" t="str">
            <v>Install New capacitors determined by studies or for increases to existing capacitor KVARs CK</v>
          </cell>
          <cell r="H551" t="str">
            <v>PD-SCAP \ CAPAC CK</v>
          </cell>
          <cell r="I551" t="str">
            <v>RCV</v>
          </cell>
          <cell r="J551" t="str">
            <v>RCVICK</v>
          </cell>
          <cell r="K551" t="str">
            <v>X</v>
          </cell>
          <cell r="L551" t="str">
            <v>Install New capacitors determined by studies or for increases to existing capacitor KVARs CK</v>
          </cell>
          <cell r="M551" t="str">
            <v>N</v>
          </cell>
        </row>
        <row r="552">
          <cell r="A552" t="str">
            <v>RCVINC</v>
          </cell>
          <cell r="B552" t="str">
            <v>PD Capital</v>
          </cell>
          <cell r="C552" t="str">
            <v>Carolinas</v>
          </cell>
          <cell r="D552" t="str">
            <v>PD-SCAP</v>
          </cell>
          <cell r="E552" t="str">
            <v>Power Delivery - System Capacity</v>
          </cell>
          <cell r="F552" t="str">
            <v>CAPAC NC</v>
          </cell>
          <cell r="G552" t="str">
            <v>Install New capacitors determined by studies or for increases to existing capacitor KVARs NC</v>
          </cell>
          <cell r="H552" t="str">
            <v>PD-SCAP \ CAPAC NC</v>
          </cell>
          <cell r="I552" t="str">
            <v>RCV</v>
          </cell>
          <cell r="J552" t="str">
            <v>RCVINC</v>
          </cell>
          <cell r="K552" t="str">
            <v>X</v>
          </cell>
          <cell r="L552" t="str">
            <v>Install New capacitors determined by studies or for increases to existing capacitor KVARs NC</v>
          </cell>
          <cell r="M552" t="str">
            <v>N</v>
          </cell>
        </row>
        <row r="553">
          <cell r="A553" t="str">
            <v>RCVISC</v>
          </cell>
          <cell r="B553" t="str">
            <v>PD Capital</v>
          </cell>
          <cell r="C553" t="str">
            <v>Carolinas</v>
          </cell>
          <cell r="D553" t="str">
            <v>PD-SCAP</v>
          </cell>
          <cell r="E553" t="str">
            <v>Power Delivery - System Capacity</v>
          </cell>
          <cell r="F553" t="str">
            <v>CAPAC SC</v>
          </cell>
          <cell r="G553" t="str">
            <v>Install New capacitors determined by studies or for increases to existing capacitor KVARs SC</v>
          </cell>
          <cell r="H553" t="str">
            <v>PD-SCAP \ CAPAC SC</v>
          </cell>
          <cell r="I553" t="str">
            <v>RCV</v>
          </cell>
          <cell r="J553" t="str">
            <v>RCVISC</v>
          </cell>
          <cell r="K553" t="str">
            <v>X</v>
          </cell>
          <cell r="L553" t="str">
            <v>Install New capacitors determined by studies or for increases to existing capacitor KVARs SC</v>
          </cell>
          <cell r="M553" t="str">
            <v>N</v>
          </cell>
        </row>
        <row r="554">
          <cell r="A554" t="str">
            <v>RECOM</v>
          </cell>
          <cell r="B554" t="str">
            <v>PD O&amp;M</v>
          </cell>
          <cell r="C554" t="str">
            <v>MW</v>
          </cell>
          <cell r="D554" t="str">
            <v>PD-RECLDISP</v>
          </cell>
          <cell r="E554" t="str">
            <v>Distribution Recloser Inspection &amp; Maintenance</v>
          </cell>
          <cell r="F554" t="str">
            <v>DINSPMT</v>
          </cell>
          <cell r="G554" t="str">
            <v>Inspection &amp; Maintenance - Distribution</v>
          </cell>
          <cell r="H554" t="str">
            <v>PD-RECLDISP \ DINSPMT</v>
          </cell>
          <cell r="I554" t="str">
            <v>RECOM</v>
          </cell>
          <cell r="J554" t="str">
            <v>RECOM</v>
          </cell>
          <cell r="K554" t="str">
            <v>X</v>
          </cell>
          <cell r="L554" t="str">
            <v>Inspection &amp; Maintenance - Distribution</v>
          </cell>
          <cell r="M554" t="str">
            <v>N</v>
          </cell>
        </row>
        <row r="555">
          <cell r="A555" t="str">
            <v>REGIN</v>
          </cell>
          <cell r="B555" t="str">
            <v>PD Capital</v>
          </cell>
          <cell r="C555" t="str">
            <v>MW</v>
          </cell>
          <cell r="D555" t="str">
            <v>PD-RELIA</v>
          </cell>
          <cell r="E555" t="str">
            <v>Power Delivery - Reliability</v>
          </cell>
          <cell r="F555" t="str">
            <v>REGUL IN</v>
          </cell>
          <cell r="G555" t="str">
            <v>Changeout of regulators as a ‘Program’ IN</v>
          </cell>
          <cell r="H555" t="str">
            <v>PD-RELIA \ REGUL IN</v>
          </cell>
          <cell r="I555"/>
          <cell r="J555" t="str">
            <v>REGIN</v>
          </cell>
          <cell r="K555" t="str">
            <v>I</v>
          </cell>
          <cell r="L555" t="str">
            <v>Changeout of regulators as a Program IN</v>
          </cell>
          <cell r="M555" t="str">
            <v>N</v>
          </cell>
        </row>
        <row r="556">
          <cell r="A556" t="str">
            <v>REGIN</v>
          </cell>
          <cell r="B556" t="str">
            <v>PD Capital</v>
          </cell>
          <cell r="C556" t="str">
            <v>MW</v>
          </cell>
          <cell r="D556" t="str">
            <v>PD-RELIA</v>
          </cell>
          <cell r="E556" t="str">
            <v>Power Delivery - Reliability</v>
          </cell>
          <cell r="F556" t="str">
            <v>SIEMENIN</v>
          </cell>
          <cell r="G556" t="str">
            <v>Siemen's Regulator Replacements IN</v>
          </cell>
          <cell r="H556" t="str">
            <v>PD-RELIA \ SIEMENIN</v>
          </cell>
          <cell r="I556"/>
          <cell r="J556" t="str">
            <v>REGIN</v>
          </cell>
          <cell r="K556" t="str">
            <v>I</v>
          </cell>
          <cell r="L556" t="str">
            <v>Siemen's Regulator Replacements IN</v>
          </cell>
          <cell r="M556" t="str">
            <v>N</v>
          </cell>
        </row>
        <row r="557">
          <cell r="A557" t="str">
            <v>REGIN</v>
          </cell>
          <cell r="B557" t="str">
            <v>PD Capital</v>
          </cell>
          <cell r="C557" t="str">
            <v>MW</v>
          </cell>
          <cell r="D557" t="str">
            <v>PD-SCAP</v>
          </cell>
          <cell r="E557" t="str">
            <v>Power Delivery - System Capacity</v>
          </cell>
          <cell r="F557" t="str">
            <v>REGUL IN</v>
          </cell>
          <cell r="G557" t="str">
            <v>Changeout of regulators as a ‘Program’ IN</v>
          </cell>
          <cell r="H557" t="str">
            <v>PD-SCAP \ REGUL IN</v>
          </cell>
          <cell r="I557" t="str">
            <v>RGR</v>
          </cell>
          <cell r="J557" t="str">
            <v>REGIN</v>
          </cell>
          <cell r="K557" t="str">
            <v>I</v>
          </cell>
          <cell r="L557" t="str">
            <v>Changeout of regulators as a Program IN</v>
          </cell>
          <cell r="M557" t="str">
            <v>N</v>
          </cell>
        </row>
        <row r="558">
          <cell r="A558" t="str">
            <v>REGKY</v>
          </cell>
          <cell r="B558" t="str">
            <v>PD Capital</v>
          </cell>
          <cell r="C558" t="str">
            <v>MW</v>
          </cell>
          <cell r="D558" t="str">
            <v>PD-RELIA</v>
          </cell>
          <cell r="E558" t="str">
            <v>Power Delivery - Reliability</v>
          </cell>
          <cell r="F558" t="str">
            <v>REGUL KY</v>
          </cell>
          <cell r="G558" t="str">
            <v>Changeout of regulators as a ‘Program’ KY</v>
          </cell>
          <cell r="H558" t="str">
            <v>PD-RELIA \ REGUL KY</v>
          </cell>
          <cell r="I558"/>
          <cell r="J558" t="str">
            <v>REGKY</v>
          </cell>
          <cell r="K558" t="str">
            <v>I</v>
          </cell>
          <cell r="L558" t="str">
            <v>Changeout of regulators as a Program KY</v>
          </cell>
          <cell r="M558" t="str">
            <v>N</v>
          </cell>
        </row>
        <row r="559">
          <cell r="A559" t="str">
            <v>REGKY</v>
          </cell>
          <cell r="B559" t="str">
            <v>PD Capital</v>
          </cell>
          <cell r="C559" t="str">
            <v>MW</v>
          </cell>
          <cell r="D559" t="str">
            <v>PD-RELIA</v>
          </cell>
          <cell r="E559" t="str">
            <v>Power Delivery - Reliability</v>
          </cell>
          <cell r="F559" t="str">
            <v>SIEMENKY</v>
          </cell>
          <cell r="G559" t="str">
            <v>Siemen's Regulator Replacements KY</v>
          </cell>
          <cell r="H559" t="str">
            <v>PD-RELIA \ SIEMENKY</v>
          </cell>
          <cell r="I559"/>
          <cell r="J559" t="str">
            <v>REGKY</v>
          </cell>
          <cell r="K559" t="str">
            <v>I</v>
          </cell>
          <cell r="L559" t="str">
            <v>Siemen''s Regulator Replacements KY</v>
          </cell>
          <cell r="M559" t="str">
            <v>N</v>
          </cell>
        </row>
        <row r="560">
          <cell r="A560" t="str">
            <v>REGKY</v>
          </cell>
          <cell r="B560" t="str">
            <v>PD Capital</v>
          </cell>
          <cell r="C560" t="str">
            <v>MW</v>
          </cell>
          <cell r="D560" t="str">
            <v>PD-SCAP</v>
          </cell>
          <cell r="E560" t="str">
            <v>Power Delivery - System Capacity</v>
          </cell>
          <cell r="F560" t="str">
            <v>REGUL KY</v>
          </cell>
          <cell r="G560" t="str">
            <v>Changeout of regulators as a ‘Program’ KY</v>
          </cell>
          <cell r="H560" t="str">
            <v>PD-SCAP \ REGUL KY</v>
          </cell>
          <cell r="I560" t="str">
            <v>RGR</v>
          </cell>
          <cell r="J560" t="str">
            <v>REGKY</v>
          </cell>
          <cell r="K560" t="str">
            <v>I</v>
          </cell>
          <cell r="L560" t="str">
            <v>Changeout of regulators as a Program KY</v>
          </cell>
          <cell r="M560" t="str">
            <v>N</v>
          </cell>
        </row>
        <row r="561">
          <cell r="A561" t="str">
            <v>REGOH</v>
          </cell>
          <cell r="B561" t="e">
            <v>#N/A</v>
          </cell>
          <cell r="C561" t="e">
            <v>#N/A</v>
          </cell>
          <cell r="D561" t="str">
            <v>PD-RELI</v>
          </cell>
          <cell r="E561" t="e">
            <v>#N/A</v>
          </cell>
          <cell r="F561" t="str">
            <v>SIEMENOH</v>
          </cell>
          <cell r="G561" t="e">
            <v>#N/A</v>
          </cell>
          <cell r="H561" t="str">
            <v>PD-RELI \ SIEMENOH</v>
          </cell>
          <cell r="I561"/>
          <cell r="J561" t="str">
            <v>REGOH</v>
          </cell>
          <cell r="K561"/>
          <cell r="L561" t="str">
            <v>Siemen''s Regulator Replacements OH</v>
          </cell>
          <cell r="M561" t="str">
            <v>N</v>
          </cell>
        </row>
        <row r="562">
          <cell r="A562" t="str">
            <v>REGOH</v>
          </cell>
          <cell r="B562" t="str">
            <v>PD Capital</v>
          </cell>
          <cell r="C562" t="str">
            <v>MW</v>
          </cell>
          <cell r="D562" t="str">
            <v>PD-RELIA</v>
          </cell>
          <cell r="E562" t="str">
            <v>Power Delivery - Reliability</v>
          </cell>
          <cell r="F562" t="str">
            <v>REGUL OH</v>
          </cell>
          <cell r="G562" t="str">
            <v>Changeout of regulators as a ‘Program’ OH</v>
          </cell>
          <cell r="H562" t="str">
            <v>PD-RELIA \ REGUL OH</v>
          </cell>
          <cell r="I562"/>
          <cell r="J562" t="str">
            <v>REGOH</v>
          </cell>
          <cell r="K562" t="str">
            <v>I</v>
          </cell>
          <cell r="L562" t="str">
            <v>Changeout of regulators as a Program OH</v>
          </cell>
          <cell r="M562" t="str">
            <v>N</v>
          </cell>
        </row>
        <row r="563">
          <cell r="A563" t="str">
            <v>REGOH</v>
          </cell>
          <cell r="B563" t="str">
            <v>PD Capital</v>
          </cell>
          <cell r="C563" t="str">
            <v>MW</v>
          </cell>
          <cell r="D563" t="str">
            <v>PD-RELIA</v>
          </cell>
          <cell r="E563" t="str">
            <v>Power Delivery - Reliability</v>
          </cell>
          <cell r="F563" t="str">
            <v>SIEMENOH</v>
          </cell>
          <cell r="G563" t="str">
            <v>Siemen's Regulator Replacements OH</v>
          </cell>
          <cell r="H563" t="str">
            <v>PD-RELIA \ SIEMENOH</v>
          </cell>
          <cell r="I563"/>
          <cell r="J563" t="str">
            <v>REGOH</v>
          </cell>
          <cell r="K563" t="str">
            <v>I</v>
          </cell>
          <cell r="L563" t="str">
            <v>Siemen''s Regulator Replacements OH</v>
          </cell>
          <cell r="M563" t="str">
            <v>N</v>
          </cell>
        </row>
        <row r="564">
          <cell r="A564" t="str">
            <v>REGOH</v>
          </cell>
          <cell r="B564" t="str">
            <v>PD Capital</v>
          </cell>
          <cell r="C564" t="str">
            <v>MW</v>
          </cell>
          <cell r="D564" t="str">
            <v>PD-SCAP</v>
          </cell>
          <cell r="E564" t="str">
            <v>Power Delivery - System Capacity</v>
          </cell>
          <cell r="F564" t="str">
            <v>REGUL OH</v>
          </cell>
          <cell r="G564" t="str">
            <v>Changeout of regulators as a ‘Program’ OH</v>
          </cell>
          <cell r="H564" t="str">
            <v>PD-SCAP \ REGUL OH</v>
          </cell>
          <cell r="I564" t="str">
            <v>RGR</v>
          </cell>
          <cell r="J564" t="str">
            <v>REGOH</v>
          </cell>
          <cell r="K564" t="str">
            <v>I</v>
          </cell>
          <cell r="L564" t="str">
            <v>Changeout of regulators as a Program OH</v>
          </cell>
          <cell r="M564" t="str">
            <v>N</v>
          </cell>
        </row>
        <row r="565">
          <cell r="A565" t="str">
            <v>RELDIN</v>
          </cell>
          <cell r="B565" t="str">
            <v>PD Capital</v>
          </cell>
          <cell r="C565" t="str">
            <v>MW</v>
          </cell>
          <cell r="D565" t="str">
            <v>PD-RELO</v>
          </cell>
          <cell r="E565" t="str">
            <v>Power Delivery - Relocation D</v>
          </cell>
          <cell r="F565" t="str">
            <v>HIGHWAYIN</v>
          </cell>
          <cell r="G565" t="str">
            <v>Highway Relocations IN</v>
          </cell>
          <cell r="H565" t="str">
            <v>PD-RELO \ HIGHWAYIN</v>
          </cell>
          <cell r="I565"/>
          <cell r="J565" t="str">
            <v>RELDIN</v>
          </cell>
          <cell r="K565" t="str">
            <v>I</v>
          </cell>
          <cell r="L565" t="str">
            <v>Highway Relocations IN</v>
          </cell>
          <cell r="M565" t="str">
            <v>N</v>
          </cell>
        </row>
        <row r="566">
          <cell r="A566" t="str">
            <v>RELDIN</v>
          </cell>
          <cell r="B566" t="str">
            <v>PD Capital</v>
          </cell>
          <cell r="C566" t="str">
            <v>MW</v>
          </cell>
          <cell r="D566" t="str">
            <v>PD-RELO</v>
          </cell>
          <cell r="E566" t="str">
            <v>Power Delivery - Relocation D</v>
          </cell>
          <cell r="F566" t="str">
            <v>O UTLY IN</v>
          </cell>
          <cell r="G566" t="str">
            <v>Other Utilities -phone, cable attachments, other utility request IN</v>
          </cell>
          <cell r="H566" t="str">
            <v>PD-RELO \ O UTLY IN</v>
          </cell>
          <cell r="I566"/>
          <cell r="J566" t="str">
            <v>RELDIN</v>
          </cell>
          <cell r="K566" t="str">
            <v>I</v>
          </cell>
          <cell r="L566" t="str">
            <v>Other Utilities -phone, cable attachments, other utility request IN</v>
          </cell>
          <cell r="M566" t="str">
            <v>N</v>
          </cell>
        </row>
        <row r="567">
          <cell r="A567" t="str">
            <v>RELDIN</v>
          </cell>
          <cell r="B567" t="str">
            <v>PD Capital</v>
          </cell>
          <cell r="C567" t="str">
            <v>MW</v>
          </cell>
          <cell r="D567" t="str">
            <v>PD-RELO</v>
          </cell>
          <cell r="E567" t="str">
            <v>Power Delivery - Relocation D</v>
          </cell>
          <cell r="F567" t="str">
            <v>VEG MAN IN</v>
          </cell>
          <cell r="G567" t="str">
            <v>Vegetation Management IN</v>
          </cell>
          <cell r="H567" t="str">
            <v>PD-RELO \ VEG MAN IN</v>
          </cell>
          <cell r="I567"/>
          <cell r="J567" t="str">
            <v>RELDIN</v>
          </cell>
          <cell r="K567" t="str">
            <v>I</v>
          </cell>
          <cell r="L567" t="str">
            <v>Vegetation Management IN</v>
          </cell>
          <cell r="M567" t="str">
            <v>N</v>
          </cell>
        </row>
        <row r="568">
          <cell r="A568" t="str">
            <v>RELDKY</v>
          </cell>
          <cell r="B568" t="str">
            <v>PD Capital</v>
          </cell>
          <cell r="C568" t="str">
            <v>MW</v>
          </cell>
          <cell r="D568" t="str">
            <v>PD-RELO</v>
          </cell>
          <cell r="E568" t="str">
            <v>Power Delivery - Relocation D</v>
          </cell>
          <cell r="F568" t="str">
            <v>HIGHWAYKY</v>
          </cell>
          <cell r="G568" t="str">
            <v>Highway Relocations KY</v>
          </cell>
          <cell r="H568" t="str">
            <v>PD-RELO \ HIGHWAYKY</v>
          </cell>
          <cell r="I568"/>
          <cell r="J568" t="str">
            <v>RELDKY</v>
          </cell>
          <cell r="K568" t="str">
            <v>I</v>
          </cell>
          <cell r="L568" t="str">
            <v>Highway Relocations KY</v>
          </cell>
          <cell r="M568" t="str">
            <v>N</v>
          </cell>
        </row>
        <row r="569">
          <cell r="A569" t="str">
            <v>RELDKY</v>
          </cell>
          <cell r="B569" t="str">
            <v>PD Capital</v>
          </cell>
          <cell r="C569" t="str">
            <v>MW</v>
          </cell>
          <cell r="D569" t="str">
            <v>PD-RELO</v>
          </cell>
          <cell r="E569" t="str">
            <v>Power Delivery - Relocation D</v>
          </cell>
          <cell r="F569" t="str">
            <v>O UTLY KY</v>
          </cell>
          <cell r="G569" t="str">
            <v>Other Utilities -phone, cable attachments, other utility request KY</v>
          </cell>
          <cell r="H569" t="str">
            <v>PD-RELO \ O UTLY KY</v>
          </cell>
          <cell r="I569"/>
          <cell r="J569" t="str">
            <v>RELDKY</v>
          </cell>
          <cell r="K569" t="str">
            <v>I</v>
          </cell>
          <cell r="L569" t="str">
            <v>Other Utilities -phone, cable attachments, other utility request KY</v>
          </cell>
          <cell r="M569" t="str">
            <v>N</v>
          </cell>
        </row>
        <row r="570">
          <cell r="A570" t="str">
            <v>RELDKY</v>
          </cell>
          <cell r="B570" t="str">
            <v>PD Capital</v>
          </cell>
          <cell r="C570" t="str">
            <v>MW</v>
          </cell>
          <cell r="D570" t="str">
            <v>PD-RELO</v>
          </cell>
          <cell r="E570" t="str">
            <v>Power Delivery - Relocation D</v>
          </cell>
          <cell r="F570" t="str">
            <v>VEG MAN KY</v>
          </cell>
          <cell r="G570" t="str">
            <v>Vegetation Management KY</v>
          </cell>
          <cell r="H570" t="str">
            <v>PD-RELO \ VEG MAN KY</v>
          </cell>
          <cell r="I570"/>
          <cell r="J570" t="str">
            <v>RELDKY</v>
          </cell>
          <cell r="K570" t="str">
            <v>I</v>
          </cell>
          <cell r="L570" t="str">
            <v>Vegetation Management KY</v>
          </cell>
          <cell r="M570" t="str">
            <v>N</v>
          </cell>
        </row>
        <row r="571">
          <cell r="A571" t="str">
            <v>RELDOH</v>
          </cell>
          <cell r="B571" t="str">
            <v>PD Capital</v>
          </cell>
          <cell r="C571" t="str">
            <v>MW</v>
          </cell>
          <cell r="D571" t="str">
            <v>PD-RELO</v>
          </cell>
          <cell r="E571" t="str">
            <v>Power Delivery - Relocation D</v>
          </cell>
          <cell r="F571" t="str">
            <v>HIGHWAYOH</v>
          </cell>
          <cell r="G571" t="str">
            <v>Highway Relocations OH</v>
          </cell>
          <cell r="H571" t="str">
            <v>PD-RELO \ HIGHWAYOH</v>
          </cell>
          <cell r="I571"/>
          <cell r="J571" t="str">
            <v>RELDOH</v>
          </cell>
          <cell r="K571" t="str">
            <v>I</v>
          </cell>
          <cell r="L571" t="str">
            <v>Highway Relocations OH</v>
          </cell>
          <cell r="M571" t="str">
            <v>N</v>
          </cell>
        </row>
        <row r="572">
          <cell r="A572" t="str">
            <v>RELDOH</v>
          </cell>
          <cell r="B572" t="str">
            <v>PD Capital</v>
          </cell>
          <cell r="C572" t="str">
            <v>MW</v>
          </cell>
          <cell r="D572" t="str">
            <v>PD-RELO</v>
          </cell>
          <cell r="E572" t="str">
            <v>Power Delivery - Relocation D</v>
          </cell>
          <cell r="F572" t="str">
            <v>O UTLY OH</v>
          </cell>
          <cell r="G572" t="str">
            <v>Other Utilities -phone, cable attachments, other utility request OH</v>
          </cell>
          <cell r="H572" t="str">
            <v>PD-RELO \ O UTLY OH</v>
          </cell>
          <cell r="I572"/>
          <cell r="J572" t="str">
            <v>RELDOH</v>
          </cell>
          <cell r="K572" t="str">
            <v>I</v>
          </cell>
          <cell r="L572" t="str">
            <v>Other Utilities -phone, cable attachments, other utility request OH</v>
          </cell>
          <cell r="M572" t="str">
            <v>N</v>
          </cell>
        </row>
        <row r="573">
          <cell r="A573" t="str">
            <v>RELDOH</v>
          </cell>
          <cell r="B573" t="str">
            <v>PD Capital</v>
          </cell>
          <cell r="C573" t="str">
            <v>MW</v>
          </cell>
          <cell r="D573" t="str">
            <v>PD-RELO</v>
          </cell>
          <cell r="E573" t="str">
            <v>Power Delivery - Relocation D</v>
          </cell>
          <cell r="F573" t="str">
            <v>VEG MAN OH</v>
          </cell>
          <cell r="G573" t="str">
            <v>Vegetation Management OH</v>
          </cell>
          <cell r="H573" t="str">
            <v>PD-RELO \ VEG MAN OH</v>
          </cell>
          <cell r="I573"/>
          <cell r="J573" t="str">
            <v>RELDOH</v>
          </cell>
          <cell r="K573" t="str">
            <v>I</v>
          </cell>
          <cell r="L573" t="str">
            <v>Vegetation Management OH</v>
          </cell>
          <cell r="M573" t="str">
            <v>N</v>
          </cell>
        </row>
        <row r="574">
          <cell r="A574" t="str">
            <v>RELTIN</v>
          </cell>
          <cell r="B574" t="str">
            <v>PD Capital</v>
          </cell>
          <cell r="C574" t="str">
            <v>MW</v>
          </cell>
          <cell r="D574" t="str">
            <v>PD-RELOT</v>
          </cell>
          <cell r="E574" t="str">
            <v>Power Delivery - Relocation T</v>
          </cell>
          <cell r="F574" t="str">
            <v>RELOTIN</v>
          </cell>
          <cell r="G574" t="str">
            <v>Relocations T IN</v>
          </cell>
          <cell r="H574" t="str">
            <v>PD-RELOT \ RELOTIN</v>
          </cell>
          <cell r="I574" t="str">
            <v>HIWAYT</v>
          </cell>
          <cell r="J574" t="str">
            <v>RELTIN</v>
          </cell>
          <cell r="K574" t="str">
            <v>I</v>
          </cell>
          <cell r="L574" t="str">
            <v>Relocations T IN</v>
          </cell>
          <cell r="M574" t="str">
            <v>N</v>
          </cell>
        </row>
        <row r="575">
          <cell r="A575" t="str">
            <v>RELTKY</v>
          </cell>
          <cell r="B575" t="str">
            <v>PD Capital</v>
          </cell>
          <cell r="C575" t="str">
            <v>MW</v>
          </cell>
          <cell r="D575" t="str">
            <v>PD-RELOT</v>
          </cell>
          <cell r="E575" t="str">
            <v>Power Delivery - Relocation T</v>
          </cell>
          <cell r="F575" t="str">
            <v>RELOTKY</v>
          </cell>
          <cell r="G575" t="str">
            <v>Relocations T KY</v>
          </cell>
          <cell r="H575" t="str">
            <v>PD-RELOT \ RELOTKY</v>
          </cell>
          <cell r="I575" t="str">
            <v>HIWAYT</v>
          </cell>
          <cell r="J575" t="str">
            <v>RELTKY</v>
          </cell>
          <cell r="K575" t="str">
            <v>I</v>
          </cell>
          <cell r="L575" t="str">
            <v>Relocations T KY</v>
          </cell>
          <cell r="M575" t="str">
            <v>N</v>
          </cell>
        </row>
        <row r="576">
          <cell r="A576" t="str">
            <v>RELTOH</v>
          </cell>
          <cell r="B576" t="str">
            <v>PD Capital</v>
          </cell>
          <cell r="C576" t="str">
            <v>MW</v>
          </cell>
          <cell r="D576" t="str">
            <v>PD-RELOT</v>
          </cell>
          <cell r="E576" t="str">
            <v>Power Delivery - Relocation T</v>
          </cell>
          <cell r="F576" t="str">
            <v>RELOTOH</v>
          </cell>
          <cell r="G576" t="str">
            <v>Relocations T OH</v>
          </cell>
          <cell r="H576" t="str">
            <v>PD-RELOT \ RELOTOH</v>
          </cell>
          <cell r="I576" t="str">
            <v>HIWAYT</v>
          </cell>
          <cell r="J576" t="str">
            <v>RELTOH</v>
          </cell>
          <cell r="K576" t="str">
            <v>I</v>
          </cell>
          <cell r="L576" t="str">
            <v>Relocations T OH</v>
          </cell>
          <cell r="M576" t="str">
            <v>N</v>
          </cell>
        </row>
        <row r="577">
          <cell r="A577" t="str">
            <v>REQM</v>
          </cell>
          <cell r="B577" t="str">
            <v>PD O&amp;M</v>
          </cell>
          <cell r="C577" t="str">
            <v>MW</v>
          </cell>
          <cell r="D577" t="str">
            <v>PD-RINF</v>
          </cell>
          <cell r="E577" t="e">
            <v>#N/A</v>
          </cell>
          <cell r="F577" t="str">
            <v>PM</v>
          </cell>
          <cell r="G577" t="e">
            <v>#N/A</v>
          </cell>
          <cell r="H577" t="str">
            <v>PD-RINF \ PM</v>
          </cell>
          <cell r="I577" t="str">
            <v>EQM</v>
          </cell>
          <cell r="J577" t="str">
            <v>REQM</v>
          </cell>
          <cell r="K577" t="str">
            <v>X</v>
          </cell>
          <cell r="L577" t="str">
            <v>Preventative Maintenance</v>
          </cell>
          <cell r="M577" t="str">
            <v>N</v>
          </cell>
        </row>
        <row r="578">
          <cell r="A578" t="str">
            <v>REQMMO</v>
          </cell>
          <cell r="B578" t="str">
            <v>PD O&amp;M</v>
          </cell>
          <cell r="C578" t="str">
            <v>MW</v>
          </cell>
          <cell r="D578" t="str">
            <v>PD-REQM</v>
          </cell>
          <cell r="E578" t="e">
            <v>#N/A</v>
          </cell>
          <cell r="F578" t="str">
            <v>MOD</v>
          </cell>
          <cell r="G578" t="e">
            <v>#N/A</v>
          </cell>
          <cell r="H578" t="str">
            <v>PD-REQM \ MOD</v>
          </cell>
          <cell r="I578" t="str">
            <v>SUBEQMO</v>
          </cell>
          <cell r="J578" t="str">
            <v>REQMMO</v>
          </cell>
          <cell r="K578" t="str">
            <v>X</v>
          </cell>
          <cell r="L578" t="str">
            <v>Modification</v>
          </cell>
          <cell r="M578" t="str">
            <v>N</v>
          </cell>
        </row>
        <row r="579">
          <cell r="A579" t="str">
            <v>REQMPM</v>
          </cell>
          <cell r="B579" t="str">
            <v>PD O&amp;M</v>
          </cell>
          <cell r="C579" t="str">
            <v>MW</v>
          </cell>
          <cell r="D579" t="str">
            <v>PD-REQM</v>
          </cell>
          <cell r="E579" t="e">
            <v>#N/A</v>
          </cell>
          <cell r="F579" t="str">
            <v>PM</v>
          </cell>
          <cell r="G579" t="e">
            <v>#N/A</v>
          </cell>
          <cell r="H579" t="str">
            <v>PD-REQM \ PM</v>
          </cell>
          <cell r="I579" t="str">
            <v>SUBEQPM</v>
          </cell>
          <cell r="J579" t="str">
            <v>REQMPM</v>
          </cell>
          <cell r="K579" t="str">
            <v>X</v>
          </cell>
          <cell r="L579" t="str">
            <v>Preventative Maintenance</v>
          </cell>
          <cell r="M579" t="str">
            <v>N</v>
          </cell>
        </row>
        <row r="580">
          <cell r="A580" t="str">
            <v>REQMRPR</v>
          </cell>
          <cell r="B580" t="str">
            <v>PD O&amp;M</v>
          </cell>
          <cell r="C580" t="str">
            <v>MW</v>
          </cell>
          <cell r="D580" t="str">
            <v>PD-REQM</v>
          </cell>
          <cell r="E580" t="e">
            <v>#N/A</v>
          </cell>
          <cell r="F580" t="str">
            <v>RPR</v>
          </cell>
          <cell r="G580" t="e">
            <v>#N/A</v>
          </cell>
          <cell r="H580" t="str">
            <v>PD-REQM \ RPR</v>
          </cell>
          <cell r="I580" t="str">
            <v>SUBEQRP</v>
          </cell>
          <cell r="J580" t="str">
            <v>REQMRPR</v>
          </cell>
          <cell r="K580" t="str">
            <v>X</v>
          </cell>
          <cell r="L580" t="str">
            <v>Repair</v>
          </cell>
          <cell r="M580" t="str">
            <v>N</v>
          </cell>
        </row>
        <row r="581">
          <cell r="A581" t="str">
            <v>REQO</v>
          </cell>
          <cell r="B581" t="str">
            <v>PD O&amp;M</v>
          </cell>
          <cell r="C581" t="str">
            <v>MW</v>
          </cell>
          <cell r="D581" t="str">
            <v>PD-SWTCH</v>
          </cell>
          <cell r="E581" t="e">
            <v>#N/A</v>
          </cell>
          <cell r="F581" t="str">
            <v>DSWTCHMW</v>
          </cell>
          <cell r="G581" t="e">
            <v>#N/A</v>
          </cell>
          <cell r="H581" t="str">
            <v>PD-SWTCH \ DSWTCHMW</v>
          </cell>
          <cell r="I581"/>
          <cell r="J581" t="str">
            <v>REQO</v>
          </cell>
          <cell r="K581" t="str">
            <v>X</v>
          </cell>
          <cell r="L581" t="str">
            <v>SWITCHING IN DISTRIBUTION SUBSTATIONS</v>
          </cell>
          <cell r="M581" t="str">
            <v>N</v>
          </cell>
        </row>
        <row r="582">
          <cell r="A582" t="str">
            <v>RFIICK</v>
          </cell>
          <cell r="B582" t="str">
            <v>PD Capital</v>
          </cell>
          <cell r="C582" t="str">
            <v>Carolinas</v>
          </cell>
          <cell r="D582" t="str">
            <v>PD-RELIA</v>
          </cell>
          <cell r="E582" t="str">
            <v>Power Delivery - Reliability</v>
          </cell>
          <cell r="F582" t="str">
            <v>DECLCIRCK</v>
          </cell>
          <cell r="G582" t="str">
            <v>Declared Circuit Program CK</v>
          </cell>
          <cell r="H582" t="str">
            <v>PD-RELIA \ DECLCIRCK</v>
          </cell>
          <cell r="I582" t="str">
            <v>RFI</v>
          </cell>
          <cell r="J582" t="str">
            <v>RFIICK</v>
          </cell>
          <cell r="K582" t="str">
            <v>X</v>
          </cell>
          <cell r="L582" t="str">
            <v>Declared Circuit Program CK</v>
          </cell>
          <cell r="M582" t="str">
            <v>N</v>
          </cell>
        </row>
        <row r="583">
          <cell r="A583" t="str">
            <v>RFIISC</v>
          </cell>
          <cell r="B583" t="str">
            <v>PD Capital</v>
          </cell>
          <cell r="C583" t="str">
            <v>Carolinas</v>
          </cell>
          <cell r="D583" t="str">
            <v>PD-RELIA</v>
          </cell>
          <cell r="E583" t="str">
            <v>Power Delivery - Reliability</v>
          </cell>
          <cell r="F583" t="str">
            <v>DECLCIRSC</v>
          </cell>
          <cell r="G583" t="str">
            <v>Declared Circuit Program SC</v>
          </cell>
          <cell r="H583" t="str">
            <v>PD-RELIA \ DECLCIRSC</v>
          </cell>
          <cell r="I583" t="str">
            <v>RFI</v>
          </cell>
          <cell r="J583" t="str">
            <v>RFIISC</v>
          </cell>
          <cell r="K583" t="str">
            <v>X</v>
          </cell>
          <cell r="L583" t="str">
            <v>Declared Circuit Program SC</v>
          </cell>
          <cell r="M583" t="str">
            <v>N</v>
          </cell>
        </row>
        <row r="584">
          <cell r="A584" t="str">
            <v>RFINC</v>
          </cell>
          <cell r="B584" t="str">
            <v>PD O&amp;M</v>
          </cell>
          <cell r="C584" t="str">
            <v>MW</v>
          </cell>
          <cell r="D584" t="str">
            <v>PD-RELIA</v>
          </cell>
          <cell r="E584" t="e">
            <v>#N/A</v>
          </cell>
          <cell r="F584" t="str">
            <v>DECLCIRNC</v>
          </cell>
          <cell r="G584" t="e">
            <v>#N/A</v>
          </cell>
          <cell r="H584" t="str">
            <v>PD-RELIA \ DECLCIRNC</v>
          </cell>
          <cell r="I584" t="str">
            <v>RFI</v>
          </cell>
          <cell r="J584" t="str">
            <v>RFINC</v>
          </cell>
          <cell r="K584" t="str">
            <v>X</v>
          </cell>
          <cell r="L584" t="str">
            <v>Declared Circuit Program NC</v>
          </cell>
          <cell r="M584" t="str">
            <v>N</v>
          </cell>
        </row>
        <row r="585">
          <cell r="A585" t="str">
            <v>RFSICK</v>
          </cell>
          <cell r="B585" t="str">
            <v>PD Capital</v>
          </cell>
          <cell r="C585" t="str">
            <v>Carolinas</v>
          </cell>
          <cell r="D585" t="str">
            <v>PD-RELIA</v>
          </cell>
          <cell r="E585" t="str">
            <v>Power Delivery - Reliability</v>
          </cell>
          <cell r="F585" t="str">
            <v>CIR SECTCK</v>
          </cell>
          <cell r="G585" t="str">
            <v>Installation of sectionalizing devices (reclosers, sectionalizers, OVRs, etc) CK</v>
          </cell>
          <cell r="H585" t="str">
            <v>PD-RELIA \ CIR SECTCK</v>
          </cell>
          <cell r="I585" t="str">
            <v>RFS</v>
          </cell>
          <cell r="J585" t="str">
            <v>RFSICK</v>
          </cell>
          <cell r="K585" t="str">
            <v>X</v>
          </cell>
          <cell r="L585" t="str">
            <v>Installation of sectionalizing devices (reclosers, sectionalizers, OVRs, etc) CK</v>
          </cell>
          <cell r="M585" t="str">
            <v>N</v>
          </cell>
        </row>
        <row r="586">
          <cell r="A586" t="str">
            <v>RFSINC</v>
          </cell>
          <cell r="B586" t="str">
            <v>PD O&amp;M</v>
          </cell>
          <cell r="C586" t="str">
            <v>MW</v>
          </cell>
          <cell r="D586" t="str">
            <v>PD-RELIA</v>
          </cell>
          <cell r="E586" t="e">
            <v>#N/A</v>
          </cell>
          <cell r="F586" t="str">
            <v>CIR SECTNC</v>
          </cell>
          <cell r="G586" t="e">
            <v>#N/A</v>
          </cell>
          <cell r="H586" t="str">
            <v>PD-RELIA \ CIR SECTNC</v>
          </cell>
          <cell r="I586" t="str">
            <v>RFS</v>
          </cell>
          <cell r="J586" t="str">
            <v>RFSINC</v>
          </cell>
          <cell r="K586" t="str">
            <v>X</v>
          </cell>
          <cell r="L586" t="str">
            <v>Installation of sectionalizing devices (reclosers, sectionalizers, OVR's, etc) NC</v>
          </cell>
          <cell r="M586" t="str">
            <v>N</v>
          </cell>
        </row>
        <row r="587">
          <cell r="A587" t="str">
            <v>RFSISC</v>
          </cell>
          <cell r="B587" t="str">
            <v>PD Capital</v>
          </cell>
          <cell r="C587" t="str">
            <v>Carolinas</v>
          </cell>
          <cell r="D587" t="str">
            <v>PD-RELIA</v>
          </cell>
          <cell r="E587" t="str">
            <v>Power Delivery - Reliability</v>
          </cell>
          <cell r="F587" t="str">
            <v>CIR SECTSC</v>
          </cell>
          <cell r="G587" t="str">
            <v>Installation of sectionalizing devices (reclosers, sectionalizers, OVRs, etc) SC</v>
          </cell>
          <cell r="H587" t="str">
            <v>PD-RELIA \ CIR SECTSC</v>
          </cell>
          <cell r="I587" t="str">
            <v>RFS</v>
          </cell>
          <cell r="J587" t="str">
            <v>RFSISC</v>
          </cell>
          <cell r="K587" t="str">
            <v>X</v>
          </cell>
          <cell r="L587" t="str">
            <v>Installation of sectionalizing devices (reclosers, sectionalizers, OVRs, etc) SC</v>
          </cell>
          <cell r="M587" t="str">
            <v>N</v>
          </cell>
        </row>
        <row r="588">
          <cell r="A588" t="str">
            <v>RGRICK</v>
          </cell>
          <cell r="B588" t="str">
            <v>PD Capital</v>
          </cell>
          <cell r="C588" t="str">
            <v>Carolinas</v>
          </cell>
          <cell r="D588" t="str">
            <v>PD-RELIA</v>
          </cell>
          <cell r="E588" t="str">
            <v>Power Delivery - Reliability</v>
          </cell>
          <cell r="F588" t="str">
            <v>REGUL CK</v>
          </cell>
          <cell r="G588" t="str">
            <v>Regulator Replacement/repair Not LIP follow-up nor an outage CK</v>
          </cell>
          <cell r="H588" t="str">
            <v>PD-RELIA \ REGUL CK</v>
          </cell>
          <cell r="I588" t="str">
            <v>RGR</v>
          </cell>
          <cell r="J588" t="str">
            <v>RGRICK</v>
          </cell>
          <cell r="K588" t="str">
            <v>X</v>
          </cell>
          <cell r="L588" t="str">
            <v>Regulator Replacement/repair Not LIP follow-up nor an outage CK</v>
          </cell>
          <cell r="M588" t="str">
            <v>N</v>
          </cell>
        </row>
        <row r="589">
          <cell r="A589" t="str">
            <v>RGRINC</v>
          </cell>
          <cell r="B589" t="str">
            <v>PD Capital</v>
          </cell>
          <cell r="C589" t="str">
            <v>Carolinas</v>
          </cell>
          <cell r="D589" t="str">
            <v>PD-RELIA</v>
          </cell>
          <cell r="E589" t="str">
            <v>Power Delivery - Reliability</v>
          </cell>
          <cell r="F589" t="str">
            <v>REGUL NC</v>
          </cell>
          <cell r="G589" t="str">
            <v>Regulator Replacement/repair Not LIP follow-up nor an outage NC</v>
          </cell>
          <cell r="H589" t="str">
            <v>PD-RELIA \ REGUL NC</v>
          </cell>
          <cell r="I589" t="str">
            <v>RGR</v>
          </cell>
          <cell r="J589" t="str">
            <v>RGRINC</v>
          </cell>
          <cell r="K589" t="str">
            <v>X</v>
          </cell>
          <cell r="L589" t="str">
            <v>Regulator Replacement/repair Not LIP follow-up nor an outage NC</v>
          </cell>
          <cell r="M589" t="str">
            <v>N</v>
          </cell>
        </row>
        <row r="590">
          <cell r="A590" t="str">
            <v>RGRISC</v>
          </cell>
          <cell r="B590" t="str">
            <v>PD Capital</v>
          </cell>
          <cell r="C590" t="str">
            <v>Carolinas</v>
          </cell>
          <cell r="D590" t="str">
            <v>PD-RELIA</v>
          </cell>
          <cell r="E590" t="str">
            <v>Power Delivery - Reliability</v>
          </cell>
          <cell r="F590" t="str">
            <v>REGUL SC</v>
          </cell>
          <cell r="G590" t="str">
            <v>Regulator Replacement/repair Not LIP follow-up nor an outage SC</v>
          </cell>
          <cell r="H590" t="str">
            <v>PD-RELIA \ REGUL SC</v>
          </cell>
          <cell r="I590" t="str">
            <v>RGR</v>
          </cell>
          <cell r="J590" t="str">
            <v>RGRISC</v>
          </cell>
          <cell r="K590" t="str">
            <v>X</v>
          </cell>
          <cell r="L590" t="str">
            <v>Regulator Replacement/repair Not LIP follow-up nor an outage SC</v>
          </cell>
          <cell r="M590" t="str">
            <v>N</v>
          </cell>
        </row>
        <row r="591">
          <cell r="A591" t="str">
            <v>RHWICK</v>
          </cell>
          <cell r="B591" t="str">
            <v>PD Capital</v>
          </cell>
          <cell r="C591" t="str">
            <v>Carolinas</v>
          </cell>
          <cell r="D591" t="str">
            <v>PD-RELO</v>
          </cell>
          <cell r="E591" t="str">
            <v>Power Delivery - Relocation D</v>
          </cell>
          <cell r="F591" t="str">
            <v>VEG MAN CK</v>
          </cell>
          <cell r="G591" t="str">
            <v>Vegetation Management CK</v>
          </cell>
          <cell r="H591" t="str">
            <v>PD-RELO \ VEG MAN CK</v>
          </cell>
          <cell r="I591" t="str">
            <v>RHW</v>
          </cell>
          <cell r="J591" t="str">
            <v>RHWICK</v>
          </cell>
          <cell r="K591" t="str">
            <v>X</v>
          </cell>
          <cell r="L591" t="str">
            <v>Vegetation Management CK</v>
          </cell>
          <cell r="M591" t="str">
            <v>N</v>
          </cell>
        </row>
        <row r="592">
          <cell r="A592" t="str">
            <v>RHWINC</v>
          </cell>
          <cell r="B592" t="str">
            <v>PD Capital</v>
          </cell>
          <cell r="C592" t="str">
            <v>Carolinas</v>
          </cell>
          <cell r="D592" t="str">
            <v>PD-RELO</v>
          </cell>
          <cell r="E592" t="str">
            <v>Power Delivery - Relocation D</v>
          </cell>
          <cell r="F592" t="str">
            <v>VEG MAN NC</v>
          </cell>
          <cell r="G592" t="str">
            <v>Vegetation Management NC</v>
          </cell>
          <cell r="H592" t="str">
            <v>PD-RELO \ VEG MAN NC</v>
          </cell>
          <cell r="I592" t="str">
            <v>RHW</v>
          </cell>
          <cell r="J592" t="str">
            <v>RHWINC</v>
          </cell>
          <cell r="K592" t="str">
            <v>X</v>
          </cell>
          <cell r="L592" t="str">
            <v>Vegetation Management NC</v>
          </cell>
          <cell r="M592" t="str">
            <v>N</v>
          </cell>
        </row>
        <row r="593">
          <cell r="A593" t="str">
            <v>RHWISC</v>
          </cell>
          <cell r="B593" t="str">
            <v>PD Capital</v>
          </cell>
          <cell r="C593" t="str">
            <v>Carolinas</v>
          </cell>
          <cell r="D593" t="str">
            <v>PD-RELO</v>
          </cell>
          <cell r="E593" t="str">
            <v>Power Delivery - Relocation D</v>
          </cell>
          <cell r="F593" t="str">
            <v>VEG MAN SC</v>
          </cell>
          <cell r="G593" t="str">
            <v>Vegetation Management SC</v>
          </cell>
          <cell r="H593" t="str">
            <v>PD-RELO \ VEG MAN SC</v>
          </cell>
          <cell r="I593" t="str">
            <v>RHW</v>
          </cell>
          <cell r="J593" t="str">
            <v>RHWISC</v>
          </cell>
          <cell r="K593" t="str">
            <v>X</v>
          </cell>
          <cell r="L593" t="str">
            <v>Vegetation Management SC</v>
          </cell>
          <cell r="M593" t="str">
            <v>N</v>
          </cell>
        </row>
        <row r="594">
          <cell r="A594" t="str">
            <v>RIRICK</v>
          </cell>
          <cell r="B594" t="str">
            <v>PD Capital</v>
          </cell>
          <cell r="C594" t="str">
            <v>Carolinas</v>
          </cell>
          <cell r="D594" t="str">
            <v>PD-RELIA</v>
          </cell>
          <cell r="E594" t="str">
            <v>Power Delivery - Reliability</v>
          </cell>
          <cell r="F594" t="str">
            <v>INFRDREPCK</v>
          </cell>
          <cell r="G594" t="str">
            <v>Infrared Repair Work Capital CK</v>
          </cell>
          <cell r="H594" t="str">
            <v>PD-RELIA \ INFRDREPCK</v>
          </cell>
          <cell r="I594" t="str">
            <v>RIR</v>
          </cell>
          <cell r="J594" t="str">
            <v>RIRICK</v>
          </cell>
          <cell r="K594" t="str">
            <v>X</v>
          </cell>
          <cell r="L594" t="str">
            <v>Infrared Repair Work Capital CK</v>
          </cell>
          <cell r="M594" t="str">
            <v>N</v>
          </cell>
        </row>
        <row r="595">
          <cell r="A595" t="str">
            <v>RIRINC</v>
          </cell>
          <cell r="B595" t="str">
            <v>PD Capital</v>
          </cell>
          <cell r="C595" t="str">
            <v>Carolinas</v>
          </cell>
          <cell r="D595" t="str">
            <v>PD-RELIA</v>
          </cell>
          <cell r="E595" t="str">
            <v>Power Delivery - Reliability</v>
          </cell>
          <cell r="F595" t="str">
            <v>INFRDREPNC</v>
          </cell>
          <cell r="G595" t="str">
            <v>Infrared Repair Work Capital NC</v>
          </cell>
          <cell r="H595" t="str">
            <v>PD-RELIA \ INFRDREPNC</v>
          </cell>
          <cell r="I595" t="str">
            <v>RIR</v>
          </cell>
          <cell r="J595" t="str">
            <v>RIRINC</v>
          </cell>
          <cell r="K595" t="str">
            <v>X</v>
          </cell>
          <cell r="L595" t="str">
            <v>Infrared Repair Work Capital NC</v>
          </cell>
          <cell r="M595" t="str">
            <v>N</v>
          </cell>
        </row>
        <row r="596">
          <cell r="A596" t="str">
            <v>RIRISC</v>
          </cell>
          <cell r="B596" t="str">
            <v>PD Capital</v>
          </cell>
          <cell r="C596" t="str">
            <v>Carolinas</v>
          </cell>
          <cell r="D596" t="str">
            <v>PD-RELIA</v>
          </cell>
          <cell r="E596" t="str">
            <v>Power Delivery - Reliability</v>
          </cell>
          <cell r="F596" t="str">
            <v>INFRDREPSC</v>
          </cell>
          <cell r="G596" t="str">
            <v>Infrared Repair Work Capital SC</v>
          </cell>
          <cell r="H596" t="str">
            <v>PD-RELIA \ INFRDREPSC</v>
          </cell>
          <cell r="I596" t="str">
            <v>RIR</v>
          </cell>
          <cell r="J596" t="str">
            <v>RIRISC</v>
          </cell>
          <cell r="K596" t="str">
            <v>X</v>
          </cell>
          <cell r="L596" t="str">
            <v>Infrared Repair Work Capital SC</v>
          </cell>
          <cell r="M596" t="str">
            <v>N</v>
          </cell>
        </row>
        <row r="597">
          <cell r="A597" t="str">
            <v>RLIN</v>
          </cell>
          <cell r="B597" t="str">
            <v>PD Capital</v>
          </cell>
          <cell r="C597" t="str">
            <v>MW</v>
          </cell>
          <cell r="D597" t="str">
            <v>PD-RELIA</v>
          </cell>
          <cell r="E597" t="str">
            <v>Power Delivery - Reliability</v>
          </cell>
          <cell r="F597" t="str">
            <v>CONDUCTIN</v>
          </cell>
          <cell r="G597" t="str">
            <v>Conductor Integrity IN</v>
          </cell>
          <cell r="H597" t="str">
            <v>PD-RELIA \ CONDUCTIN</v>
          </cell>
          <cell r="I597"/>
          <cell r="J597" t="str">
            <v>RLIN</v>
          </cell>
          <cell r="K597" t="str">
            <v>I</v>
          </cell>
          <cell r="L597" t="str">
            <v>Conductor Integrity IN</v>
          </cell>
          <cell r="M597" t="str">
            <v>N</v>
          </cell>
        </row>
        <row r="598">
          <cell r="A598" t="str">
            <v>RLIN</v>
          </cell>
          <cell r="B598" t="str">
            <v>PD Capital</v>
          </cell>
          <cell r="C598" t="str">
            <v>MW</v>
          </cell>
          <cell r="D598" t="str">
            <v>PD-RELIA</v>
          </cell>
          <cell r="E598" t="str">
            <v>Power Delivery - Reliability</v>
          </cell>
          <cell r="F598" t="str">
            <v>DECLCIRIN</v>
          </cell>
          <cell r="G598" t="str">
            <v>Declared Circuit Program IN</v>
          </cell>
          <cell r="H598" t="str">
            <v>PD-RELIA \ DECLCIRIN</v>
          </cell>
          <cell r="I598"/>
          <cell r="J598" t="str">
            <v>RLIN</v>
          </cell>
          <cell r="K598" t="str">
            <v>I</v>
          </cell>
          <cell r="L598" t="str">
            <v>Declared Circuit Program IN</v>
          </cell>
          <cell r="M598" t="str">
            <v>N</v>
          </cell>
        </row>
        <row r="599">
          <cell r="A599" t="str">
            <v>RLIN</v>
          </cell>
          <cell r="B599" t="str">
            <v>PD Capital</v>
          </cell>
          <cell r="C599" t="str">
            <v>MW</v>
          </cell>
          <cell r="D599" t="str">
            <v>PD-RELIA</v>
          </cell>
          <cell r="E599" t="str">
            <v>Power Delivery - Reliability</v>
          </cell>
          <cell r="F599" t="str">
            <v>INFRDREPIN</v>
          </cell>
          <cell r="G599" t="str">
            <v>Infrared Repair Work Capital IN</v>
          </cell>
          <cell r="H599" t="str">
            <v>PD-RELIA \ INFRDREPIN</v>
          </cell>
          <cell r="I599" t="str">
            <v>RIR</v>
          </cell>
          <cell r="J599" t="str">
            <v>RLIN</v>
          </cell>
          <cell r="K599" t="str">
            <v>I</v>
          </cell>
          <cell r="L599" t="str">
            <v>Infrared Repair Work Capital IN</v>
          </cell>
          <cell r="M599" t="str">
            <v>N</v>
          </cell>
        </row>
        <row r="600">
          <cell r="A600" t="str">
            <v>RLIN</v>
          </cell>
          <cell r="B600" t="str">
            <v>PD Capital</v>
          </cell>
          <cell r="C600" t="str">
            <v>MW</v>
          </cell>
          <cell r="D600" t="str">
            <v>PD-RELIA</v>
          </cell>
          <cell r="E600" t="str">
            <v>Power Delivery - Reliability</v>
          </cell>
          <cell r="F600" t="str">
            <v>INFRDREPIN</v>
          </cell>
          <cell r="G600" t="str">
            <v>Infrared Repair Work Capital IN</v>
          </cell>
          <cell r="H600" t="str">
            <v>PD-RELIA \ INFRDREPIN</v>
          </cell>
          <cell r="I600"/>
          <cell r="J600" t="str">
            <v>RLIN</v>
          </cell>
          <cell r="K600" t="str">
            <v>I</v>
          </cell>
          <cell r="L600" t="str">
            <v>Infrared Repair Work Capital IN</v>
          </cell>
          <cell r="M600" t="str">
            <v>N</v>
          </cell>
        </row>
        <row r="601">
          <cell r="A601" t="str">
            <v>RLIN</v>
          </cell>
          <cell r="B601" t="str">
            <v>PD Capital</v>
          </cell>
          <cell r="C601" t="str">
            <v>MW</v>
          </cell>
          <cell r="D601" t="str">
            <v>PD-RELIA</v>
          </cell>
          <cell r="E601" t="str">
            <v>Power Delivery - Reliability</v>
          </cell>
          <cell r="F601" t="str">
            <v>RELIA ODIN</v>
          </cell>
          <cell r="G601" t="str">
            <v>Replacement Distrib Units of Property Capital equip including:crossarms, arrestors, cutouts, etc. IN</v>
          </cell>
          <cell r="H601" t="str">
            <v>PD-RELIA \ RELIA ODIN</v>
          </cell>
          <cell r="I601"/>
          <cell r="J601" t="str">
            <v>RLIN</v>
          </cell>
          <cell r="K601" t="str">
            <v>I</v>
          </cell>
          <cell r="L601" t="str">
            <v>Replacement Distrib Units of Property Capital equip including:crossarms, arrestors, cutouts, etc. IN</v>
          </cell>
          <cell r="M601" t="str">
            <v>N</v>
          </cell>
        </row>
        <row r="602">
          <cell r="A602" t="str">
            <v>RLKY</v>
          </cell>
          <cell r="B602" t="str">
            <v>PD Capital</v>
          </cell>
          <cell r="C602" t="str">
            <v>MW</v>
          </cell>
          <cell r="D602" t="str">
            <v>PD-RELIA</v>
          </cell>
          <cell r="E602" t="str">
            <v>Power Delivery - Reliability</v>
          </cell>
          <cell r="F602" t="str">
            <v>CONDUCTKY</v>
          </cell>
          <cell r="G602" t="str">
            <v>Conductor Integrity KY</v>
          </cell>
          <cell r="H602" t="str">
            <v>PD-RELIA \ CONDUCTKY</v>
          </cell>
          <cell r="I602"/>
          <cell r="J602" t="str">
            <v>RLKY</v>
          </cell>
          <cell r="K602" t="str">
            <v>I</v>
          </cell>
          <cell r="L602" t="str">
            <v>Conductor Integrity KY</v>
          </cell>
          <cell r="M602" t="str">
            <v>N</v>
          </cell>
        </row>
        <row r="603">
          <cell r="A603" t="str">
            <v>RLKY</v>
          </cell>
          <cell r="B603" t="str">
            <v>PD Capital</v>
          </cell>
          <cell r="C603" t="str">
            <v>MW</v>
          </cell>
          <cell r="D603" t="str">
            <v>PD-RELIA</v>
          </cell>
          <cell r="E603" t="str">
            <v>Power Delivery - Reliability</v>
          </cell>
          <cell r="F603" t="str">
            <v>DECLCIRKY</v>
          </cell>
          <cell r="G603" t="str">
            <v>Declared Circuit Program KY</v>
          </cell>
          <cell r="H603" t="str">
            <v>PD-RELIA \ DECLCIRKY</v>
          </cell>
          <cell r="I603"/>
          <cell r="J603" t="str">
            <v>RLKY</v>
          </cell>
          <cell r="K603" t="str">
            <v>I</v>
          </cell>
          <cell r="L603" t="str">
            <v>Declared Circuit Program KY</v>
          </cell>
          <cell r="M603" t="str">
            <v>N</v>
          </cell>
        </row>
        <row r="604">
          <cell r="A604" t="str">
            <v>RLKY</v>
          </cell>
          <cell r="B604" t="str">
            <v>PD Capital</v>
          </cell>
          <cell r="C604" t="str">
            <v>MW</v>
          </cell>
          <cell r="D604" t="str">
            <v>PD-RELIA</v>
          </cell>
          <cell r="E604" t="str">
            <v>Power Delivery - Reliability</v>
          </cell>
          <cell r="F604" t="str">
            <v>INFRDREPKY</v>
          </cell>
          <cell r="G604" t="str">
            <v>Infrared Repair Work Capital KY</v>
          </cell>
          <cell r="H604" t="str">
            <v>PD-RELIA \ INFRDREPKY</v>
          </cell>
          <cell r="I604"/>
          <cell r="J604" t="str">
            <v>RLKY</v>
          </cell>
          <cell r="K604" t="str">
            <v>I</v>
          </cell>
          <cell r="L604" t="str">
            <v>Infrared Repair Work Capital KY</v>
          </cell>
          <cell r="M604" t="str">
            <v>N</v>
          </cell>
        </row>
        <row r="605">
          <cell r="A605" t="str">
            <v>RLKY</v>
          </cell>
          <cell r="B605" t="str">
            <v>PD Capital</v>
          </cell>
          <cell r="C605" t="str">
            <v>MW</v>
          </cell>
          <cell r="D605" t="str">
            <v>PD-RELIA</v>
          </cell>
          <cell r="E605" t="str">
            <v>Power Delivery - Reliability</v>
          </cell>
          <cell r="F605" t="str">
            <v>RELIA ODKY</v>
          </cell>
          <cell r="G605" t="str">
            <v>Replacement Distrib Units of Property Capital equip including:crossarms, arrestors, cutouts, etc. KY</v>
          </cell>
          <cell r="H605" t="str">
            <v>PD-RELIA \ RELIA ODKY</v>
          </cell>
          <cell r="I605"/>
          <cell r="J605" t="str">
            <v>RLKY</v>
          </cell>
          <cell r="K605"/>
          <cell r="L605" t="str">
            <v>Replacement Distrib Units of Property Capital equip including:crossarms, arrestors, cutouts, etc. KY</v>
          </cell>
          <cell r="M605" t="str">
            <v>N</v>
          </cell>
        </row>
        <row r="606">
          <cell r="A606" t="str">
            <v>RLOH</v>
          </cell>
          <cell r="B606" t="str">
            <v>PD Capital</v>
          </cell>
          <cell r="C606" t="str">
            <v>MW</v>
          </cell>
          <cell r="D606" t="str">
            <v>PD-RELIA</v>
          </cell>
          <cell r="E606" t="str">
            <v>Power Delivery - Reliability</v>
          </cell>
          <cell r="F606" t="str">
            <v>CONDUCTOH</v>
          </cell>
          <cell r="G606" t="str">
            <v>Conductor Integrity OH</v>
          </cell>
          <cell r="H606" t="str">
            <v>PD-RELIA \ CONDUCTOH</v>
          </cell>
          <cell r="I606"/>
          <cell r="J606" t="str">
            <v>RLOH</v>
          </cell>
          <cell r="K606" t="str">
            <v>I</v>
          </cell>
          <cell r="L606" t="str">
            <v>Conductor Integrity OH</v>
          </cell>
          <cell r="M606" t="str">
            <v>N</v>
          </cell>
        </row>
        <row r="607">
          <cell r="A607" t="str">
            <v>RLOH</v>
          </cell>
          <cell r="B607" t="str">
            <v>PD Capital</v>
          </cell>
          <cell r="C607" t="str">
            <v>MW</v>
          </cell>
          <cell r="D607" t="str">
            <v>PD-RELIA</v>
          </cell>
          <cell r="E607" t="str">
            <v>Power Delivery - Reliability</v>
          </cell>
          <cell r="F607" t="str">
            <v>DECLCIROH</v>
          </cell>
          <cell r="G607" t="str">
            <v>Declared Circuit Program OH</v>
          </cell>
          <cell r="H607" t="str">
            <v>PD-RELIA \ DECLCIROH</v>
          </cell>
          <cell r="I607"/>
          <cell r="J607" t="str">
            <v>RLOH</v>
          </cell>
          <cell r="K607" t="str">
            <v>I</v>
          </cell>
          <cell r="L607" t="str">
            <v>Declared Circuit Program OH</v>
          </cell>
          <cell r="M607" t="str">
            <v>N</v>
          </cell>
        </row>
        <row r="608">
          <cell r="A608" t="str">
            <v>RLOH</v>
          </cell>
          <cell r="B608" t="str">
            <v>PD Capital</v>
          </cell>
          <cell r="C608" t="str">
            <v>MW</v>
          </cell>
          <cell r="D608" t="str">
            <v>PD-RELIA</v>
          </cell>
          <cell r="E608" t="str">
            <v>Power Delivery - Reliability</v>
          </cell>
          <cell r="F608" t="str">
            <v>INFRDREPOH</v>
          </cell>
          <cell r="G608" t="str">
            <v>Infrared Repair Work Capital OH</v>
          </cell>
          <cell r="H608" t="str">
            <v>PD-RELIA \ INFRDREPOH</v>
          </cell>
          <cell r="I608" t="str">
            <v>RIR</v>
          </cell>
          <cell r="J608" t="str">
            <v>RLOH</v>
          </cell>
          <cell r="K608" t="str">
            <v>I</v>
          </cell>
          <cell r="L608" t="str">
            <v>Infrared Repair Work Capital OH</v>
          </cell>
          <cell r="M608" t="str">
            <v>N</v>
          </cell>
        </row>
        <row r="609">
          <cell r="A609" t="str">
            <v>RLOH</v>
          </cell>
          <cell r="B609" t="str">
            <v>PD Capital</v>
          </cell>
          <cell r="C609" t="str">
            <v>MW</v>
          </cell>
          <cell r="D609" t="str">
            <v>PD-RELIA</v>
          </cell>
          <cell r="E609" t="str">
            <v>Power Delivery - Reliability</v>
          </cell>
          <cell r="F609" t="str">
            <v>INFRDREPOH</v>
          </cell>
          <cell r="G609" t="str">
            <v>Infrared Repair Work Capital OH</v>
          </cell>
          <cell r="H609" t="str">
            <v>PD-RELIA \ INFRDREPOH</v>
          </cell>
          <cell r="I609"/>
          <cell r="J609" t="str">
            <v>RLOH</v>
          </cell>
          <cell r="K609" t="str">
            <v>I</v>
          </cell>
          <cell r="L609" t="str">
            <v>Infrared Repair Work Capital OH</v>
          </cell>
          <cell r="M609" t="str">
            <v>N</v>
          </cell>
        </row>
        <row r="610">
          <cell r="A610" t="str">
            <v>RLOH</v>
          </cell>
          <cell r="B610" t="str">
            <v>PD Capital</v>
          </cell>
          <cell r="C610" t="str">
            <v>MW</v>
          </cell>
          <cell r="D610" t="str">
            <v>PD-RELIA</v>
          </cell>
          <cell r="E610" t="str">
            <v>Power Delivery - Reliability</v>
          </cell>
          <cell r="F610" t="str">
            <v>RELIA ODOH</v>
          </cell>
          <cell r="G610" t="str">
            <v>Replacement Distrib Units of Property Capital equip including:crossarms, arrestors, cutouts, etc. OH</v>
          </cell>
          <cell r="H610" t="str">
            <v>PD-RELIA \ RELIA ODOH</v>
          </cell>
          <cell r="I610"/>
          <cell r="J610" t="str">
            <v>RLOH</v>
          </cell>
          <cell r="K610" t="str">
            <v>I</v>
          </cell>
          <cell r="L610" t="str">
            <v>Replacement Distrib Units of Property Capital equip including:crossarms, arrestors, cutouts, etc. OH</v>
          </cell>
          <cell r="M610" t="str">
            <v>N</v>
          </cell>
        </row>
        <row r="611">
          <cell r="A611" t="str">
            <v>RLOICK</v>
          </cell>
          <cell r="B611" t="str">
            <v>PD Capital</v>
          </cell>
          <cell r="C611" t="str">
            <v>Carolinas</v>
          </cell>
          <cell r="D611" t="str">
            <v>PD-INTGT</v>
          </cell>
          <cell r="E611" t="str">
            <v>Power Delivery - Integrity</v>
          </cell>
          <cell r="F611" t="str">
            <v>PLNSRPOUCK</v>
          </cell>
          <cell r="G611" t="str">
            <v>Replacement of property other than poles LIP follow-up only CK</v>
          </cell>
          <cell r="H611" t="str">
            <v>PD-INTGT \ PLNSRPOUCK</v>
          </cell>
          <cell r="I611" t="str">
            <v>RLO</v>
          </cell>
          <cell r="J611" t="str">
            <v>RLOICK</v>
          </cell>
          <cell r="K611" t="str">
            <v>X</v>
          </cell>
          <cell r="L611" t="str">
            <v>Replacement of property other than poles LIP follow-up only CK</v>
          </cell>
          <cell r="M611" t="str">
            <v>N</v>
          </cell>
        </row>
        <row r="612">
          <cell r="A612" t="str">
            <v>RLOINC</v>
          </cell>
          <cell r="B612" t="str">
            <v>PD Capital</v>
          </cell>
          <cell r="C612" t="str">
            <v>Carolinas</v>
          </cell>
          <cell r="D612" t="str">
            <v>PD-INTGT</v>
          </cell>
          <cell r="E612" t="str">
            <v>Power Delivery - Integrity</v>
          </cell>
          <cell r="F612" t="str">
            <v>PLNSRPOUNC</v>
          </cell>
          <cell r="G612" t="str">
            <v>Replacement of property other than poles LIP follow-up only NC</v>
          </cell>
          <cell r="H612" t="str">
            <v>PD-INTGT \ PLNSRPOUNC</v>
          </cell>
          <cell r="I612" t="str">
            <v>RLO</v>
          </cell>
          <cell r="J612" t="str">
            <v>RLOINC</v>
          </cell>
          <cell r="K612" t="str">
            <v>X</v>
          </cell>
          <cell r="L612" t="str">
            <v>Replacement of property other than poles LIP follow-up only NC</v>
          </cell>
          <cell r="M612" t="str">
            <v>N</v>
          </cell>
        </row>
        <row r="613">
          <cell r="A613" t="str">
            <v>RLOISC</v>
          </cell>
          <cell r="B613" t="str">
            <v>PD Capital</v>
          </cell>
          <cell r="C613" t="str">
            <v>Carolinas</v>
          </cell>
          <cell r="D613" t="str">
            <v>PD-INTGT</v>
          </cell>
          <cell r="E613" t="str">
            <v>Power Delivery - Integrity</v>
          </cell>
          <cell r="F613" t="str">
            <v>PLNSRPOUSC</v>
          </cell>
          <cell r="G613" t="str">
            <v>Replacement of property other than poles LIP follow-up only SC</v>
          </cell>
          <cell r="H613" t="str">
            <v>PD-INTGT \ PLNSRPOUSC</v>
          </cell>
          <cell r="I613" t="str">
            <v>RLO</v>
          </cell>
          <cell r="J613" t="str">
            <v>RLOISC</v>
          </cell>
          <cell r="K613" t="str">
            <v>X</v>
          </cell>
          <cell r="L613" t="str">
            <v>Replacement of property other than poles LIP follow-up only SC</v>
          </cell>
          <cell r="M613" t="str">
            <v>N</v>
          </cell>
        </row>
        <row r="614">
          <cell r="A614" t="str">
            <v>RLPICK</v>
          </cell>
          <cell r="B614" t="str">
            <v>PD Capital</v>
          </cell>
          <cell r="C614" t="str">
            <v>Carolinas</v>
          </cell>
          <cell r="D614" t="str">
            <v>PD-INTGT</v>
          </cell>
          <cell r="E614" t="str">
            <v>Power Delivery - Integrity</v>
          </cell>
          <cell r="F614" t="str">
            <v>PLNSREPDCK</v>
          </cell>
          <cell r="G614" t="str">
            <v>Distribution Poles replaced LIP follow-up only CK</v>
          </cell>
          <cell r="H614" t="str">
            <v>PD-INTGT \ PLNSREPDCK</v>
          </cell>
          <cell r="I614" t="str">
            <v>RLP</v>
          </cell>
          <cell r="J614" t="str">
            <v>RLPICK</v>
          </cell>
          <cell r="K614" t="str">
            <v>X</v>
          </cell>
          <cell r="L614" t="str">
            <v>Distribution Poles replaced LIP follow-up only CK</v>
          </cell>
          <cell r="M614" t="str">
            <v>N</v>
          </cell>
        </row>
        <row r="615">
          <cell r="A615" t="str">
            <v>RLPISC</v>
          </cell>
          <cell r="B615" t="str">
            <v>PD Capital</v>
          </cell>
          <cell r="C615" t="str">
            <v>Carolinas</v>
          </cell>
          <cell r="D615" t="str">
            <v>PD-INTGT</v>
          </cell>
          <cell r="E615" t="str">
            <v>Power Delivery - Integrity</v>
          </cell>
          <cell r="F615" t="str">
            <v>PLNSREPDSC</v>
          </cell>
          <cell r="G615" t="str">
            <v>Distribution Poles replaced LIP follow-up only SC</v>
          </cell>
          <cell r="H615" t="str">
            <v>PD-INTGT \ PLNSREPDSC</v>
          </cell>
          <cell r="I615" t="str">
            <v>RLP</v>
          </cell>
          <cell r="J615" t="str">
            <v>RLPISC</v>
          </cell>
          <cell r="K615" t="str">
            <v>X</v>
          </cell>
          <cell r="L615" t="str">
            <v>Distribution Poles replaced LIP follow-up only SC</v>
          </cell>
          <cell r="M615" t="str">
            <v>N</v>
          </cell>
        </row>
        <row r="616">
          <cell r="A616" t="str">
            <v>RMEICK</v>
          </cell>
          <cell r="B616" t="str">
            <v>PD Capital</v>
          </cell>
          <cell r="C616" t="str">
            <v>Carolinas</v>
          </cell>
          <cell r="D616" t="str">
            <v>PD-RELIA</v>
          </cell>
          <cell r="E616" t="str">
            <v>Power Delivery - Reliability</v>
          </cell>
          <cell r="F616" t="str">
            <v>MEGA CIRCK</v>
          </cell>
          <cell r="G616" t="str">
            <v>Mega circuit elimination CK</v>
          </cell>
          <cell r="H616" t="str">
            <v>PD-RELIA \ MEGA CIRCK</v>
          </cell>
          <cell r="I616" t="str">
            <v>RME</v>
          </cell>
          <cell r="J616" t="str">
            <v>RMEICK</v>
          </cell>
          <cell r="K616" t="str">
            <v>X</v>
          </cell>
          <cell r="L616" t="str">
            <v>Mega circuit elimination CK</v>
          </cell>
          <cell r="M616" t="str">
            <v>N</v>
          </cell>
        </row>
        <row r="617">
          <cell r="A617" t="str">
            <v>RMEINC</v>
          </cell>
          <cell r="B617" t="str">
            <v>PD Capital</v>
          </cell>
          <cell r="C617" t="str">
            <v>Carolinas</v>
          </cell>
          <cell r="D617" t="str">
            <v>PD-RELIA</v>
          </cell>
          <cell r="E617" t="str">
            <v>Power Delivery - Reliability</v>
          </cell>
          <cell r="F617" t="str">
            <v>MEGA CIRNC</v>
          </cell>
          <cell r="G617" t="str">
            <v>Mega circuit elimination NC</v>
          </cell>
          <cell r="H617" t="str">
            <v>PD-RELIA \ MEGA CIRNC</v>
          </cell>
          <cell r="I617" t="str">
            <v>RME</v>
          </cell>
          <cell r="J617" t="str">
            <v>RMEINC</v>
          </cell>
          <cell r="K617" t="str">
            <v>X</v>
          </cell>
          <cell r="L617" t="str">
            <v>Mega circuit elimination NC</v>
          </cell>
          <cell r="M617" t="str">
            <v>N</v>
          </cell>
        </row>
        <row r="618">
          <cell r="A618" t="str">
            <v>RMEISC</v>
          </cell>
          <cell r="B618" t="str">
            <v>PD Capital</v>
          </cell>
          <cell r="C618" t="str">
            <v>Carolinas</v>
          </cell>
          <cell r="D618" t="str">
            <v>PD-RELIA</v>
          </cell>
          <cell r="E618" t="str">
            <v>Power Delivery - Reliability</v>
          </cell>
          <cell r="F618" t="str">
            <v>MEGA CIRSC</v>
          </cell>
          <cell r="G618" t="str">
            <v>Mega circuit elimination SC</v>
          </cell>
          <cell r="H618" t="str">
            <v>PD-RELIA \ MEGA CIRSC</v>
          </cell>
          <cell r="I618" t="str">
            <v>RME</v>
          </cell>
          <cell r="J618" t="str">
            <v>RMEISC</v>
          </cell>
          <cell r="K618" t="str">
            <v>X</v>
          </cell>
          <cell r="L618" t="str">
            <v>Mega circuit elimination SC</v>
          </cell>
          <cell r="M618" t="str">
            <v>N</v>
          </cell>
        </row>
        <row r="619">
          <cell r="A619" t="str">
            <v>RMTRMMO</v>
          </cell>
          <cell r="B619" t="str">
            <v>PD O&amp;M</v>
          </cell>
          <cell r="C619" t="str">
            <v>MW</v>
          </cell>
          <cell r="D619" t="str">
            <v>PD-RMTR</v>
          </cell>
          <cell r="E619" t="e">
            <v>#N/A</v>
          </cell>
          <cell r="F619" t="str">
            <v>MOD</v>
          </cell>
          <cell r="G619" t="e">
            <v>#N/A</v>
          </cell>
          <cell r="H619" t="str">
            <v>PD-RMTR \ MOD</v>
          </cell>
          <cell r="I619" t="str">
            <v>MTRMO</v>
          </cell>
          <cell r="J619" t="str">
            <v>RMTRMMO</v>
          </cell>
          <cell r="K619" t="str">
            <v>X</v>
          </cell>
          <cell r="L619" t="str">
            <v>Modification</v>
          </cell>
          <cell r="M619" t="str">
            <v>N</v>
          </cell>
        </row>
        <row r="620">
          <cell r="A620" t="str">
            <v>RMTRMPM</v>
          </cell>
          <cell r="B620" t="str">
            <v>PD O&amp;M</v>
          </cell>
          <cell r="C620" t="str">
            <v>MW</v>
          </cell>
          <cell r="D620" t="str">
            <v>PD-RMTR</v>
          </cell>
          <cell r="E620" t="e">
            <v>#N/A</v>
          </cell>
          <cell r="F620" t="str">
            <v>PM</v>
          </cell>
          <cell r="G620" t="e">
            <v>#N/A</v>
          </cell>
          <cell r="H620" t="str">
            <v>PD-RMTR \ PM</v>
          </cell>
          <cell r="I620" t="str">
            <v>MTRPM</v>
          </cell>
          <cell r="J620" t="str">
            <v>RMTRMPM</v>
          </cell>
          <cell r="K620" t="str">
            <v>X</v>
          </cell>
          <cell r="L620" t="str">
            <v>Preventative Maintenance</v>
          </cell>
          <cell r="M620" t="str">
            <v>N</v>
          </cell>
        </row>
        <row r="621">
          <cell r="A621" t="str">
            <v>RMTRMRPR</v>
          </cell>
          <cell r="B621" t="str">
            <v>PD O&amp;M</v>
          </cell>
          <cell r="C621" t="str">
            <v>MW</v>
          </cell>
          <cell r="D621" t="str">
            <v>PD-RMTR</v>
          </cell>
          <cell r="E621" t="e">
            <v>#N/A</v>
          </cell>
          <cell r="F621" t="str">
            <v>RPR</v>
          </cell>
          <cell r="G621" t="e">
            <v>#N/A</v>
          </cell>
          <cell r="H621" t="str">
            <v>PD-RMTR \ RPR</v>
          </cell>
          <cell r="I621" t="str">
            <v>MTRRP</v>
          </cell>
          <cell r="J621" t="str">
            <v>RMTRMRPR</v>
          </cell>
          <cell r="K621" t="str">
            <v>X</v>
          </cell>
          <cell r="L621" t="str">
            <v>Repair</v>
          </cell>
          <cell r="M621" t="str">
            <v>N</v>
          </cell>
        </row>
        <row r="622">
          <cell r="A622" t="str">
            <v>RMVICK</v>
          </cell>
          <cell r="B622" t="str">
            <v>PD Capital</v>
          </cell>
          <cell r="C622" t="str">
            <v>Carolinas</v>
          </cell>
          <cell r="D622" t="str">
            <v>PD-SCAP</v>
          </cell>
          <cell r="E622" t="str">
            <v>Power Delivery - System Capacity</v>
          </cell>
          <cell r="F622" t="str">
            <v>REGUL CK</v>
          </cell>
          <cell r="G622" t="str">
            <v>Install new/ Remove/ Relocations CK</v>
          </cell>
          <cell r="H622" t="str">
            <v>PD-SCAP \ REGUL CK</v>
          </cell>
          <cell r="I622" t="str">
            <v>RMV</v>
          </cell>
          <cell r="J622" t="str">
            <v>RMVICK</v>
          </cell>
          <cell r="K622" t="str">
            <v>X</v>
          </cell>
          <cell r="L622" t="str">
            <v>Install new/ Remove/ Relocations CK</v>
          </cell>
          <cell r="M622" t="str">
            <v>N</v>
          </cell>
        </row>
        <row r="623">
          <cell r="A623" t="str">
            <v>RMVINC</v>
          </cell>
          <cell r="B623" t="str">
            <v>PD Capital</v>
          </cell>
          <cell r="C623" t="str">
            <v>Carolinas</v>
          </cell>
          <cell r="D623" t="str">
            <v>PD-SCAP</v>
          </cell>
          <cell r="E623" t="str">
            <v>Power Delivery - System Capacity</v>
          </cell>
          <cell r="F623" t="str">
            <v>REGUL NC</v>
          </cell>
          <cell r="G623" t="str">
            <v>Install new/ Remove/ Relocations NC</v>
          </cell>
          <cell r="H623" t="str">
            <v>PD-SCAP \ REGUL NC</v>
          </cell>
          <cell r="I623" t="str">
            <v>RMV</v>
          </cell>
          <cell r="J623" t="str">
            <v>RMVINC</v>
          </cell>
          <cell r="K623" t="str">
            <v>X</v>
          </cell>
          <cell r="L623" t="str">
            <v>Install new/ Remove/ Relocations NC</v>
          </cell>
          <cell r="M623" t="str">
            <v>N</v>
          </cell>
        </row>
        <row r="624">
          <cell r="A624" t="str">
            <v>RMVISC</v>
          </cell>
          <cell r="B624" t="str">
            <v>PD Capital</v>
          </cell>
          <cell r="C624" t="str">
            <v>Carolinas</v>
          </cell>
          <cell r="D624" t="str">
            <v>PD-SCAP</v>
          </cell>
          <cell r="E624" t="str">
            <v>Power Delivery - System Capacity</v>
          </cell>
          <cell r="F624" t="str">
            <v>REGUL SC</v>
          </cell>
          <cell r="G624" t="str">
            <v>Install new/ Remove/ Relocations SC</v>
          </cell>
          <cell r="H624" t="str">
            <v>PD-SCAP \ REGUL SC</v>
          </cell>
          <cell r="I624" t="str">
            <v>RMV</v>
          </cell>
          <cell r="J624" t="str">
            <v>RMVISC</v>
          </cell>
          <cell r="K624" t="str">
            <v>X</v>
          </cell>
          <cell r="L624" t="str">
            <v>Install new/ Remove/ Relocations SC</v>
          </cell>
          <cell r="M624" t="str">
            <v>N</v>
          </cell>
        </row>
        <row r="625">
          <cell r="A625" t="str">
            <v>ROCICK</v>
          </cell>
          <cell r="B625" t="str">
            <v>PD Capital</v>
          </cell>
          <cell r="C625" t="str">
            <v>Carolinas</v>
          </cell>
          <cell r="D625" t="str">
            <v>PD-RELIA</v>
          </cell>
          <cell r="E625" t="str">
            <v>Power Delivery - Reliability</v>
          </cell>
          <cell r="F625" t="str">
            <v>CONDUCTCK</v>
          </cell>
          <cell r="G625" t="str">
            <v>Conductor Integrity CK</v>
          </cell>
          <cell r="H625" t="str">
            <v>PD-RELIA \ CONDUCTCK</v>
          </cell>
          <cell r="I625" t="str">
            <v>ROC</v>
          </cell>
          <cell r="J625" t="str">
            <v>ROCICK</v>
          </cell>
          <cell r="K625" t="str">
            <v>X</v>
          </cell>
          <cell r="L625" t="str">
            <v>Conductor Integrity CK</v>
          </cell>
          <cell r="M625" t="str">
            <v>N</v>
          </cell>
        </row>
        <row r="626">
          <cell r="A626" t="str">
            <v>ROCINC</v>
          </cell>
          <cell r="B626" t="str">
            <v>PD Capital</v>
          </cell>
          <cell r="C626" t="str">
            <v>Carolinas</v>
          </cell>
          <cell r="D626" t="str">
            <v>PD-RELIA</v>
          </cell>
          <cell r="E626" t="str">
            <v>Power Delivery - Reliability</v>
          </cell>
          <cell r="F626" t="str">
            <v>CONDUCTNC</v>
          </cell>
          <cell r="G626" t="str">
            <v>Conductor Integrity NC</v>
          </cell>
          <cell r="H626" t="str">
            <v>PD-RELIA \ CONDUCTNC</v>
          </cell>
          <cell r="I626" t="str">
            <v>ROC</v>
          </cell>
          <cell r="J626" t="str">
            <v>ROCINC</v>
          </cell>
          <cell r="K626" t="str">
            <v>X</v>
          </cell>
          <cell r="L626" t="str">
            <v>Conductor Integrity NC</v>
          </cell>
          <cell r="M626" t="str">
            <v>N</v>
          </cell>
        </row>
        <row r="627">
          <cell r="A627" t="str">
            <v>ROCISC</v>
          </cell>
          <cell r="B627" t="str">
            <v>PD Capital</v>
          </cell>
          <cell r="C627" t="str">
            <v>Carolinas</v>
          </cell>
          <cell r="D627" t="str">
            <v>PD-RELIA</v>
          </cell>
          <cell r="E627" t="str">
            <v>Power Delivery - Reliability</v>
          </cell>
          <cell r="F627" t="str">
            <v>CONDUCTSC</v>
          </cell>
          <cell r="G627" t="str">
            <v>Conductor Integrity SC</v>
          </cell>
          <cell r="H627" t="str">
            <v>PD-RELIA \ CONDUCTSC</v>
          </cell>
          <cell r="I627" t="str">
            <v>ROC</v>
          </cell>
          <cell r="J627" t="str">
            <v>ROCISC</v>
          </cell>
          <cell r="K627" t="str">
            <v>X</v>
          </cell>
          <cell r="L627" t="str">
            <v>Conductor Integrity SC</v>
          </cell>
          <cell r="M627" t="str">
            <v>N</v>
          </cell>
        </row>
        <row r="628">
          <cell r="A628" t="str">
            <v>ROFICK</v>
          </cell>
          <cell r="B628" t="str">
            <v>PD Capital</v>
          </cell>
          <cell r="C628" t="str">
            <v>Carolinas</v>
          </cell>
          <cell r="D628" t="str">
            <v>PD-OUTR</v>
          </cell>
          <cell r="E628" t="str">
            <v>Power Delivery Outage Restoration</v>
          </cell>
          <cell r="F628" t="str">
            <v>MOUTFUDCK</v>
          </cell>
          <cell r="G628" t="str">
            <v>All followup after service restored not requiring installation or removal of units of property. CK</v>
          </cell>
          <cell r="H628" t="str">
            <v>PD-OUTR \ MOUTFUDCK</v>
          </cell>
          <cell r="I628" t="str">
            <v>ROF</v>
          </cell>
          <cell r="J628" t="str">
            <v>ROFICK</v>
          </cell>
          <cell r="K628" t="str">
            <v>X</v>
          </cell>
          <cell r="L628" t="str">
            <v>All followup after service restored not requiring installation or removal of units of property. CK</v>
          </cell>
          <cell r="M628" t="str">
            <v>N</v>
          </cell>
        </row>
        <row r="629">
          <cell r="A629" t="str">
            <v>ROFINC</v>
          </cell>
          <cell r="B629" t="str">
            <v>PD Capital</v>
          </cell>
          <cell r="C629" t="str">
            <v>Carolinas</v>
          </cell>
          <cell r="D629" t="str">
            <v>PD-OUTR</v>
          </cell>
          <cell r="E629" t="str">
            <v>Power Delivery Outage Restoration</v>
          </cell>
          <cell r="F629" t="str">
            <v>MOUTFUDNC</v>
          </cell>
          <cell r="G629" t="str">
            <v>All followup after service restored not requiring installation or removal of units of property. NC</v>
          </cell>
          <cell r="H629" t="str">
            <v>PD-OUTR \ MOUTFUDNC</v>
          </cell>
          <cell r="I629" t="str">
            <v>ROF</v>
          </cell>
          <cell r="J629" t="str">
            <v>ROFINC</v>
          </cell>
          <cell r="K629" t="str">
            <v>X</v>
          </cell>
          <cell r="L629" t="str">
            <v>All followup after service restored not requiring installation or removal of units of property. NC</v>
          </cell>
          <cell r="M629" t="str">
            <v>N</v>
          </cell>
        </row>
        <row r="630">
          <cell r="A630" t="str">
            <v>ROFISC</v>
          </cell>
          <cell r="B630" t="str">
            <v>PD Capital</v>
          </cell>
          <cell r="C630" t="str">
            <v>Carolinas</v>
          </cell>
          <cell r="D630" t="str">
            <v>PD-OUTR</v>
          </cell>
          <cell r="E630" t="str">
            <v>Power Delivery Outage Restoration</v>
          </cell>
          <cell r="F630" t="str">
            <v>MOUTFUDSC</v>
          </cell>
          <cell r="G630" t="str">
            <v>All followup after service restored not requiring installation or removal of units of property. SC</v>
          </cell>
          <cell r="H630" t="str">
            <v>PD-OUTR \ MOUTFUDSC</v>
          </cell>
          <cell r="I630" t="str">
            <v>ROF</v>
          </cell>
          <cell r="J630" t="str">
            <v>ROFISC</v>
          </cell>
          <cell r="K630" t="str">
            <v>X</v>
          </cell>
          <cell r="L630" t="str">
            <v>All followup after service restored not requiring installation or removal of units of property. SC</v>
          </cell>
          <cell r="M630" t="str">
            <v>N</v>
          </cell>
        </row>
        <row r="631">
          <cell r="A631" t="str">
            <v>RORICK</v>
          </cell>
          <cell r="B631" t="str">
            <v>PD Capital</v>
          </cell>
          <cell r="C631" t="str">
            <v>Carolinas</v>
          </cell>
          <cell r="D631" t="str">
            <v>PD-RELIA</v>
          </cell>
          <cell r="E631" t="str">
            <v>Power Delivery - Reliability</v>
          </cell>
          <cell r="F631" t="str">
            <v>RELIA ODCK</v>
          </cell>
          <cell r="G631" t="str">
            <v>Replacement/repair of units of property other than poles NOT LIP followup nor an outage CK</v>
          </cell>
          <cell r="H631" t="str">
            <v>PD-RELIA \ RELIA ODCK</v>
          </cell>
          <cell r="I631" t="str">
            <v>ROR</v>
          </cell>
          <cell r="J631" t="str">
            <v>RORICK</v>
          </cell>
          <cell r="K631" t="str">
            <v>X</v>
          </cell>
          <cell r="L631" t="str">
            <v>Replacement/repair of units of property other than poles NOT LIP followup nor an outage CK</v>
          </cell>
          <cell r="M631" t="str">
            <v>N</v>
          </cell>
        </row>
        <row r="632">
          <cell r="A632" t="str">
            <v>RORINC</v>
          </cell>
          <cell r="B632" t="str">
            <v>PD Capital</v>
          </cell>
          <cell r="C632" t="str">
            <v>Carolinas</v>
          </cell>
          <cell r="D632" t="str">
            <v>PD-RELIA</v>
          </cell>
          <cell r="E632" t="str">
            <v>Power Delivery - Reliability</v>
          </cell>
          <cell r="F632" t="str">
            <v>RELIA ODNC</v>
          </cell>
          <cell r="G632" t="str">
            <v>Replacement/repair of units of property other than poles NOT LIP followup nor an outage NC</v>
          </cell>
          <cell r="H632" t="str">
            <v>PD-RELIA \ RELIA ODNC</v>
          </cell>
          <cell r="I632" t="str">
            <v>ROR</v>
          </cell>
          <cell r="J632" t="str">
            <v>RORINC</v>
          </cell>
          <cell r="K632" t="str">
            <v>X</v>
          </cell>
          <cell r="L632" t="str">
            <v>Replacement/repair of units of property other than poles NOT LIP followup nor an outage NC</v>
          </cell>
          <cell r="M632" t="str">
            <v>N</v>
          </cell>
        </row>
        <row r="633">
          <cell r="A633" t="str">
            <v>RORISC</v>
          </cell>
          <cell r="B633" t="str">
            <v>PD Capital</v>
          </cell>
          <cell r="C633" t="str">
            <v>Carolinas</v>
          </cell>
          <cell r="D633" t="str">
            <v>PD-RELIA</v>
          </cell>
          <cell r="E633" t="str">
            <v>Power Delivery - Reliability</v>
          </cell>
          <cell r="F633" t="str">
            <v>RELIA ODSC</v>
          </cell>
          <cell r="G633" t="str">
            <v>Replacement/repair of units of property other than poles NOT LIP followup nor an outage SC</v>
          </cell>
          <cell r="H633" t="str">
            <v>PD-RELIA \ RELIA ODSC</v>
          </cell>
          <cell r="I633" t="str">
            <v>ROR</v>
          </cell>
          <cell r="J633" t="str">
            <v>RORISC</v>
          </cell>
          <cell r="K633" t="str">
            <v>X</v>
          </cell>
          <cell r="L633" t="str">
            <v>Replacement/repair of units of property other than poles NOT LIP followup nor an outage SC</v>
          </cell>
          <cell r="M633" t="str">
            <v>N</v>
          </cell>
        </row>
        <row r="634">
          <cell r="A634" t="str">
            <v>ROSMHM</v>
          </cell>
          <cell r="B634" t="str">
            <v>PD Veg Mgmt</v>
          </cell>
          <cell r="C634" t="str">
            <v>Veg</v>
          </cell>
          <cell r="D634" t="str">
            <v>PD-SUBVM</v>
          </cell>
          <cell r="E634" t="str">
            <v>Vegetation Management - Substation - O&amp;M</v>
          </cell>
          <cell r="F634" t="str">
            <v>SUBVMRETC</v>
          </cell>
          <cell r="G634" t="str">
            <v>Sub VM Retail station bare ground herbicide and mowing Carolinas</v>
          </cell>
          <cell r="H634" t="str">
            <v>PD-SUBVM \ SUBVMRETC</v>
          </cell>
          <cell r="I634" t="str">
            <v>RWRSTA</v>
          </cell>
          <cell r="J634" t="str">
            <v>ROSMHM</v>
          </cell>
          <cell r="K634" t="str">
            <v>X</v>
          </cell>
          <cell r="L634" t="str">
            <v>Sub VM Retail station bare ground herbicide and mowing Carolinas</v>
          </cell>
          <cell r="M634" t="str">
            <v>N</v>
          </cell>
        </row>
        <row r="635">
          <cell r="A635" t="str">
            <v>ROSMMO</v>
          </cell>
          <cell r="B635" t="str">
            <v>PD O&amp;M</v>
          </cell>
          <cell r="C635" t="str">
            <v>MW</v>
          </cell>
          <cell r="D635" t="str">
            <v>PD-ROSM</v>
          </cell>
          <cell r="E635" t="e">
            <v>#N/A</v>
          </cell>
          <cell r="F635" t="str">
            <v>MOD</v>
          </cell>
          <cell r="G635" t="e">
            <v>#N/A</v>
          </cell>
          <cell r="H635" t="str">
            <v>PD-ROSM \ MOD</v>
          </cell>
          <cell r="I635" t="str">
            <v>SUBSTMO</v>
          </cell>
          <cell r="J635" t="str">
            <v>ROSMMO</v>
          </cell>
          <cell r="K635" t="str">
            <v>X</v>
          </cell>
          <cell r="L635" t="str">
            <v>Modification</v>
          </cell>
          <cell r="M635" t="str">
            <v>N</v>
          </cell>
        </row>
        <row r="636">
          <cell r="A636" t="str">
            <v>ROSMMO</v>
          </cell>
          <cell r="B636" t="str">
            <v>PD O&amp;M</v>
          </cell>
          <cell r="C636" t="str">
            <v>MW</v>
          </cell>
          <cell r="D636" t="str">
            <v>PD-ROSM</v>
          </cell>
          <cell r="E636" t="e">
            <v>#N/A</v>
          </cell>
          <cell r="F636" t="str">
            <v>PM</v>
          </cell>
          <cell r="G636" t="e">
            <v>#N/A</v>
          </cell>
          <cell r="H636" t="str">
            <v>PD-ROSM \ PM</v>
          </cell>
          <cell r="I636" t="str">
            <v>SUBSTPM</v>
          </cell>
          <cell r="J636" t="str">
            <v>ROSMMO</v>
          </cell>
          <cell r="K636" t="str">
            <v>X</v>
          </cell>
          <cell r="L636" t="str">
            <v>Preventative Maintenance</v>
          </cell>
          <cell r="M636" t="str">
            <v>N</v>
          </cell>
        </row>
        <row r="637">
          <cell r="A637" t="str">
            <v>ROSMRPR</v>
          </cell>
          <cell r="B637" t="str">
            <v>PD O&amp;M</v>
          </cell>
          <cell r="C637" t="str">
            <v>MW</v>
          </cell>
          <cell r="D637" t="str">
            <v>PD-ROSM</v>
          </cell>
          <cell r="E637" t="e">
            <v>#N/A</v>
          </cell>
          <cell r="F637" t="str">
            <v>RPR</v>
          </cell>
          <cell r="G637" t="e">
            <v>#N/A</v>
          </cell>
          <cell r="H637" t="str">
            <v>PD-ROSM \ RPR</v>
          </cell>
          <cell r="I637" t="str">
            <v>SUBSTRP</v>
          </cell>
          <cell r="J637" t="str">
            <v>ROSMRPR</v>
          </cell>
          <cell r="K637" t="str">
            <v>X</v>
          </cell>
          <cell r="L637" t="str">
            <v>Repair</v>
          </cell>
          <cell r="M637" t="str">
            <v>N</v>
          </cell>
        </row>
        <row r="638">
          <cell r="A638" t="str">
            <v>RPLINC</v>
          </cell>
          <cell r="B638" t="str">
            <v>PD O&amp;M</v>
          </cell>
          <cell r="C638" t="str">
            <v>MW</v>
          </cell>
          <cell r="D638" t="str">
            <v>PD-INTGT</v>
          </cell>
          <cell r="E638" t="str">
            <v>Power Delivery - Integrity</v>
          </cell>
          <cell r="F638" t="str">
            <v>PLNSREPDNC</v>
          </cell>
          <cell r="G638" t="str">
            <v>Distribution Poles replaced LIP follow-up only NC</v>
          </cell>
          <cell r="H638" t="str">
            <v>PD-INTGT \ PLNSREPDNC</v>
          </cell>
          <cell r="I638" t="str">
            <v>RLP</v>
          </cell>
          <cell r="J638" t="str">
            <v>RPLINC</v>
          </cell>
          <cell r="K638" t="str">
            <v>X</v>
          </cell>
          <cell r="L638" t="str">
            <v>Distribution Poles replaced LIP follow-up only NC</v>
          </cell>
          <cell r="M638" t="str">
            <v>N</v>
          </cell>
        </row>
        <row r="639">
          <cell r="A639" t="str">
            <v>RPORTABLE</v>
          </cell>
          <cell r="B639" t="str">
            <v>PD O&amp;M</v>
          </cell>
          <cell r="C639" t="str">
            <v>MW</v>
          </cell>
          <cell r="D639" t="str">
            <v>PD-RPORT</v>
          </cell>
          <cell r="E639" t="e">
            <v>#N/A</v>
          </cell>
          <cell r="F639" t="str">
            <v>PORTABLE</v>
          </cell>
          <cell r="G639" t="e">
            <v>#N/A</v>
          </cell>
          <cell r="H639" t="str">
            <v>PD-RPORT \ PORTABLE</v>
          </cell>
          <cell r="I639"/>
          <cell r="J639" t="str">
            <v>RPORTABLE</v>
          </cell>
          <cell r="K639" t="str">
            <v>X</v>
          </cell>
          <cell r="L639" t="str">
            <v>Portable</v>
          </cell>
          <cell r="M639" t="str">
            <v>N</v>
          </cell>
        </row>
        <row r="640">
          <cell r="A640" t="str">
            <v>RRLYMMO</v>
          </cell>
          <cell r="B640" t="str">
            <v>PD O&amp;M</v>
          </cell>
          <cell r="C640" t="str">
            <v>MW</v>
          </cell>
          <cell r="D640" t="str">
            <v>PD-RRLY</v>
          </cell>
          <cell r="E640" t="e">
            <v>#N/A</v>
          </cell>
          <cell r="F640" t="str">
            <v>MOD</v>
          </cell>
          <cell r="G640" t="e">
            <v>#N/A</v>
          </cell>
          <cell r="H640" t="str">
            <v>PD-RRLY \ MOD</v>
          </cell>
          <cell r="I640" t="str">
            <v>RLYMO</v>
          </cell>
          <cell r="J640" t="str">
            <v>RRLYMMO</v>
          </cell>
          <cell r="K640" t="str">
            <v>X</v>
          </cell>
          <cell r="L640" t="str">
            <v>Modification</v>
          </cell>
          <cell r="M640" t="str">
            <v>N</v>
          </cell>
        </row>
        <row r="641">
          <cell r="A641" t="str">
            <v>RRLYMPM</v>
          </cell>
          <cell r="B641" t="str">
            <v>PD O&amp;M</v>
          </cell>
          <cell r="C641" t="str">
            <v>MW</v>
          </cell>
          <cell r="D641" t="str">
            <v>PD-RRLY</v>
          </cell>
          <cell r="E641" t="e">
            <v>#N/A</v>
          </cell>
          <cell r="F641" t="str">
            <v>PM</v>
          </cell>
          <cell r="G641" t="e">
            <v>#N/A</v>
          </cell>
          <cell r="H641" t="str">
            <v>PD-RRLY \ PM</v>
          </cell>
          <cell r="I641" t="str">
            <v>RLYPM</v>
          </cell>
          <cell r="J641" t="str">
            <v>RRLYMPM</v>
          </cell>
          <cell r="K641" t="str">
            <v>X</v>
          </cell>
          <cell r="L641" t="str">
            <v>Preventative Maintenance</v>
          </cell>
          <cell r="M641" t="str">
            <v>N</v>
          </cell>
        </row>
        <row r="642">
          <cell r="A642" t="str">
            <v>RRLYMRPR</v>
          </cell>
          <cell r="B642" t="str">
            <v>PD O&amp;M</v>
          </cell>
          <cell r="C642" t="str">
            <v>MW</v>
          </cell>
          <cell r="D642" t="str">
            <v>PD-RRLY</v>
          </cell>
          <cell r="E642" t="e">
            <v>#N/A</v>
          </cell>
          <cell r="F642" t="str">
            <v>RPR</v>
          </cell>
          <cell r="G642" t="e">
            <v>#N/A</v>
          </cell>
          <cell r="H642" t="str">
            <v>PD-RRLY \ RPR</v>
          </cell>
          <cell r="I642" t="str">
            <v>RLYRP</v>
          </cell>
          <cell r="J642" t="str">
            <v>RRLYMRPR</v>
          </cell>
          <cell r="K642" t="str">
            <v>X</v>
          </cell>
          <cell r="L642" t="str">
            <v>Repair</v>
          </cell>
          <cell r="M642" t="str">
            <v>N</v>
          </cell>
        </row>
        <row r="643">
          <cell r="A643" t="str">
            <v>RRRICK</v>
          </cell>
          <cell r="B643" t="str">
            <v>PD Capital</v>
          </cell>
          <cell r="C643" t="str">
            <v>Carolinas</v>
          </cell>
          <cell r="D643" t="str">
            <v>PD-RELIA</v>
          </cell>
          <cell r="E643" t="str">
            <v>Power Delivery - Reliability</v>
          </cell>
          <cell r="F643" t="str">
            <v>RECLOSERCK</v>
          </cell>
          <cell r="G643" t="str">
            <v>Recloser Replacement/repair Not LIP follow-up nor an outage CK</v>
          </cell>
          <cell r="H643" t="str">
            <v>PD-RELIA \ RECLOSERCK</v>
          </cell>
          <cell r="I643" t="str">
            <v>RRR</v>
          </cell>
          <cell r="J643" t="str">
            <v>RRRICK</v>
          </cell>
          <cell r="K643" t="str">
            <v>X</v>
          </cell>
          <cell r="L643" t="str">
            <v>Recloser Replacement/repair Not LIP follow-up nor an outage CK</v>
          </cell>
          <cell r="M643" t="str">
            <v>N</v>
          </cell>
        </row>
        <row r="644">
          <cell r="A644" t="str">
            <v>RRRINC</v>
          </cell>
          <cell r="B644" t="str">
            <v>PD Capital</v>
          </cell>
          <cell r="C644" t="str">
            <v>Carolinas</v>
          </cell>
          <cell r="D644" t="str">
            <v>PD-RELIA</v>
          </cell>
          <cell r="E644" t="str">
            <v>Power Delivery - Reliability</v>
          </cell>
          <cell r="F644" t="str">
            <v>RECLOSERNC</v>
          </cell>
          <cell r="G644" t="str">
            <v>Recloser Replacement/repair Not LIP follow-up nor an outage NC</v>
          </cell>
          <cell r="H644" t="str">
            <v>PD-RELIA \ RECLOSERNC</v>
          </cell>
          <cell r="I644" t="str">
            <v>RRR</v>
          </cell>
          <cell r="J644" t="str">
            <v>RRRINC</v>
          </cell>
          <cell r="K644" t="str">
            <v>X</v>
          </cell>
          <cell r="L644" t="str">
            <v>Recloser Replacement/repair Not LIP follow-up nor an outage NC</v>
          </cell>
          <cell r="M644" t="str">
            <v>N</v>
          </cell>
        </row>
        <row r="645">
          <cell r="A645" t="str">
            <v>RRRISC</v>
          </cell>
          <cell r="B645" t="str">
            <v>PD Capital</v>
          </cell>
          <cell r="C645" t="str">
            <v>Carolinas</v>
          </cell>
          <cell r="D645" t="str">
            <v>PD-RELIA</v>
          </cell>
          <cell r="E645" t="str">
            <v>Power Delivery - Reliability</v>
          </cell>
          <cell r="F645" t="str">
            <v>RECLOSERSC</v>
          </cell>
          <cell r="G645" t="str">
            <v>Recloser Replacement/repair Not LIP follow-up nor an outage SC</v>
          </cell>
          <cell r="H645" t="str">
            <v>PD-RELIA \ RECLOSERSC</v>
          </cell>
          <cell r="I645" t="str">
            <v>RRR</v>
          </cell>
          <cell r="J645" t="str">
            <v>RRRISC</v>
          </cell>
          <cell r="K645" t="str">
            <v>X</v>
          </cell>
          <cell r="L645" t="str">
            <v>Recloser Replacement/repair Not LIP follow-up nor an outage SC</v>
          </cell>
          <cell r="M645" t="str">
            <v>N</v>
          </cell>
        </row>
        <row r="646">
          <cell r="A646" t="str">
            <v>RSDCC</v>
          </cell>
          <cell r="B646" t="str">
            <v>Gas O&amp;M</v>
          </cell>
          <cell r="C646" t="str">
            <v>Gas</v>
          </cell>
          <cell r="D646" t="str">
            <v>GO-INSP</v>
          </cell>
          <cell r="E646" t="str">
            <v>Gas Operations - Inspections</v>
          </cell>
          <cell r="F646" t="str">
            <v>RSDCC</v>
          </cell>
          <cell r="G646" t="str">
            <v>Regulator District Inspection</v>
          </cell>
          <cell r="H646" t="str">
            <v>GO-INSP \ RSDCC</v>
          </cell>
          <cell r="I646"/>
          <cell r="J646" t="str">
            <v>RSDCC</v>
          </cell>
          <cell r="K646" t="str">
            <v>X</v>
          </cell>
          <cell r="L646" t="str">
            <v>Regulator District Inspection</v>
          </cell>
          <cell r="M646" t="str">
            <v>N</v>
          </cell>
        </row>
        <row r="647">
          <cell r="A647" t="str">
            <v>RSDMC</v>
          </cell>
          <cell r="B647" t="str">
            <v>Gas O&amp;M</v>
          </cell>
          <cell r="C647" t="str">
            <v>Gas</v>
          </cell>
          <cell r="D647" t="str">
            <v>GO-MC</v>
          </cell>
          <cell r="E647" t="str">
            <v>Gas Operations - Maintenance Corrective</v>
          </cell>
          <cell r="F647" t="str">
            <v>RSDMC</v>
          </cell>
          <cell r="G647" t="str">
            <v>District Regulator Tear Down</v>
          </cell>
          <cell r="H647" t="str">
            <v>GO-MC \ RSDMC</v>
          </cell>
          <cell r="I647"/>
          <cell r="J647" t="str">
            <v>RSDMC</v>
          </cell>
          <cell r="K647" t="str">
            <v>X</v>
          </cell>
          <cell r="L647" t="str">
            <v>District Regulator Tear Down</v>
          </cell>
          <cell r="M647" t="str">
            <v>N</v>
          </cell>
        </row>
        <row r="648">
          <cell r="A648" t="str">
            <v>RSDOSE</v>
          </cell>
          <cell r="B648" t="str">
            <v>Gas O&amp;M</v>
          </cell>
          <cell r="C648" t="str">
            <v>Gas</v>
          </cell>
          <cell r="D648" t="str">
            <v>GO-MC</v>
          </cell>
          <cell r="E648" t="str">
            <v>Gas Operations - Maintenance Corrective</v>
          </cell>
          <cell r="F648" t="str">
            <v>RSDOSE</v>
          </cell>
          <cell r="G648" t="str">
            <v>Pump Pits - District Regulator</v>
          </cell>
          <cell r="H648" t="str">
            <v>GO-MC \ RSDOSE</v>
          </cell>
          <cell r="I648"/>
          <cell r="J648" t="str">
            <v>RSDOSE</v>
          </cell>
          <cell r="K648" t="str">
            <v>X</v>
          </cell>
          <cell r="L648" t="str">
            <v>Pump Pits - District Regulator</v>
          </cell>
          <cell r="M648" t="str">
            <v>N</v>
          </cell>
        </row>
        <row r="649">
          <cell r="A649" t="str">
            <v>RSDOSE</v>
          </cell>
          <cell r="B649" t="str">
            <v>Gas O&amp;M</v>
          </cell>
          <cell r="C649" t="e">
            <v>#N/A</v>
          </cell>
          <cell r="D649" t="str">
            <v>GO-OPREQ</v>
          </cell>
          <cell r="E649" t="e">
            <v>#N/A</v>
          </cell>
          <cell r="F649" t="str">
            <v>RSDOSEPA</v>
          </cell>
          <cell r="G649" t="e">
            <v>#N/A</v>
          </cell>
          <cell r="H649" t="str">
            <v>GO-OPREQ \ RSDOSEPA</v>
          </cell>
          <cell r="I649"/>
          <cell r="J649" t="str">
            <v>RSDOSE</v>
          </cell>
          <cell r="K649" t="str">
            <v>X</v>
          </cell>
          <cell r="L649" t="str">
            <v>Winter / Summer Pressure Adjustments on District Regulator</v>
          </cell>
          <cell r="M649" t="str">
            <v>N</v>
          </cell>
        </row>
        <row r="650">
          <cell r="A650" t="str">
            <v>RSIN</v>
          </cell>
          <cell r="B650" t="str">
            <v>PD O&amp;M</v>
          </cell>
          <cell r="C650" t="str">
            <v>MW</v>
          </cell>
          <cell r="D650" t="str">
            <v>PD-RSIN</v>
          </cell>
          <cell r="E650" t="e">
            <v>#N/A</v>
          </cell>
          <cell r="F650" t="str">
            <v>INSP</v>
          </cell>
          <cell r="G650" t="e">
            <v>#N/A</v>
          </cell>
          <cell r="H650" t="str">
            <v>PD-RSIN \ INSP</v>
          </cell>
          <cell r="I650" t="str">
            <v>SUBINSP</v>
          </cell>
          <cell r="J650" t="str">
            <v>RSIN</v>
          </cell>
          <cell r="K650" t="str">
            <v>X</v>
          </cell>
          <cell r="L650" t="str">
            <v>Inspection</v>
          </cell>
          <cell r="M650" t="str">
            <v>N</v>
          </cell>
        </row>
        <row r="651">
          <cell r="A651" t="str">
            <v>RSRICK</v>
          </cell>
          <cell r="B651" t="str">
            <v>PD Capital</v>
          </cell>
          <cell r="C651" t="str">
            <v>Carolinas</v>
          </cell>
          <cell r="D651" t="str">
            <v>PD-RELIA</v>
          </cell>
          <cell r="E651" t="str">
            <v>Power Delivery - Reliability</v>
          </cell>
          <cell r="F651" t="str">
            <v>OTHER UGCK</v>
          </cell>
          <cell r="G651" t="str">
            <v>Other UG -install/remove/replace units of property not identified by LIP CK</v>
          </cell>
          <cell r="H651" t="str">
            <v>PD-RELIA \ OTHER UGCK</v>
          </cell>
          <cell r="I651" t="str">
            <v>RSR</v>
          </cell>
          <cell r="J651" t="str">
            <v>RSRICK</v>
          </cell>
          <cell r="K651" t="str">
            <v>X</v>
          </cell>
          <cell r="L651" t="str">
            <v>Other UG -install/remove/replace units of property not identified by LIP CK</v>
          </cell>
          <cell r="M651" t="str">
            <v>N</v>
          </cell>
        </row>
        <row r="652">
          <cell r="A652" t="str">
            <v>RSRINC</v>
          </cell>
          <cell r="B652" t="str">
            <v>PD Capital</v>
          </cell>
          <cell r="C652" t="str">
            <v>Carolinas</v>
          </cell>
          <cell r="D652" t="str">
            <v>PD-RELIA</v>
          </cell>
          <cell r="E652" t="str">
            <v>Power Delivery - Reliability</v>
          </cell>
          <cell r="F652" t="str">
            <v>OTHER UGNC</v>
          </cell>
          <cell r="G652" t="str">
            <v>Other UG -install/remove/replace units of property not identified by LIP NC</v>
          </cell>
          <cell r="H652" t="str">
            <v>PD-RELIA \ OTHER UGNC</v>
          </cell>
          <cell r="I652" t="str">
            <v>RSR</v>
          </cell>
          <cell r="J652" t="str">
            <v>RSRINC</v>
          </cell>
          <cell r="K652" t="str">
            <v>X</v>
          </cell>
          <cell r="L652" t="str">
            <v>Other UG -install/remove/replace units of property not identified by LIP NC</v>
          </cell>
          <cell r="M652" t="str">
            <v>N</v>
          </cell>
        </row>
        <row r="653">
          <cell r="A653" t="str">
            <v>RSRISC</v>
          </cell>
          <cell r="B653" t="str">
            <v>PD Capital</v>
          </cell>
          <cell r="C653" t="str">
            <v>Carolinas</v>
          </cell>
          <cell r="D653" t="str">
            <v>PD-RELIA</v>
          </cell>
          <cell r="E653" t="str">
            <v>Power Delivery - Reliability</v>
          </cell>
          <cell r="F653" t="str">
            <v>OTHER UGSC</v>
          </cell>
          <cell r="G653" t="str">
            <v>Other UG -install/remove/replace units of property not identified by LIP SC</v>
          </cell>
          <cell r="H653" t="str">
            <v>PD-RELIA \ OTHER UGSC</v>
          </cell>
          <cell r="I653" t="str">
            <v>RSR</v>
          </cell>
          <cell r="J653" t="str">
            <v>RSRISC</v>
          </cell>
          <cell r="K653" t="str">
            <v>X</v>
          </cell>
          <cell r="L653" t="str">
            <v>Other UG -install/remove/replace units of property not identified by LIP SC</v>
          </cell>
          <cell r="M653" t="str">
            <v>N</v>
          </cell>
        </row>
        <row r="654">
          <cell r="A654" t="str">
            <v>RSSCC</v>
          </cell>
          <cell r="B654" t="str">
            <v>Gas O&amp;M</v>
          </cell>
          <cell r="C654" t="str">
            <v>Gas</v>
          </cell>
          <cell r="D654" t="str">
            <v>GO-INSP</v>
          </cell>
          <cell r="E654" t="str">
            <v>Gas Operations - Inspections</v>
          </cell>
          <cell r="F654" t="str">
            <v>RSSCC</v>
          </cell>
          <cell r="G654" t="str">
            <v>Regulator System Station Inspection</v>
          </cell>
          <cell r="H654" t="str">
            <v>GO-INSP \ RSSCC</v>
          </cell>
          <cell r="I654"/>
          <cell r="J654" t="str">
            <v>RSSCC</v>
          </cell>
          <cell r="K654" t="str">
            <v>X</v>
          </cell>
          <cell r="L654" t="str">
            <v>Regulator System Station Inspection</v>
          </cell>
          <cell r="M654" t="str">
            <v>N</v>
          </cell>
        </row>
        <row r="655">
          <cell r="A655" t="str">
            <v>RSSMC</v>
          </cell>
          <cell r="B655" t="str">
            <v>Gas O&amp;M</v>
          </cell>
          <cell r="C655" t="str">
            <v>Gas</v>
          </cell>
          <cell r="D655" t="str">
            <v>GO-MC</v>
          </cell>
          <cell r="E655" t="str">
            <v>Gas Operations - Maintenance Corrective</v>
          </cell>
          <cell r="F655" t="str">
            <v>RSSMC</v>
          </cell>
          <cell r="G655" t="str">
            <v>System Station Tear Down</v>
          </cell>
          <cell r="H655" t="str">
            <v>GO-MC \ RSSMC</v>
          </cell>
          <cell r="I655"/>
          <cell r="J655" t="str">
            <v>RSSMC</v>
          </cell>
          <cell r="K655" t="str">
            <v>X</v>
          </cell>
          <cell r="L655" t="str">
            <v>System Station Tear Down</v>
          </cell>
          <cell r="M655" t="str">
            <v>N</v>
          </cell>
        </row>
        <row r="656">
          <cell r="A656" t="str">
            <v>RSSOSE</v>
          </cell>
          <cell r="B656" t="str">
            <v>Gas O&amp;M</v>
          </cell>
          <cell r="C656" t="e">
            <v>#N/A</v>
          </cell>
          <cell r="D656" t="str">
            <v>GO-OPREQ</v>
          </cell>
          <cell r="E656" t="e">
            <v>#N/A</v>
          </cell>
          <cell r="F656" t="str">
            <v>RSSOSE</v>
          </cell>
          <cell r="G656" t="e">
            <v>#N/A</v>
          </cell>
          <cell r="H656" t="str">
            <v>GO-OPREQ \ RSSOSE</v>
          </cell>
          <cell r="I656"/>
          <cell r="J656" t="str">
            <v>RSSOSE</v>
          </cell>
          <cell r="K656" t="str">
            <v>X</v>
          </cell>
          <cell r="L656" t="str">
            <v>Winter / Summer Pressure Adjustments on System Station</v>
          </cell>
          <cell r="M656" t="str">
            <v>N</v>
          </cell>
        </row>
        <row r="657">
          <cell r="A657" t="str">
            <v>RSSOSE</v>
          </cell>
          <cell r="B657" t="str">
            <v>Gas O&amp;M</v>
          </cell>
          <cell r="C657" t="str">
            <v>Gas</v>
          </cell>
          <cell r="D657" t="str">
            <v>GO-OPREQMC</v>
          </cell>
          <cell r="E657" t="str">
            <v>Gas Operations - Operate Equipment Maintenance Corrective</v>
          </cell>
          <cell r="F657" t="str">
            <v>RSSOSE</v>
          </cell>
          <cell r="G657" t="str">
            <v>Pump Pits - System Station</v>
          </cell>
          <cell r="H657" t="str">
            <v>GO-OPREQMC \ RSSOSE</v>
          </cell>
          <cell r="I657"/>
          <cell r="J657" t="str">
            <v>RSSOSE</v>
          </cell>
          <cell r="K657" t="str">
            <v>X</v>
          </cell>
          <cell r="L657" t="str">
            <v>Pump Pits - System Station</v>
          </cell>
          <cell r="M657" t="str">
            <v>N</v>
          </cell>
        </row>
        <row r="658">
          <cell r="A658" t="str">
            <v>RTRFMMO</v>
          </cell>
          <cell r="B658" t="str">
            <v>PD O&amp;M</v>
          </cell>
          <cell r="C658" t="str">
            <v>MW</v>
          </cell>
          <cell r="D658" t="str">
            <v>PD-RTRF</v>
          </cell>
          <cell r="E658" t="e">
            <v>#N/A</v>
          </cell>
          <cell r="F658" t="str">
            <v>MOD</v>
          </cell>
          <cell r="G658" t="e">
            <v>#N/A</v>
          </cell>
          <cell r="H658" t="str">
            <v>PD-RTRF \ MOD</v>
          </cell>
          <cell r="I658" t="str">
            <v>TRANFMO</v>
          </cell>
          <cell r="J658" t="str">
            <v>RTRFMMO</v>
          </cell>
          <cell r="K658" t="str">
            <v>X</v>
          </cell>
          <cell r="L658" t="str">
            <v>Modification</v>
          </cell>
          <cell r="M658" t="str">
            <v>N</v>
          </cell>
        </row>
        <row r="659">
          <cell r="A659" t="str">
            <v>RTRFMPM</v>
          </cell>
          <cell r="B659" t="str">
            <v>PD O&amp;M</v>
          </cell>
          <cell r="C659" t="str">
            <v>MW</v>
          </cell>
          <cell r="D659" t="str">
            <v>PD-RTRF</v>
          </cell>
          <cell r="E659" t="e">
            <v>#N/A</v>
          </cell>
          <cell r="F659" t="str">
            <v>PM</v>
          </cell>
          <cell r="G659" t="e">
            <v>#N/A</v>
          </cell>
          <cell r="H659" t="str">
            <v>PD-RTRF \ PM</v>
          </cell>
          <cell r="I659" t="str">
            <v>TRANFPM</v>
          </cell>
          <cell r="J659" t="str">
            <v>RTRFMPM</v>
          </cell>
          <cell r="K659" t="str">
            <v>X</v>
          </cell>
          <cell r="L659" t="str">
            <v>Preventative Maintenance</v>
          </cell>
          <cell r="M659" t="str">
            <v>N</v>
          </cell>
        </row>
        <row r="660">
          <cell r="A660" t="str">
            <v>RTRFMRPR</v>
          </cell>
          <cell r="B660" t="str">
            <v>PD O&amp;M</v>
          </cell>
          <cell r="C660" t="str">
            <v>MW</v>
          </cell>
          <cell r="D660" t="str">
            <v>PD-RTRF</v>
          </cell>
          <cell r="E660" t="e">
            <v>#N/A</v>
          </cell>
          <cell r="F660" t="str">
            <v>RPR</v>
          </cell>
          <cell r="G660" t="e">
            <v>#N/A</v>
          </cell>
          <cell r="H660" t="str">
            <v>PD-RTRF \ RPR</v>
          </cell>
          <cell r="I660" t="str">
            <v>TRANFRP</v>
          </cell>
          <cell r="J660" t="str">
            <v>RTRFMRPR</v>
          </cell>
          <cell r="K660" t="str">
            <v>X</v>
          </cell>
          <cell r="L660" t="str">
            <v>Repair</v>
          </cell>
          <cell r="M660" t="str">
            <v>N</v>
          </cell>
        </row>
        <row r="661">
          <cell r="A661" t="str">
            <v>RTRICK</v>
          </cell>
          <cell r="B661" t="str">
            <v>PD Capital</v>
          </cell>
          <cell r="C661" t="str">
            <v>Carolinas</v>
          </cell>
          <cell r="D661" t="str">
            <v>PD-RELIA</v>
          </cell>
          <cell r="E661" t="str">
            <v>Power Delivery - Reliability</v>
          </cell>
          <cell r="F661" t="str">
            <v>TX CK</v>
          </cell>
          <cell r="G661" t="str">
            <v>Transformers - Replacement Repair NOT LIP follow-up nor an outage CK</v>
          </cell>
          <cell r="H661" t="str">
            <v>PD-RELIA \ TX CK</v>
          </cell>
          <cell r="I661" t="str">
            <v>RTR</v>
          </cell>
          <cell r="J661" t="str">
            <v>RTRICK</v>
          </cell>
          <cell r="K661" t="str">
            <v>X</v>
          </cell>
          <cell r="L661" t="str">
            <v>Transformers - Replacement Repair NOT LIP follow-up nor an outage CK</v>
          </cell>
          <cell r="M661" t="str">
            <v>N</v>
          </cell>
        </row>
        <row r="662">
          <cell r="A662" t="str">
            <v>RTRINC</v>
          </cell>
          <cell r="B662" t="str">
            <v>PD Capital</v>
          </cell>
          <cell r="C662" t="str">
            <v>Carolinas</v>
          </cell>
          <cell r="D662" t="str">
            <v>PD-RELIA</v>
          </cell>
          <cell r="E662" t="str">
            <v>Power Delivery - Reliability</v>
          </cell>
          <cell r="F662" t="str">
            <v>TX NC</v>
          </cell>
          <cell r="G662" t="str">
            <v>Transformers - Replacement Repair NOT LIP follow-up nor an outage NC</v>
          </cell>
          <cell r="H662" t="str">
            <v>PD-RELIA \ TX NC</v>
          </cell>
          <cell r="I662" t="str">
            <v>RTR</v>
          </cell>
          <cell r="J662" t="str">
            <v>RTRINC</v>
          </cell>
          <cell r="K662" t="str">
            <v>X</v>
          </cell>
          <cell r="L662" t="str">
            <v>Transformers - Replacement Repair NOT LIP follow-up nor an outage NC</v>
          </cell>
          <cell r="M662" t="str">
            <v>N</v>
          </cell>
        </row>
        <row r="663">
          <cell r="A663" t="str">
            <v>RTRISC</v>
          </cell>
          <cell r="B663" t="str">
            <v>PD Capital</v>
          </cell>
          <cell r="C663" t="str">
            <v>Carolinas</v>
          </cell>
          <cell r="D663" t="str">
            <v>PD-RELIA</v>
          </cell>
          <cell r="E663" t="str">
            <v>Power Delivery - Reliability</v>
          </cell>
          <cell r="F663" t="str">
            <v>TX SC</v>
          </cell>
          <cell r="G663" t="str">
            <v>Transformers - Replacement Repair NOT LIP follow-up nor an outage SC</v>
          </cell>
          <cell r="H663" t="str">
            <v>PD-RELIA \ TX SC</v>
          </cell>
          <cell r="I663" t="str">
            <v>RTR</v>
          </cell>
          <cell r="J663" t="str">
            <v>RTRISC</v>
          </cell>
          <cell r="K663" t="str">
            <v>X</v>
          </cell>
          <cell r="L663" t="str">
            <v>Transformers - Replacement Repair NOT LIP follow-up nor an outage SC</v>
          </cell>
          <cell r="M663" t="str">
            <v>N</v>
          </cell>
        </row>
        <row r="664">
          <cell r="A664" t="str">
            <v>RUCICK</v>
          </cell>
          <cell r="B664" t="str">
            <v>PD Capital</v>
          </cell>
          <cell r="C664" t="str">
            <v>Carolinas</v>
          </cell>
          <cell r="D664" t="str">
            <v>PD-INTGT</v>
          </cell>
          <cell r="E664" t="str">
            <v>Power Delivery - Integrity</v>
          </cell>
          <cell r="F664" t="str">
            <v>UGCABREPCK</v>
          </cell>
          <cell r="G664" t="str">
            <v>Underground cable replacement -- NOT Lighting System CK</v>
          </cell>
          <cell r="H664" t="str">
            <v>PD-INTGT \ UGCABREPCK</v>
          </cell>
          <cell r="I664" t="str">
            <v>RUC</v>
          </cell>
          <cell r="J664" t="str">
            <v>RUCICK</v>
          </cell>
          <cell r="K664" t="str">
            <v>X</v>
          </cell>
          <cell r="L664" t="str">
            <v>Underground cable replacement -- NOT Lighting System CK</v>
          </cell>
          <cell r="M664" t="str">
            <v>N</v>
          </cell>
        </row>
        <row r="665">
          <cell r="A665" t="str">
            <v>RUCINC</v>
          </cell>
          <cell r="B665" t="str">
            <v>PD Capital</v>
          </cell>
          <cell r="C665" t="str">
            <v>Carolinas</v>
          </cell>
          <cell r="D665" t="str">
            <v>PD-INTGT</v>
          </cell>
          <cell r="E665" t="str">
            <v>Power Delivery - Integrity</v>
          </cell>
          <cell r="F665" t="str">
            <v>UGCABREPNC</v>
          </cell>
          <cell r="G665" t="str">
            <v>Underground cable replacement -- NOT Lighting System NC</v>
          </cell>
          <cell r="H665" t="str">
            <v>PD-INTGT \ UGCABREPNC</v>
          </cell>
          <cell r="I665" t="str">
            <v>RUC</v>
          </cell>
          <cell r="J665" t="str">
            <v>RUCINC</v>
          </cell>
          <cell r="K665" t="str">
            <v>X</v>
          </cell>
          <cell r="L665" t="str">
            <v>Underground cable replacement -- NOT Lighting System NC</v>
          </cell>
          <cell r="M665" t="str">
            <v>N</v>
          </cell>
        </row>
        <row r="666">
          <cell r="A666" t="str">
            <v>RUCISC</v>
          </cell>
          <cell r="B666" t="str">
            <v>PD Capital</v>
          </cell>
          <cell r="C666" t="str">
            <v>Carolinas</v>
          </cell>
          <cell r="D666" t="str">
            <v>PD-INTGT</v>
          </cell>
          <cell r="E666" t="str">
            <v>Power Delivery - Integrity</v>
          </cell>
          <cell r="F666" t="str">
            <v>UGCABREPSC</v>
          </cell>
          <cell r="G666" t="str">
            <v>Underground cable replacement -- NOT Lighting System SC</v>
          </cell>
          <cell r="H666" t="str">
            <v>PD-INTGT \ UGCABREPSC</v>
          </cell>
          <cell r="I666" t="str">
            <v>RUC</v>
          </cell>
          <cell r="J666" t="str">
            <v>RUCISC</v>
          </cell>
          <cell r="K666" t="str">
            <v>X</v>
          </cell>
          <cell r="L666" t="str">
            <v>Underground cable replacement -- NOT Lighting System SC</v>
          </cell>
          <cell r="M666" t="str">
            <v>N</v>
          </cell>
        </row>
        <row r="667">
          <cell r="A667" t="str">
            <v>RULICK</v>
          </cell>
          <cell r="B667" t="str">
            <v>PD Capital</v>
          </cell>
          <cell r="C667" t="str">
            <v>Carolinas</v>
          </cell>
          <cell r="D667" t="str">
            <v>PD-LTREP</v>
          </cell>
          <cell r="E667" t="str">
            <v>Power Delivery - FOC Lighting Replacement</v>
          </cell>
          <cell r="F667" t="str">
            <v>UGL CABLE CK</v>
          </cell>
          <cell r="G667" t="str">
            <v>UG Cable Replacement -Lighting Cable only CK</v>
          </cell>
          <cell r="H667" t="str">
            <v>PD-LTREP \ UGL CABLE CK</v>
          </cell>
          <cell r="I667" t="str">
            <v>RUL</v>
          </cell>
          <cell r="J667" t="str">
            <v>RULICK</v>
          </cell>
          <cell r="K667" t="str">
            <v>X</v>
          </cell>
          <cell r="L667" t="str">
            <v>UG Cable Replacement -Lighting Cable only CK</v>
          </cell>
          <cell r="M667" t="str">
            <v>N</v>
          </cell>
        </row>
        <row r="668">
          <cell r="A668" t="str">
            <v>RULINC</v>
          </cell>
          <cell r="B668" t="str">
            <v>PD Capital</v>
          </cell>
          <cell r="C668" t="str">
            <v>Carolinas</v>
          </cell>
          <cell r="D668" t="str">
            <v>PD-LTREP</v>
          </cell>
          <cell r="E668" t="str">
            <v>Power Delivery - FOC Lighting Replacement</v>
          </cell>
          <cell r="F668" t="str">
            <v>UGL CABLE NC</v>
          </cell>
          <cell r="G668" t="str">
            <v>UG Cable Replacement -Lighting Cable only NC</v>
          </cell>
          <cell r="H668" t="str">
            <v>PD-LTREP \ UGL CABLE NC</v>
          </cell>
          <cell r="I668" t="str">
            <v>RUL</v>
          </cell>
          <cell r="J668" t="str">
            <v>RULINC</v>
          </cell>
          <cell r="K668" t="str">
            <v>X</v>
          </cell>
          <cell r="L668" t="str">
            <v>UG Cable Replacement -Lighting Cable only NC</v>
          </cell>
          <cell r="M668" t="str">
            <v>N</v>
          </cell>
        </row>
        <row r="669">
          <cell r="A669" t="str">
            <v>RULISC</v>
          </cell>
          <cell r="B669" t="str">
            <v>PD Capital</v>
          </cell>
          <cell r="C669" t="str">
            <v>Carolinas</v>
          </cell>
          <cell r="D669" t="str">
            <v>PD-LTREP</v>
          </cell>
          <cell r="E669" t="str">
            <v>Power Delivery - FOC Lighting Replacement</v>
          </cell>
          <cell r="F669" t="str">
            <v>UGL CABLE SC</v>
          </cell>
          <cell r="G669" t="str">
            <v>UG Cable Replacement -Lighting Cable only SC</v>
          </cell>
          <cell r="H669" t="str">
            <v>PD-LTREP \ UGL CABLE SC</v>
          </cell>
          <cell r="I669" t="str">
            <v>RUL</v>
          </cell>
          <cell r="J669" t="str">
            <v>RULISC</v>
          </cell>
          <cell r="K669" t="str">
            <v>X</v>
          </cell>
          <cell r="L669" t="str">
            <v>UG Cable Replacement -Lighting Cable only SC</v>
          </cell>
          <cell r="M669" t="str">
            <v>N</v>
          </cell>
        </row>
        <row r="670">
          <cell r="A670" t="str">
            <v>RWCDICK</v>
          </cell>
          <cell r="B670" t="str">
            <v>PD Veg Mgmt</v>
          </cell>
          <cell r="C670" t="str">
            <v>Carolinas</v>
          </cell>
          <cell r="D670" t="str">
            <v>PD-DVEGC</v>
          </cell>
          <cell r="E670" t="str">
            <v>Vegetation Management - Distribution - Capital</v>
          </cell>
          <cell r="F670" t="str">
            <v>DCIRMAINCK</v>
          </cell>
          <cell r="G670" t="str">
            <v>Veg Mgmt - Distribution routine circuit maintenance.</v>
          </cell>
          <cell r="H670" t="str">
            <v>PD-DVEGC \ DCIRMAINCK</v>
          </cell>
          <cell r="I670" t="str">
            <v>RWCD</v>
          </cell>
          <cell r="J670" t="str">
            <v>RWCDICK</v>
          </cell>
          <cell r="K670" t="str">
            <v>X</v>
          </cell>
          <cell r="L670" t="str">
            <v>Veg Mgmt - Distribution routine circuit maintenance CK</v>
          </cell>
          <cell r="M670" t="str">
            <v>N</v>
          </cell>
        </row>
        <row r="671">
          <cell r="A671" t="str">
            <v>RWCDINC</v>
          </cell>
          <cell r="B671" t="str">
            <v>PD Veg Mgmt</v>
          </cell>
          <cell r="C671" t="str">
            <v>Carolinas</v>
          </cell>
          <cell r="D671" t="str">
            <v>PD-DVEGC</v>
          </cell>
          <cell r="E671" t="str">
            <v>Vegetation Management - Distribution - Capital</v>
          </cell>
          <cell r="F671" t="str">
            <v>DCIRMAINNC</v>
          </cell>
          <cell r="G671" t="str">
            <v>Veg Mgmt - Distribution routine circuit maintenance.</v>
          </cell>
          <cell r="H671" t="str">
            <v>PD-DVEGC \ DCIRMAINNC</v>
          </cell>
          <cell r="I671" t="str">
            <v>RWCD</v>
          </cell>
          <cell r="J671" t="str">
            <v>RWCDINC</v>
          </cell>
          <cell r="K671" t="str">
            <v>X</v>
          </cell>
          <cell r="L671" t="str">
            <v>Veg Mgmt - Distribution routine circuit maintenance NC</v>
          </cell>
          <cell r="M671" t="str">
            <v>N</v>
          </cell>
        </row>
        <row r="672">
          <cell r="A672" t="str">
            <v>RWCDISC</v>
          </cell>
          <cell r="B672" t="str">
            <v>PD Veg Mgmt</v>
          </cell>
          <cell r="C672" t="str">
            <v>Carolinas</v>
          </cell>
          <cell r="D672" t="str">
            <v>PD-DVEGC</v>
          </cell>
          <cell r="E672" t="str">
            <v>Vegetation Management - Distribution - Capital</v>
          </cell>
          <cell r="F672" t="str">
            <v>DCIRMAINSC</v>
          </cell>
          <cell r="G672" t="str">
            <v>Veg Mgmt - Distribution routine circuit maintenance.</v>
          </cell>
          <cell r="H672" t="str">
            <v>PD-DVEGC \ DCIRMAINSC</v>
          </cell>
          <cell r="I672" t="str">
            <v>RWCD</v>
          </cell>
          <cell r="J672" t="str">
            <v>RWCDISC</v>
          </cell>
          <cell r="K672" t="str">
            <v>X</v>
          </cell>
          <cell r="L672" t="str">
            <v>Veg Mgmt - Distribution routine circuit maintenance SC</v>
          </cell>
          <cell r="M672" t="str">
            <v>N</v>
          </cell>
        </row>
        <row r="673">
          <cell r="A673" t="str">
            <v>RWCICK</v>
          </cell>
          <cell r="B673" t="str">
            <v>PD Capital</v>
          </cell>
          <cell r="C673" t="str">
            <v>Carolinas</v>
          </cell>
          <cell r="D673" t="str">
            <v>PD-NEWCS</v>
          </cell>
          <cell r="E673" t="str">
            <v>Power Delivery - BE</v>
          </cell>
          <cell r="F673" t="str">
            <v>VEG MAN CK</v>
          </cell>
          <cell r="G673" t="str">
            <v>Vegetation Management CK</v>
          </cell>
          <cell r="H673" t="str">
            <v>PD-NEWCS \ VEG MAN CK</v>
          </cell>
          <cell r="I673" t="str">
            <v>RWC</v>
          </cell>
          <cell r="J673" t="str">
            <v>RWCICK</v>
          </cell>
          <cell r="K673" t="str">
            <v>X</v>
          </cell>
          <cell r="L673" t="str">
            <v>Vegetation Management CK</v>
          </cell>
          <cell r="M673" t="str">
            <v>N</v>
          </cell>
        </row>
        <row r="674">
          <cell r="A674" t="str">
            <v>RWCINC</v>
          </cell>
          <cell r="B674" t="str">
            <v>PD Capital</v>
          </cell>
          <cell r="C674" t="str">
            <v>Carolinas</v>
          </cell>
          <cell r="D674" t="str">
            <v>PD-NEWCS</v>
          </cell>
          <cell r="E674" t="str">
            <v>Power Delivery - BE</v>
          </cell>
          <cell r="F674" t="str">
            <v>VEG MAN NC</v>
          </cell>
          <cell r="G674" t="str">
            <v>Vegetation Management NC</v>
          </cell>
          <cell r="H674" t="str">
            <v>PD-NEWCS \ VEG MAN NC</v>
          </cell>
          <cell r="I674" t="str">
            <v>RWC</v>
          </cell>
          <cell r="J674" t="str">
            <v>RWCINC</v>
          </cell>
          <cell r="K674" t="str">
            <v>X</v>
          </cell>
          <cell r="L674" t="str">
            <v>Vegetation Management NC</v>
          </cell>
          <cell r="M674" t="str">
            <v>N</v>
          </cell>
        </row>
        <row r="675">
          <cell r="A675" t="str">
            <v>RWCISC</v>
          </cell>
          <cell r="B675" t="str">
            <v>PD Capital</v>
          </cell>
          <cell r="C675" t="str">
            <v>Carolinas</v>
          </cell>
          <cell r="D675" t="str">
            <v>PD-NEWCS</v>
          </cell>
          <cell r="E675" t="str">
            <v>Power Delivery - BE</v>
          </cell>
          <cell r="F675" t="str">
            <v>VEG MAN SC</v>
          </cell>
          <cell r="G675" t="str">
            <v>Vegetation Management SC</v>
          </cell>
          <cell r="H675" t="str">
            <v>PD-NEWCS \ VEG MAN SC</v>
          </cell>
          <cell r="I675" t="str">
            <v>RWC</v>
          </cell>
          <cell r="J675" t="str">
            <v>RWCISC</v>
          </cell>
          <cell r="K675" t="str">
            <v>X</v>
          </cell>
          <cell r="L675" t="str">
            <v>Vegetation Management SC</v>
          </cell>
          <cell r="M675" t="str">
            <v>N</v>
          </cell>
        </row>
        <row r="676">
          <cell r="A676" t="str">
            <v>RWCUCICK</v>
          </cell>
          <cell r="B676" t="str">
            <v>PD Veg Mgmt</v>
          </cell>
          <cell r="C676" t="str">
            <v>Veg</v>
          </cell>
          <cell r="D676" t="str">
            <v>PD-DVEGC</v>
          </cell>
          <cell r="E676" t="str">
            <v>Vegetation Management - Distribution - Capital</v>
          </cell>
          <cell r="F676" t="str">
            <v>DVMFUCUSCK</v>
          </cell>
          <cell r="G676" t="str">
            <v>Vegetation related requests from customers were it is deemed work is necessary.</v>
          </cell>
          <cell r="H676" t="str">
            <v>PD-DVEGC \ DVMFUCUSCK</v>
          </cell>
          <cell r="I676" t="str">
            <v>RWD</v>
          </cell>
          <cell r="J676" t="str">
            <v>RWCUCICK</v>
          </cell>
          <cell r="K676" t="str">
            <v>X</v>
          </cell>
          <cell r="L676" t="str">
            <v>Vegetation related requests from customers were it is deemed work is necessary CK</v>
          </cell>
          <cell r="M676" t="str">
            <v>N</v>
          </cell>
        </row>
        <row r="677">
          <cell r="A677" t="str">
            <v>RWCUCINC</v>
          </cell>
          <cell r="B677" t="str">
            <v>PD Veg Mgmt</v>
          </cell>
          <cell r="C677" t="str">
            <v>Veg</v>
          </cell>
          <cell r="D677" t="str">
            <v>PD-DVEGC</v>
          </cell>
          <cell r="E677" t="str">
            <v>Vegetation Management - Distribution - Capital</v>
          </cell>
          <cell r="F677" t="str">
            <v>DVMFUCUSNC</v>
          </cell>
          <cell r="G677" t="str">
            <v>Vegetation related requests from customers were it is deemed work is necessary.</v>
          </cell>
          <cell r="H677" t="str">
            <v>PD-DVEGC \ DVMFUCUSNC</v>
          </cell>
          <cell r="I677" t="str">
            <v>RWD</v>
          </cell>
          <cell r="J677" t="str">
            <v>RWCUCINC</v>
          </cell>
          <cell r="K677" t="str">
            <v>X</v>
          </cell>
          <cell r="L677" t="str">
            <v>Vegetation related requests from customers were it is deemed work is necessary NC</v>
          </cell>
          <cell r="M677" t="str">
            <v>N</v>
          </cell>
        </row>
        <row r="678">
          <cell r="A678" t="str">
            <v>RWCUCISC</v>
          </cell>
          <cell r="B678" t="str">
            <v>PD Veg Mgmt</v>
          </cell>
          <cell r="C678" t="str">
            <v>Veg</v>
          </cell>
          <cell r="D678" t="str">
            <v>PD-DVEGC</v>
          </cell>
          <cell r="E678" t="str">
            <v>Vegetation Management - Distribution - Capital</v>
          </cell>
          <cell r="F678" t="str">
            <v>DVMFUCUSSC</v>
          </cell>
          <cell r="G678" t="str">
            <v>Vegetation related requests from customers were it is deemed work is necessary.</v>
          </cell>
          <cell r="H678" t="str">
            <v>PD-DVEGC \ DVMFUCUSSC</v>
          </cell>
          <cell r="I678" t="str">
            <v>RWD</v>
          </cell>
          <cell r="J678" t="str">
            <v>RWCUCISC</v>
          </cell>
          <cell r="K678" t="str">
            <v>X</v>
          </cell>
          <cell r="L678" t="str">
            <v>Vegetation related requests from customers were it is deemed work is necessary SC</v>
          </cell>
          <cell r="M678" t="str">
            <v>N</v>
          </cell>
        </row>
        <row r="679">
          <cell r="A679" t="str">
            <v>RWDICK</v>
          </cell>
          <cell r="B679" t="str">
            <v>PD Veg Mgmt</v>
          </cell>
          <cell r="C679" t="str">
            <v>Veg</v>
          </cell>
          <cell r="D679" t="str">
            <v>PD-DVEGC</v>
          </cell>
          <cell r="E679" t="str">
            <v>Vegetation Management - Distribution - Capital</v>
          </cell>
          <cell r="F679" t="str">
            <v>DDANTREECK</v>
          </cell>
          <cell r="G679" t="str">
            <v>Veg Mgmt - Distribution Danger Tree Program</v>
          </cell>
          <cell r="H679" t="str">
            <v>PD-DVEGC \ DDANTREECK</v>
          </cell>
          <cell r="I679" t="str">
            <v>RWD</v>
          </cell>
          <cell r="J679" t="str">
            <v>RWDICK</v>
          </cell>
          <cell r="K679" t="str">
            <v>X</v>
          </cell>
          <cell r="L679" t="str">
            <v>Veg Mgmt - Distribution Danger Tree Program CK</v>
          </cell>
          <cell r="M679" t="str">
            <v>N</v>
          </cell>
        </row>
        <row r="680">
          <cell r="A680" t="str">
            <v>RWDINC</v>
          </cell>
          <cell r="B680" t="str">
            <v>PD Veg Mgmt</v>
          </cell>
          <cell r="C680" t="str">
            <v>Veg</v>
          </cell>
          <cell r="D680" t="str">
            <v>PD-DVEGC</v>
          </cell>
          <cell r="E680" t="str">
            <v>Vegetation Management - Distribution - Capital</v>
          </cell>
          <cell r="F680" t="str">
            <v>DDANTREENC</v>
          </cell>
          <cell r="G680" t="str">
            <v>Veg Mgmt - Distribution Danger Tree Program</v>
          </cell>
          <cell r="H680" t="str">
            <v>PD-DVEGC \ DDANTREENC</v>
          </cell>
          <cell r="I680" t="str">
            <v>RWD</v>
          </cell>
          <cell r="J680" t="str">
            <v>RWDINC</v>
          </cell>
          <cell r="K680" t="str">
            <v>X</v>
          </cell>
          <cell r="L680" t="str">
            <v>Veg Mgmt - Distribution Danger Tree Program NC</v>
          </cell>
          <cell r="M680" t="str">
            <v>N</v>
          </cell>
        </row>
        <row r="681">
          <cell r="A681" t="str">
            <v>RWDISC</v>
          </cell>
          <cell r="B681" t="str">
            <v>PD Veg Mgmt</v>
          </cell>
          <cell r="C681" t="str">
            <v>Veg</v>
          </cell>
          <cell r="D681" t="str">
            <v>PD-DVEGC</v>
          </cell>
          <cell r="E681" t="str">
            <v>Vegetation Management - Distribution - Capital</v>
          </cell>
          <cell r="F681" t="str">
            <v>DDANTREESC</v>
          </cell>
          <cell r="G681" t="str">
            <v>Veg Mgmt - Distribution Danger Tree Program</v>
          </cell>
          <cell r="H681" t="str">
            <v>PD-DVEGC \ DDANTREESC</v>
          </cell>
          <cell r="I681" t="str">
            <v>RWD</v>
          </cell>
          <cell r="J681" t="str">
            <v>RWDISC</v>
          </cell>
          <cell r="K681" t="str">
            <v>X</v>
          </cell>
          <cell r="L681" t="str">
            <v>Veg Mgmt - Distribution Danger Tree Program SC</v>
          </cell>
          <cell r="M681" t="str">
            <v>N</v>
          </cell>
        </row>
        <row r="682">
          <cell r="A682" t="str">
            <v>RWMCUS</v>
          </cell>
          <cell r="B682" t="str">
            <v>PD Veg Mgmt</v>
          </cell>
          <cell r="C682" t="str">
            <v>Veg</v>
          </cell>
          <cell r="D682" t="str">
            <v>PD-DVEGO</v>
          </cell>
          <cell r="E682" t="str">
            <v>Vegetation Management - Distribution - O&amp;M</v>
          </cell>
          <cell r="F682" t="str">
            <v>DVMFUCUSC</v>
          </cell>
          <cell r="G682" t="str">
            <v>Vegetation related requests from customers were it is deemed work is necessary Carolinas</v>
          </cell>
          <cell r="H682" t="str">
            <v>PD-DVEGO \ DVMFUCUSC</v>
          </cell>
          <cell r="I682" t="str">
            <v>RWMNC</v>
          </cell>
          <cell r="J682" t="str">
            <v>RWMCUS</v>
          </cell>
          <cell r="K682" t="str">
            <v>X</v>
          </cell>
          <cell r="L682" t="str">
            <v>Vegetation related requests from customers were it is deemed work is necessary Carolinas</v>
          </cell>
          <cell r="M682" t="str">
            <v>N</v>
          </cell>
        </row>
        <row r="683">
          <cell r="A683" t="str">
            <v>RWMDT</v>
          </cell>
          <cell r="B683" t="str">
            <v>PD Veg Mgmt</v>
          </cell>
          <cell r="C683" t="str">
            <v>Veg</v>
          </cell>
          <cell r="D683" t="str">
            <v>PD-DVEGO</v>
          </cell>
          <cell r="E683" t="str">
            <v>Vegetation Management - Distribution - O&amp;M</v>
          </cell>
          <cell r="F683" t="str">
            <v>DDANTREE</v>
          </cell>
          <cell r="G683" t="str">
            <v>Veg Mgmt - Distribution Danger Tree Program</v>
          </cell>
          <cell r="H683" t="str">
            <v>PD-DVEGO \ DDANTREE</v>
          </cell>
          <cell r="I683" t="str">
            <v>RWMDT</v>
          </cell>
          <cell r="J683" t="str">
            <v>RWMDT</v>
          </cell>
          <cell r="K683" t="str">
            <v>X</v>
          </cell>
          <cell r="L683" t="str">
            <v>Veg Mgmt - Distribution Danger Tree Program</v>
          </cell>
          <cell r="M683" t="str">
            <v>N</v>
          </cell>
        </row>
        <row r="684">
          <cell r="A684" t="str">
            <v>RWMRI</v>
          </cell>
          <cell r="B684" t="str">
            <v>PD Veg Mgmt</v>
          </cell>
          <cell r="C684" t="str">
            <v>Veg</v>
          </cell>
          <cell r="D684" t="str">
            <v>PD-DVEGO</v>
          </cell>
          <cell r="E684" t="str">
            <v>Vegetation Management - Distribution - O&amp;M</v>
          </cell>
          <cell r="F684" t="str">
            <v>DVMFURIC</v>
          </cell>
          <cell r="G684" t="str">
            <v>CAR - Veg related follow up requests from field opers - major outage fu or other R&amp;I requests.</v>
          </cell>
          <cell r="H684" t="str">
            <v>PD-DVEGO \ DVMFURIC</v>
          </cell>
          <cell r="I684" t="str">
            <v>RWMNC</v>
          </cell>
          <cell r="J684" t="str">
            <v>RWMRI</v>
          </cell>
          <cell r="K684" t="str">
            <v>X</v>
          </cell>
          <cell r="L684" t="str">
            <v>Veg related follow up requests from field opers - major outage fu or other R&amp;I requests Carolinas</v>
          </cell>
          <cell r="M684" t="str">
            <v>N</v>
          </cell>
        </row>
        <row r="685">
          <cell r="A685" t="str">
            <v>RWMSUP</v>
          </cell>
          <cell r="B685" t="str">
            <v>PD Veg Mgmt</v>
          </cell>
          <cell r="C685" t="str">
            <v>Veg</v>
          </cell>
          <cell r="D685" t="str">
            <v>PD-DVEGO</v>
          </cell>
          <cell r="E685" t="str">
            <v>Vegetation Management - Distribution - O&amp;M</v>
          </cell>
          <cell r="F685" t="str">
            <v>DRWSUPC</v>
          </cell>
          <cell r="G685" t="str">
            <v>Veg Mgmt expenses such as oversight, expenses, training and other miscellaneous expenses Carolinas</v>
          </cell>
          <cell r="H685" t="str">
            <v>PD-DVEGO \ DRWSUPC</v>
          </cell>
          <cell r="I685" t="str">
            <v>RWMSUP</v>
          </cell>
          <cell r="J685" t="str">
            <v>RWMSUP</v>
          </cell>
          <cell r="K685" t="str">
            <v>X</v>
          </cell>
          <cell r="L685" t="str">
            <v>Veg Mgmt expenses such as oversight, expenses, training and other miscellaneous expenses Carolinas</v>
          </cell>
          <cell r="M685" t="str">
            <v>N</v>
          </cell>
        </row>
        <row r="686">
          <cell r="A686" t="str">
            <v>RWMSYS</v>
          </cell>
          <cell r="B686" t="str">
            <v>PD Veg Mgmt</v>
          </cell>
          <cell r="C686" t="str">
            <v>Veg</v>
          </cell>
          <cell r="D686" t="str">
            <v>PD-DVEGO</v>
          </cell>
          <cell r="E686" t="str">
            <v>Vegetation Management - Distribution - O&amp;M</v>
          </cell>
          <cell r="F686" t="str">
            <v>DVMFUSYS</v>
          </cell>
          <cell r="G686" t="str">
            <v xml:space="preserve">Veg related requests for system improvement projects.  </v>
          </cell>
          <cell r="H686" t="str">
            <v>PD-DVEGO \ DVMFUSYS</v>
          </cell>
          <cell r="I686" t="str">
            <v>RWMNC</v>
          </cell>
          <cell r="J686" t="str">
            <v>RWMSYS</v>
          </cell>
          <cell r="K686" t="str">
            <v>X</v>
          </cell>
          <cell r="L686" t="str">
            <v>Veg related requests for system improvement projects.</v>
          </cell>
          <cell r="M686" t="str">
            <v>N</v>
          </cell>
        </row>
        <row r="687">
          <cell r="A687" t="str">
            <v>RWMTH</v>
          </cell>
          <cell r="B687" t="str">
            <v>PD Veg Mgmt</v>
          </cell>
          <cell r="C687" t="str">
            <v>Veg</v>
          </cell>
          <cell r="D687" t="str">
            <v>PD-DVEGO</v>
          </cell>
          <cell r="E687" t="str">
            <v>Vegetation Management - Distribution - O&amp;M</v>
          </cell>
          <cell r="F687" t="str">
            <v>DHERB</v>
          </cell>
          <cell r="G687" t="str">
            <v>Veg Mgmt - Distribution Herbicide Application</v>
          </cell>
          <cell r="H687" t="str">
            <v>PD-DVEGO \ DHERB</v>
          </cell>
          <cell r="I687" t="str">
            <v>RWMTH</v>
          </cell>
          <cell r="J687" t="str">
            <v>RWMTH</v>
          </cell>
          <cell r="K687" t="str">
            <v>X</v>
          </cell>
          <cell r="L687" t="str">
            <v>Veg Mgmt - Distribution Herbicide Application</v>
          </cell>
          <cell r="M687" t="str">
            <v>N</v>
          </cell>
        </row>
        <row r="688">
          <cell r="A688" t="str">
            <v>RWMTP</v>
          </cell>
          <cell r="B688" t="str">
            <v>PD Veg Mgmt</v>
          </cell>
          <cell r="C688" t="str">
            <v>Veg</v>
          </cell>
          <cell r="D688" t="str">
            <v>PD-DVEGO</v>
          </cell>
          <cell r="E688" t="str">
            <v>Vegetation Management - Distribution - O&amp;M</v>
          </cell>
          <cell r="F688" t="str">
            <v>DCIRMAINC</v>
          </cell>
          <cell r="G688" t="str">
            <v>Veg Mgmt - Distribution routine circuit maintenance Carolinas</v>
          </cell>
          <cell r="H688" t="str">
            <v>PD-DVEGO \ DCIRMAINC</v>
          </cell>
          <cell r="I688" t="str">
            <v>RWMTP</v>
          </cell>
          <cell r="J688" t="str">
            <v>RWMTP</v>
          </cell>
          <cell r="K688" t="str">
            <v>X</v>
          </cell>
          <cell r="L688" t="str">
            <v>Veg Mgmt - Distribution routine circuit maintenance Carolinas</v>
          </cell>
          <cell r="M688" t="str">
            <v>N</v>
          </cell>
        </row>
        <row r="689">
          <cell r="A689" t="str">
            <v>RWRICCK</v>
          </cell>
          <cell r="B689" t="str">
            <v>PD Veg Mgmt</v>
          </cell>
          <cell r="C689" t="str">
            <v>Veg</v>
          </cell>
          <cell r="D689" t="str">
            <v>PD-DVEGC</v>
          </cell>
          <cell r="E689" t="str">
            <v>Vegetation Management - Distribution - Capital</v>
          </cell>
          <cell r="F689" t="str">
            <v>DVMFURICK</v>
          </cell>
          <cell r="G689" t="str">
            <v>Veg related follow up requests from field opers - major outage fu or other R&amp;I requests.</v>
          </cell>
          <cell r="H689" t="str">
            <v>PD-DVEGC \ DVMFURICK</v>
          </cell>
          <cell r="I689" t="str">
            <v>RWD</v>
          </cell>
          <cell r="J689" t="str">
            <v>RWRICCK</v>
          </cell>
          <cell r="K689" t="str">
            <v>X</v>
          </cell>
          <cell r="L689" t="str">
            <v>Veg related follow up requests from field opers - major outage fu or other R&amp;I requestS CK</v>
          </cell>
          <cell r="M689" t="str">
            <v>N</v>
          </cell>
        </row>
        <row r="690">
          <cell r="A690" t="str">
            <v>RWRICK</v>
          </cell>
          <cell r="B690" t="str">
            <v>PD Capital</v>
          </cell>
          <cell r="C690" t="str">
            <v>Carolinas</v>
          </cell>
          <cell r="D690" t="str">
            <v>PD-SCAP</v>
          </cell>
          <cell r="E690" t="str">
            <v>Power Delivery - System Capacity</v>
          </cell>
          <cell r="F690" t="str">
            <v>VEG MAN CK</v>
          </cell>
          <cell r="G690" t="str">
            <v>5 year plan right of way needs CK</v>
          </cell>
          <cell r="H690" t="str">
            <v>PD-SCAP \ VEG MAN CK</v>
          </cell>
          <cell r="I690" t="str">
            <v>RWR</v>
          </cell>
          <cell r="J690" t="str">
            <v>RWRICK</v>
          </cell>
          <cell r="K690" t="str">
            <v>X</v>
          </cell>
          <cell r="L690" t="str">
            <v>5 year plan right of way needs CK</v>
          </cell>
          <cell r="M690" t="str">
            <v>N</v>
          </cell>
        </row>
        <row r="691">
          <cell r="A691" t="str">
            <v>RWRICNC</v>
          </cell>
          <cell r="B691" t="str">
            <v>PD Veg Mgmt</v>
          </cell>
          <cell r="C691" t="str">
            <v>Veg</v>
          </cell>
          <cell r="D691" t="str">
            <v>PD-DVEGC</v>
          </cell>
          <cell r="E691" t="str">
            <v>Vegetation Management - Distribution - Capital</v>
          </cell>
          <cell r="F691" t="str">
            <v>DVMFURINC</v>
          </cell>
          <cell r="G691" t="str">
            <v>Veg related follow up requests from field opers - major outage fu or other R&amp;I requests.</v>
          </cell>
          <cell r="H691" t="str">
            <v>PD-DVEGC \ DVMFURINC</v>
          </cell>
          <cell r="I691" t="str">
            <v>RWD</v>
          </cell>
          <cell r="J691" t="str">
            <v>RWRICNC</v>
          </cell>
          <cell r="K691" t="str">
            <v>X</v>
          </cell>
          <cell r="L691" t="str">
            <v>Veg related follow up requests from field opers - major outage fu or other R&amp;I requests NC</v>
          </cell>
          <cell r="M691" t="str">
            <v>N</v>
          </cell>
        </row>
        <row r="692">
          <cell r="A692" t="str">
            <v>RWRICSC</v>
          </cell>
          <cell r="B692" t="str">
            <v>PD Veg Mgmt</v>
          </cell>
          <cell r="C692" t="str">
            <v>Veg</v>
          </cell>
          <cell r="D692" t="str">
            <v>PD-DVEGC</v>
          </cell>
          <cell r="E692" t="str">
            <v>Vegetation Management - Distribution - Capital</v>
          </cell>
          <cell r="F692" t="str">
            <v>DVMFURISC</v>
          </cell>
          <cell r="G692" t="str">
            <v>Veg related follow up requests from field opers - major outage fu or other R&amp;I requests.</v>
          </cell>
          <cell r="H692" t="str">
            <v>PD-DVEGC \ DVMFURISC</v>
          </cell>
          <cell r="I692" t="str">
            <v>RWD</v>
          </cell>
          <cell r="J692" t="str">
            <v>RWRICSC</v>
          </cell>
          <cell r="K692" t="str">
            <v>X</v>
          </cell>
          <cell r="L692" t="str">
            <v>Veg related follow up requests from field opers - major outage fu or other R&amp;I requests SC</v>
          </cell>
          <cell r="M692" t="str">
            <v>N</v>
          </cell>
        </row>
        <row r="693">
          <cell r="A693" t="str">
            <v>RWRINC</v>
          </cell>
          <cell r="B693" t="str">
            <v>PD Capital</v>
          </cell>
          <cell r="C693" t="str">
            <v>Carolinas</v>
          </cell>
          <cell r="D693" t="str">
            <v>PD-SCAP</v>
          </cell>
          <cell r="E693" t="str">
            <v>Power Delivery - System Capacity</v>
          </cell>
          <cell r="F693" t="str">
            <v>VEG MAN NC</v>
          </cell>
          <cell r="G693" t="str">
            <v>5 year plan right of way needs NC</v>
          </cell>
          <cell r="H693" t="str">
            <v>PD-SCAP \ VEG MAN NC</v>
          </cell>
          <cell r="I693" t="str">
            <v>RWR</v>
          </cell>
          <cell r="J693" t="str">
            <v>RWRINC</v>
          </cell>
          <cell r="K693" t="str">
            <v>X</v>
          </cell>
          <cell r="L693" t="str">
            <v>5 year plan right of way needs NC</v>
          </cell>
          <cell r="M693" t="str">
            <v>N</v>
          </cell>
        </row>
        <row r="694">
          <cell r="A694" t="str">
            <v>RWRISC</v>
          </cell>
          <cell r="B694" t="str">
            <v>PD Capital</v>
          </cell>
          <cell r="C694" t="str">
            <v>Carolinas</v>
          </cell>
          <cell r="D694" t="str">
            <v>PD-SCAP</v>
          </cell>
          <cell r="E694" t="str">
            <v>Power Delivery - System Capacity</v>
          </cell>
          <cell r="F694" t="str">
            <v>VEG MAN SC</v>
          </cell>
          <cell r="G694" t="str">
            <v>5 year plan right of way needs SC</v>
          </cell>
          <cell r="H694" t="str">
            <v>PD-SCAP \ VEG MAN SC</v>
          </cell>
          <cell r="I694" t="str">
            <v>RWR</v>
          </cell>
          <cell r="J694" t="str">
            <v>RWRISC</v>
          </cell>
          <cell r="K694" t="str">
            <v>X</v>
          </cell>
          <cell r="L694" t="str">
            <v>5 year plan right of way needs SC</v>
          </cell>
          <cell r="M694" t="str">
            <v>N</v>
          </cell>
        </row>
        <row r="695">
          <cell r="A695" t="str">
            <v>RWTICK</v>
          </cell>
          <cell r="B695" t="str">
            <v>PD Veg Mgmt</v>
          </cell>
          <cell r="C695" t="str">
            <v>Veg</v>
          </cell>
          <cell r="D695" t="str">
            <v>PD-DVEGC</v>
          </cell>
          <cell r="E695" t="str">
            <v>Vegetation Management - Distribution - Capital</v>
          </cell>
          <cell r="F695" t="str">
            <v>DRWWIDECK</v>
          </cell>
          <cell r="G695" t="str">
            <v>Widening of an existing right of way beyond the previously established right of way edge.</v>
          </cell>
          <cell r="H695" t="str">
            <v>PD-DVEGC \ DRWWIDECK</v>
          </cell>
          <cell r="I695" t="str">
            <v>RWT</v>
          </cell>
          <cell r="J695" t="str">
            <v>RWTICK</v>
          </cell>
          <cell r="K695" t="str">
            <v>X</v>
          </cell>
          <cell r="L695" t="str">
            <v>Widening of an existing right of way beyond the previously established right of way edge CK</v>
          </cell>
          <cell r="M695" t="str">
            <v>N</v>
          </cell>
        </row>
        <row r="696">
          <cell r="A696" t="str">
            <v>RWTINC</v>
          </cell>
          <cell r="B696" t="str">
            <v>PD Veg Mgmt</v>
          </cell>
          <cell r="C696" t="str">
            <v>Veg</v>
          </cell>
          <cell r="D696" t="str">
            <v>PD-DVEGC</v>
          </cell>
          <cell r="E696" t="str">
            <v>Vegetation Management - Distribution - Capital</v>
          </cell>
          <cell r="F696" t="str">
            <v>DRWWIDENC</v>
          </cell>
          <cell r="G696" t="str">
            <v>Widening of an existing right of way beyond the previously established right of way edge.</v>
          </cell>
          <cell r="H696" t="str">
            <v>PD-DVEGC \ DRWWIDENC</v>
          </cell>
          <cell r="I696" t="str">
            <v>RWT</v>
          </cell>
          <cell r="J696" t="str">
            <v>RWTINC</v>
          </cell>
          <cell r="K696" t="str">
            <v>X</v>
          </cell>
          <cell r="L696" t="str">
            <v>Widening of an existing right of way beyond the previously established right of way edge NC</v>
          </cell>
          <cell r="M696" t="str">
            <v>N</v>
          </cell>
        </row>
        <row r="697">
          <cell r="A697" t="str">
            <v>RWTISC</v>
          </cell>
          <cell r="B697" t="str">
            <v>PD Veg Mgmt</v>
          </cell>
          <cell r="C697" t="str">
            <v>Veg</v>
          </cell>
          <cell r="D697" t="str">
            <v>PD-DVEGC</v>
          </cell>
          <cell r="E697" t="str">
            <v>Vegetation Management - Distribution - Capital</v>
          </cell>
          <cell r="F697" t="str">
            <v>DRWWIDESC</v>
          </cell>
          <cell r="G697" t="str">
            <v>Widening of an existing right of way beyond the previously established right of way edge.</v>
          </cell>
          <cell r="H697" t="str">
            <v>PD-DVEGC \ DRWWIDESC</v>
          </cell>
          <cell r="I697" t="str">
            <v>RWT</v>
          </cell>
          <cell r="J697" t="str">
            <v>RWTISC</v>
          </cell>
          <cell r="K697" t="str">
            <v>X</v>
          </cell>
          <cell r="L697" t="str">
            <v>Widening of an existing right of way beyond the previously established right of way edge SC</v>
          </cell>
          <cell r="M697" t="str">
            <v>N</v>
          </cell>
        </row>
        <row r="698">
          <cell r="A698" t="str">
            <v>RXRICK</v>
          </cell>
          <cell r="B698" t="str">
            <v>PD Capital</v>
          </cell>
          <cell r="C698" t="str">
            <v>Carolinas</v>
          </cell>
          <cell r="D698" t="str">
            <v>PD-RELIA</v>
          </cell>
          <cell r="E698" t="str">
            <v>Power Delivery - Reliability</v>
          </cell>
          <cell r="F698" t="str">
            <v>TX RETROCK</v>
          </cell>
          <cell r="G698" t="str">
            <v>Retrofitting CSP transformers CK</v>
          </cell>
          <cell r="H698" t="str">
            <v>PD-RELIA \ TX RETROCK</v>
          </cell>
          <cell r="I698" t="str">
            <v>RXR</v>
          </cell>
          <cell r="J698" t="str">
            <v>RXRICK</v>
          </cell>
          <cell r="K698" t="str">
            <v>X</v>
          </cell>
          <cell r="L698" t="str">
            <v>Retrofitting CSP transformers CK</v>
          </cell>
          <cell r="M698" t="str">
            <v>N</v>
          </cell>
        </row>
        <row r="699">
          <cell r="A699" t="str">
            <v>RXRINC</v>
          </cell>
          <cell r="B699" t="str">
            <v>PD Capital</v>
          </cell>
          <cell r="C699" t="str">
            <v>Carolinas</v>
          </cell>
          <cell r="D699" t="str">
            <v>PD-RELIA</v>
          </cell>
          <cell r="E699" t="str">
            <v>Power Delivery - Reliability</v>
          </cell>
          <cell r="F699" t="str">
            <v>TX RETRONC</v>
          </cell>
          <cell r="G699" t="str">
            <v>Retrofitting CSP transformers NC</v>
          </cell>
          <cell r="H699" t="str">
            <v>PD-RELIA \ TX RETRONC</v>
          </cell>
          <cell r="I699" t="str">
            <v>RXR</v>
          </cell>
          <cell r="J699" t="str">
            <v>RXRINC</v>
          </cell>
          <cell r="K699" t="str">
            <v>X</v>
          </cell>
          <cell r="L699" t="str">
            <v>Retrofitting CSP transformers NC</v>
          </cell>
          <cell r="M699" t="str">
            <v>N</v>
          </cell>
        </row>
        <row r="700">
          <cell r="A700" t="str">
            <v>RXRISC</v>
          </cell>
          <cell r="B700" t="str">
            <v>PD Capital</v>
          </cell>
          <cell r="C700" t="str">
            <v>Carolinas</v>
          </cell>
          <cell r="D700" t="str">
            <v>PD-RELIA</v>
          </cell>
          <cell r="E700" t="str">
            <v>Power Delivery - Reliability</v>
          </cell>
          <cell r="F700" t="str">
            <v>TX RETROSC</v>
          </cell>
          <cell r="G700" t="str">
            <v>Retrofitting CSP transformers SC</v>
          </cell>
          <cell r="H700" t="str">
            <v>PD-RELIA \ TX RETROSC</v>
          </cell>
          <cell r="I700" t="str">
            <v>RXR</v>
          </cell>
          <cell r="J700" t="str">
            <v>RXRISC</v>
          </cell>
          <cell r="K700" t="str">
            <v>X</v>
          </cell>
          <cell r="L700" t="str">
            <v>Retrofitting CSP transformers SC</v>
          </cell>
          <cell r="M700" t="str">
            <v>N</v>
          </cell>
        </row>
        <row r="701">
          <cell r="A701" t="str">
            <v>SCFOIN</v>
          </cell>
          <cell r="B701" t="str">
            <v>PD Capital</v>
          </cell>
          <cell r="C701" t="str">
            <v>MW</v>
          </cell>
          <cell r="D701" t="str">
            <v>PD-SCAP</v>
          </cell>
          <cell r="E701" t="str">
            <v>Power Delivery - System Capacity</v>
          </cell>
          <cell r="F701" t="str">
            <v>SYS CAP IN</v>
          </cell>
          <cell r="G701" t="str">
            <v>System upgrades not initiated by 'Planning', ie: transf. upgrades due to cust load, re-conductor IN</v>
          </cell>
          <cell r="H701" t="str">
            <v>PD-SCAP \ SYS CAP IN</v>
          </cell>
          <cell r="I701" t="str">
            <v>SYCAPFO</v>
          </cell>
          <cell r="J701" t="str">
            <v>SCFOIN</v>
          </cell>
          <cell r="K701" t="str">
            <v>I</v>
          </cell>
          <cell r="L701" t="str">
            <v>System upgrades not initiated by 'Planning', ie: transf. upgrades due to cust load, re-conductor IN</v>
          </cell>
          <cell r="M701" t="str">
            <v>N</v>
          </cell>
        </row>
        <row r="702">
          <cell r="A702" t="str">
            <v>SCFOKY</v>
          </cell>
          <cell r="B702" t="str">
            <v>PD Capital</v>
          </cell>
          <cell r="C702" t="str">
            <v>MW</v>
          </cell>
          <cell r="D702" t="str">
            <v>PD-SCAP</v>
          </cell>
          <cell r="E702" t="str">
            <v>Power Delivery - System Capacity</v>
          </cell>
          <cell r="F702" t="str">
            <v>SYS CAP KY</v>
          </cell>
          <cell r="G702" t="str">
            <v>System upgrades not initiated by 'Planning', ie: transf. upgrades due to cust load, re-conductor KY</v>
          </cell>
          <cell r="H702" t="str">
            <v>PD-SCAP \ SYS CAP KY</v>
          </cell>
          <cell r="I702" t="str">
            <v>SYCAPFO</v>
          </cell>
          <cell r="J702" t="str">
            <v>SCFOKY</v>
          </cell>
          <cell r="K702" t="str">
            <v>I</v>
          </cell>
          <cell r="L702" t="str">
            <v>System upgrades not initiated by 'Planning', ie: transf. upgrades due to cust load, re-conductor KY</v>
          </cell>
          <cell r="M702" t="str">
            <v>N</v>
          </cell>
        </row>
        <row r="703">
          <cell r="A703" t="str">
            <v>SCFOOH</v>
          </cell>
          <cell r="B703" t="str">
            <v>PD Capital</v>
          </cell>
          <cell r="C703" t="str">
            <v>MW</v>
          </cell>
          <cell r="D703" t="str">
            <v>PD-SCAP</v>
          </cell>
          <cell r="E703" t="str">
            <v>Power Delivery - System Capacity</v>
          </cell>
          <cell r="F703" t="str">
            <v>SYS CAP OH</v>
          </cell>
          <cell r="G703" t="str">
            <v>System upgrades not initiated by 'Planning', ie: transf. upgrades due to cust load, re-conductor OH</v>
          </cell>
          <cell r="H703" t="str">
            <v>PD-SCAP \ SYS CAP OH</v>
          </cell>
          <cell r="I703" t="str">
            <v>SYCAPFO</v>
          </cell>
          <cell r="J703" t="str">
            <v>SCFOOH</v>
          </cell>
          <cell r="K703" t="str">
            <v>I</v>
          </cell>
          <cell r="L703" t="str">
            <v>System upgrades not initiated by 'Planning', ie: transf. upgrades due to cust load, re-conductor OH</v>
          </cell>
          <cell r="M703" t="str">
            <v>N</v>
          </cell>
        </row>
        <row r="704">
          <cell r="A704" t="str">
            <v>SDLTMT</v>
          </cell>
          <cell r="B704" t="str">
            <v>PD O&amp;M</v>
          </cell>
          <cell r="C704" t="str">
            <v>Carolinas</v>
          </cell>
          <cell r="D704" t="str">
            <v>PD-LREP</v>
          </cell>
          <cell r="E704" t="str">
            <v xml:space="preserve">Light Repair </v>
          </cell>
          <cell r="F704" t="str">
            <v>DECLREPC</v>
          </cell>
          <cell r="G704" t="str">
            <v>Decorative Street Light inspections &amp; repair -- Changing bulbs/photo control Carolinas</v>
          </cell>
          <cell r="H704" t="str">
            <v>PD-LREP \ DECLREPC</v>
          </cell>
          <cell r="I704" t="str">
            <v>SDLTMT</v>
          </cell>
          <cell r="J704" t="str">
            <v>SDLTMT</v>
          </cell>
          <cell r="K704" t="str">
            <v>X</v>
          </cell>
          <cell r="L704" t="str">
            <v>Decorative Street Light inspections &amp; repair -- Changing bulbs/photo control Carolinas</v>
          </cell>
          <cell r="M704" t="str">
            <v>N</v>
          </cell>
        </row>
        <row r="705">
          <cell r="A705" t="str">
            <v>SEWER</v>
          </cell>
          <cell r="B705" t="str">
            <v>Gas O&amp;M</v>
          </cell>
          <cell r="C705" t="str">
            <v>Gas</v>
          </cell>
          <cell r="D705" t="str">
            <v>GO-LNLOC</v>
          </cell>
          <cell r="E705" t="str">
            <v>Gas Operations - Location Work</v>
          </cell>
          <cell r="F705" t="str">
            <v>SEWER</v>
          </cell>
          <cell r="G705" t="str">
            <v>Location of Sewers</v>
          </cell>
          <cell r="H705" t="str">
            <v>GO-LNLOC \ SEWER</v>
          </cell>
          <cell r="I705"/>
          <cell r="J705" t="str">
            <v>SEWER</v>
          </cell>
          <cell r="K705" t="str">
            <v>X</v>
          </cell>
          <cell r="L705" t="str">
            <v>Location of Sewers</v>
          </cell>
          <cell r="M705" t="str">
            <v>N</v>
          </cell>
        </row>
        <row r="706">
          <cell r="A706" t="str">
            <v>SLIN</v>
          </cell>
          <cell r="B706" t="str">
            <v>PD Capital</v>
          </cell>
          <cell r="C706" t="str">
            <v>MW</v>
          </cell>
          <cell r="D706" t="str">
            <v>PD-LIGHT</v>
          </cell>
          <cell r="E706" t="str">
            <v>Power Delivery - MW Lighting</v>
          </cell>
          <cell r="F706" t="str">
            <v>NON-OLE IN</v>
          </cell>
          <cell r="G706" t="str">
            <v>Tariff Lighting (Non-OLE) - IN</v>
          </cell>
          <cell r="H706" t="str">
            <v>PD-LIGHT \ NON-OLE IN</v>
          </cell>
          <cell r="I706" t="str">
            <v>LTMWTAR</v>
          </cell>
          <cell r="J706" t="str">
            <v>SLIN</v>
          </cell>
          <cell r="K706" t="str">
            <v>I</v>
          </cell>
          <cell r="L706" t="str">
            <v>Tariff Lighting (Non-OLE) - IN</v>
          </cell>
          <cell r="M706" t="str">
            <v>N</v>
          </cell>
        </row>
        <row r="707">
          <cell r="A707" t="str">
            <v>SLKY</v>
          </cell>
          <cell r="B707" t="str">
            <v>PD Capital</v>
          </cell>
          <cell r="C707" t="str">
            <v>MW</v>
          </cell>
          <cell r="D707" t="str">
            <v>PD-LIGHT</v>
          </cell>
          <cell r="E707" t="str">
            <v>Power Delivery - MW Lighting</v>
          </cell>
          <cell r="F707" t="str">
            <v>NON-OLE KY</v>
          </cell>
          <cell r="G707" t="str">
            <v>Tariff Lighting (Non-OLE) - KY</v>
          </cell>
          <cell r="H707" t="str">
            <v>PD-LIGHT \ NON-OLE KY</v>
          </cell>
          <cell r="I707" t="str">
            <v>LTMWTAR</v>
          </cell>
          <cell r="J707" t="str">
            <v>SLKY</v>
          </cell>
          <cell r="K707" t="str">
            <v>I</v>
          </cell>
          <cell r="L707" t="str">
            <v>Tariff Lighting (Non-OLE) - KY</v>
          </cell>
          <cell r="M707" t="str">
            <v>N</v>
          </cell>
        </row>
        <row r="708">
          <cell r="A708" t="str">
            <v>SLOH</v>
          </cell>
          <cell r="B708" t="str">
            <v>PD Capital</v>
          </cell>
          <cell r="C708" t="str">
            <v>MW</v>
          </cell>
          <cell r="D708" t="str">
            <v>PD-LIGHT</v>
          </cell>
          <cell r="E708" t="str">
            <v>Power Delivery - MW Lighting</v>
          </cell>
          <cell r="F708" t="str">
            <v>NON-OLE OH</v>
          </cell>
          <cell r="G708" t="str">
            <v>Tariff Lighting (Non-OLE) - OH</v>
          </cell>
          <cell r="H708" t="str">
            <v>PD-LIGHT \ NON-OLE OH</v>
          </cell>
          <cell r="I708" t="str">
            <v>LTMWTAR</v>
          </cell>
          <cell r="J708" t="str">
            <v>SLOH</v>
          </cell>
          <cell r="K708" t="str">
            <v>I</v>
          </cell>
          <cell r="L708" t="str">
            <v>Tariff Lighting (Non-OLE) - OH</v>
          </cell>
          <cell r="M708" t="str">
            <v>N</v>
          </cell>
        </row>
        <row r="709">
          <cell r="A709" t="str">
            <v>SLTMT</v>
          </cell>
          <cell r="B709" t="str">
            <v>PD O&amp;M</v>
          </cell>
          <cell r="C709" t="str">
            <v>Carolinas</v>
          </cell>
          <cell r="D709" t="str">
            <v>PD-LREP</v>
          </cell>
          <cell r="E709" t="str">
            <v xml:space="preserve">Light Repair </v>
          </cell>
          <cell r="F709" t="str">
            <v>STLREPC</v>
          </cell>
          <cell r="G709" t="str">
            <v>Street Light inspections &amp; repair -- Changing bulbs/photo control Carolinas</v>
          </cell>
          <cell r="H709" t="str">
            <v>PD-LREP \ STLREPC</v>
          </cell>
          <cell r="I709" t="str">
            <v>SLTMT</v>
          </cell>
          <cell r="J709" t="str">
            <v>SLTMT</v>
          </cell>
          <cell r="K709" t="str">
            <v>X</v>
          </cell>
          <cell r="L709" t="str">
            <v>Street Light inspections &amp; repair -- Changing bulbs/photo control Carolinas</v>
          </cell>
          <cell r="M709" t="str">
            <v>N</v>
          </cell>
        </row>
        <row r="710">
          <cell r="A710" t="str">
            <v>SMEINS</v>
          </cell>
          <cell r="B710" t="str">
            <v>PD O&amp;M</v>
          </cell>
          <cell r="C710" t="str">
            <v>MW</v>
          </cell>
          <cell r="D710" t="str">
            <v>PD-INSP</v>
          </cell>
          <cell r="E710" t="str">
            <v>Equipment Inspection</v>
          </cell>
          <cell r="F710" t="str">
            <v>SME INSP</v>
          </cell>
          <cell r="G710" t="str">
            <v>Surface Equip Inspection</v>
          </cell>
          <cell r="H710" t="str">
            <v>PD-INSP \ SME INSP</v>
          </cell>
          <cell r="I710" t="str">
            <v>SMEINS</v>
          </cell>
          <cell r="J710" t="str">
            <v>SMEINS</v>
          </cell>
          <cell r="K710" t="str">
            <v>X</v>
          </cell>
          <cell r="L710" t="str">
            <v>Surface Equip Inspection</v>
          </cell>
          <cell r="M710" t="str">
            <v>N</v>
          </cell>
        </row>
        <row r="711">
          <cell r="A711" t="str">
            <v>SMEMT</v>
          </cell>
          <cell r="B711" t="str">
            <v>PD O&amp;M</v>
          </cell>
          <cell r="C711" t="str">
            <v>Carolinas</v>
          </cell>
          <cell r="D711" t="str">
            <v>PD-MAINT</v>
          </cell>
          <cell r="E711" t="str">
            <v>Equipment Maintenance</v>
          </cell>
          <cell r="F711" t="str">
            <v>SME MAIN C</v>
          </cell>
          <cell r="G711" t="str">
            <v>Surface Equip Maintenance Carolinas</v>
          </cell>
          <cell r="H711" t="str">
            <v>PD-MAINT \ SME MAIN C</v>
          </cell>
          <cell r="I711" t="str">
            <v>SMEMT</v>
          </cell>
          <cell r="J711" t="str">
            <v>SMEMT</v>
          </cell>
          <cell r="K711" t="str">
            <v>X</v>
          </cell>
          <cell r="L711" t="str">
            <v>Surface Equip Maintenance Carolinas</v>
          </cell>
          <cell r="M711" t="str">
            <v>N</v>
          </cell>
        </row>
        <row r="712">
          <cell r="A712" t="str">
            <v>SPECIALS</v>
          </cell>
          <cell r="B712" t="str">
            <v>PD Capital AM</v>
          </cell>
          <cell r="C712" t="str">
            <v>none</v>
          </cell>
          <cell r="D712" t="str">
            <v>PD-BE T</v>
          </cell>
          <cell r="E712" t="str">
            <v>Business Expansion T</v>
          </cell>
          <cell r="F712" t="str">
            <v>CUST DELIV</v>
          </cell>
          <cell r="G712" t="str">
            <v>Customer Deliveries</v>
          </cell>
          <cell r="H712" t="str">
            <v>PD-BE T \ CUST DELIV</v>
          </cell>
          <cell r="I712"/>
          <cell r="J712" t="str">
            <v>SPECIALS</v>
          </cell>
          <cell r="K712" t="str">
            <v>X</v>
          </cell>
          <cell r="L712" t="str">
            <v>Customer Deliveries</v>
          </cell>
          <cell r="M712" t="str">
            <v>N</v>
          </cell>
        </row>
        <row r="713">
          <cell r="A713" t="str">
            <v>SPECIALS</v>
          </cell>
          <cell r="B713" t="str">
            <v>PD Capital AM</v>
          </cell>
          <cell r="C713" t="str">
            <v>none</v>
          </cell>
          <cell r="D713" t="str">
            <v>PD-BE T</v>
          </cell>
          <cell r="E713" t="str">
            <v>Business Expansion T</v>
          </cell>
          <cell r="F713" t="str">
            <v>IPP INTCON</v>
          </cell>
          <cell r="G713" t="str">
            <v>IPP Interconnections</v>
          </cell>
          <cell r="H713" t="str">
            <v>PD-BE T \ IPP INTCON</v>
          </cell>
          <cell r="I713"/>
          <cell r="J713" t="str">
            <v>SPECIALS</v>
          </cell>
          <cell r="K713" t="str">
            <v>X</v>
          </cell>
          <cell r="L713" t="str">
            <v>IPP Interconnections</v>
          </cell>
          <cell r="M713" t="str">
            <v>N</v>
          </cell>
        </row>
        <row r="714">
          <cell r="A714" t="str">
            <v>SPECIALS</v>
          </cell>
          <cell r="B714" t="str">
            <v>PD Capital AM</v>
          </cell>
          <cell r="C714" t="str">
            <v>none</v>
          </cell>
          <cell r="D714" t="str">
            <v>PD-BE T</v>
          </cell>
          <cell r="E714" t="str">
            <v>Business Expansion T</v>
          </cell>
          <cell r="F714" t="str">
            <v>WSALES DEL</v>
          </cell>
          <cell r="G714" t="str">
            <v>Wholesale Deliveries</v>
          </cell>
          <cell r="H714" t="str">
            <v>PD-BE T \ WSALES DEL</v>
          </cell>
          <cell r="I714"/>
          <cell r="J714" t="str">
            <v>SPECIALS</v>
          </cell>
          <cell r="K714" t="str">
            <v>X</v>
          </cell>
          <cell r="L714" t="str">
            <v>Wholesale Deliveries</v>
          </cell>
          <cell r="M714" t="str">
            <v>N</v>
          </cell>
        </row>
        <row r="715">
          <cell r="A715" t="str">
            <v>SPECIALS</v>
          </cell>
          <cell r="B715" t="str">
            <v>PD Capital AM</v>
          </cell>
          <cell r="C715" t="str">
            <v>none</v>
          </cell>
          <cell r="D715" t="str">
            <v>PD-CAPMPRJ</v>
          </cell>
          <cell r="E715" t="str">
            <v>Capacity Major Projects</v>
          </cell>
          <cell r="F715" t="str">
            <v>FAC SALES</v>
          </cell>
          <cell r="G715" t="str">
            <v>Facility Sales</v>
          </cell>
          <cell r="H715" t="str">
            <v>PD-CAPMPRJ \ FAC SALES</v>
          </cell>
          <cell r="I715"/>
          <cell r="J715" t="str">
            <v>SPECIALS</v>
          </cell>
          <cell r="K715" t="str">
            <v>X</v>
          </cell>
          <cell r="L715" t="str">
            <v>Facility Sales</v>
          </cell>
          <cell r="M715" t="str">
            <v>N</v>
          </cell>
        </row>
        <row r="716">
          <cell r="A716" t="str">
            <v>SPECIALS</v>
          </cell>
          <cell r="B716" t="str">
            <v>PD Capital AM</v>
          </cell>
          <cell r="C716" t="str">
            <v>none</v>
          </cell>
          <cell r="D716" t="str">
            <v>PD-CAPMPRJ</v>
          </cell>
          <cell r="E716" t="str">
            <v>Capacity Major Projects</v>
          </cell>
          <cell r="F716" t="str">
            <v>RETAIL CAP</v>
          </cell>
          <cell r="G716" t="str">
            <v>Retail Capacity</v>
          </cell>
          <cell r="H716" t="str">
            <v>PD-CAPMPRJ \ RETAIL CAP</v>
          </cell>
          <cell r="I716"/>
          <cell r="J716" t="str">
            <v>SPECIALS</v>
          </cell>
          <cell r="K716" t="str">
            <v>X</v>
          </cell>
          <cell r="L716" t="str">
            <v>Retail Capacity</v>
          </cell>
          <cell r="M716" t="str">
            <v>N</v>
          </cell>
        </row>
        <row r="717">
          <cell r="A717" t="str">
            <v>SPECIALS</v>
          </cell>
          <cell r="B717" t="str">
            <v>PD Capital AM</v>
          </cell>
          <cell r="C717" t="str">
            <v>none</v>
          </cell>
          <cell r="D717" t="str">
            <v>PD-CAPMPRJ</v>
          </cell>
          <cell r="E717" t="str">
            <v>Capacity Major Projects</v>
          </cell>
          <cell r="F717" t="str">
            <v>SCAPGEN-AM</v>
          </cell>
          <cell r="G717" t="str">
            <v>System Capacity-Gen</v>
          </cell>
          <cell r="H717" t="str">
            <v>PD-CAPMPRJ \ SCAPGEN-AM</v>
          </cell>
          <cell r="I717"/>
          <cell r="J717" t="str">
            <v>SPECIALS</v>
          </cell>
          <cell r="K717" t="str">
            <v>X</v>
          </cell>
          <cell r="L717" t="str">
            <v>System Capacity-Gen</v>
          </cell>
          <cell r="M717" t="str">
            <v>N</v>
          </cell>
        </row>
        <row r="718">
          <cell r="A718" t="str">
            <v>SPECIALS</v>
          </cell>
          <cell r="B718" t="str">
            <v>PD Capital AM</v>
          </cell>
          <cell r="C718" t="str">
            <v>none</v>
          </cell>
          <cell r="D718" t="str">
            <v>PD-CAPMPRJ</v>
          </cell>
          <cell r="E718" t="str">
            <v>Capacity Major Projects</v>
          </cell>
          <cell r="F718" t="str">
            <v>SCAPSUB-AM</v>
          </cell>
          <cell r="G718" t="str">
            <v>System Capacity-Sub</v>
          </cell>
          <cell r="H718" t="str">
            <v>PD-CAPMPRJ \ SCAPSUB-AM</v>
          </cell>
          <cell r="I718"/>
          <cell r="J718" t="str">
            <v>SPECIALS</v>
          </cell>
          <cell r="K718" t="str">
            <v>X</v>
          </cell>
          <cell r="L718" t="str">
            <v>System Capacity-Sub</v>
          </cell>
          <cell r="M718" t="str">
            <v>N</v>
          </cell>
        </row>
        <row r="719">
          <cell r="A719" t="str">
            <v>SPECIALS</v>
          </cell>
          <cell r="B719" t="str">
            <v>PD Capital AM</v>
          </cell>
          <cell r="C719" t="str">
            <v>none</v>
          </cell>
          <cell r="D719" t="str">
            <v>PD-CAPMPRJ</v>
          </cell>
          <cell r="E719" t="str">
            <v>Capacity Major Projects</v>
          </cell>
          <cell r="F719" t="str">
            <v>SYSCAPD-AM</v>
          </cell>
          <cell r="G719" t="str">
            <v>System Capacity-D</v>
          </cell>
          <cell r="H719" t="str">
            <v>PD-CAPMPRJ \ SYSCAPD-AM</v>
          </cell>
          <cell r="I719"/>
          <cell r="J719" t="str">
            <v>SPECIALS</v>
          </cell>
          <cell r="K719" t="str">
            <v>X</v>
          </cell>
          <cell r="L719" t="str">
            <v>System Capacity-D</v>
          </cell>
          <cell r="M719" t="str">
            <v>N</v>
          </cell>
        </row>
        <row r="720">
          <cell r="A720" t="str">
            <v>SPECIALS</v>
          </cell>
          <cell r="B720" t="str">
            <v>PD Capital AM</v>
          </cell>
          <cell r="C720" t="str">
            <v>none</v>
          </cell>
          <cell r="D720" t="str">
            <v>PD-CAPMPRJ</v>
          </cell>
          <cell r="E720" t="str">
            <v>Capacity Major Projects</v>
          </cell>
          <cell r="F720" t="str">
            <v>SYSCAPT-AM</v>
          </cell>
          <cell r="G720" t="str">
            <v>System Capacity-T</v>
          </cell>
          <cell r="H720" t="str">
            <v>PD-CAPMPRJ \ SYSCAPT-AM</v>
          </cell>
          <cell r="I720"/>
          <cell r="J720" t="str">
            <v>SPECIALS</v>
          </cell>
          <cell r="K720" t="str">
            <v>X</v>
          </cell>
          <cell r="L720" t="str">
            <v>System Capacity-T</v>
          </cell>
          <cell r="M720" t="str">
            <v>N</v>
          </cell>
        </row>
        <row r="721">
          <cell r="A721" t="str">
            <v>SPECIALS</v>
          </cell>
          <cell r="B721" t="str">
            <v>PD Capital AM</v>
          </cell>
          <cell r="C721" t="str">
            <v>none</v>
          </cell>
          <cell r="D721" t="str">
            <v>PD-CMPMPRJ</v>
          </cell>
          <cell r="E721" t="str">
            <v>Compliance Major Projects Capital</v>
          </cell>
          <cell r="F721" t="str">
            <v>L&amp;S COMPL</v>
          </cell>
          <cell r="G721" t="str">
            <v>Line &amp; Station Compliance</v>
          </cell>
          <cell r="H721" t="str">
            <v>PD-CMPMPRJ \ L&amp;S COMPL</v>
          </cell>
          <cell r="I721"/>
          <cell r="J721" t="str">
            <v>SPECIALS</v>
          </cell>
          <cell r="K721" t="str">
            <v>X</v>
          </cell>
          <cell r="L721" t="str">
            <v>Line &amp; Station Compliance</v>
          </cell>
          <cell r="M721" t="str">
            <v>N</v>
          </cell>
        </row>
        <row r="722">
          <cell r="A722" t="str">
            <v>SPECIALS</v>
          </cell>
          <cell r="B722" t="str">
            <v>PD Capital AM</v>
          </cell>
          <cell r="C722" t="str">
            <v>none</v>
          </cell>
          <cell r="D722" t="str">
            <v>PD-CMPMPRJ</v>
          </cell>
          <cell r="E722" t="str">
            <v>Compliance Major Projects Capital</v>
          </cell>
          <cell r="F722" t="str">
            <v>OD BKR</v>
          </cell>
          <cell r="G722" t="str">
            <v>OD Breakers</v>
          </cell>
          <cell r="H722" t="str">
            <v>PD-CMPMPRJ \ OD BKR</v>
          </cell>
          <cell r="I722"/>
          <cell r="J722" t="str">
            <v>SPECIALS</v>
          </cell>
          <cell r="K722" t="str">
            <v>X</v>
          </cell>
          <cell r="L722" t="str">
            <v>OD Breakers</v>
          </cell>
          <cell r="M722" t="str">
            <v>N</v>
          </cell>
        </row>
        <row r="723">
          <cell r="A723" t="str">
            <v>SPECIALS</v>
          </cell>
          <cell r="B723" t="str">
            <v>PD Capital AM</v>
          </cell>
          <cell r="C723" t="str">
            <v>none</v>
          </cell>
          <cell r="D723" t="str">
            <v>PD-CMPMPRJ</v>
          </cell>
          <cell r="E723" t="str">
            <v>Compliance Major Projects Capital</v>
          </cell>
          <cell r="F723" t="str">
            <v>SPCC</v>
          </cell>
          <cell r="G723" t="str">
            <v>SPCC</v>
          </cell>
          <cell r="H723" t="str">
            <v>PD-CMPMPRJ \ SPCC</v>
          </cell>
          <cell r="I723"/>
          <cell r="J723" t="str">
            <v>SPECIALS</v>
          </cell>
          <cell r="K723" t="str">
            <v>X</v>
          </cell>
          <cell r="L723" t="str">
            <v>SPCC</v>
          </cell>
          <cell r="M723" t="str">
            <v>N</v>
          </cell>
        </row>
        <row r="724">
          <cell r="A724" t="str">
            <v>SPECIALS</v>
          </cell>
          <cell r="B724" t="str">
            <v>PD Capital</v>
          </cell>
          <cell r="C724" t="str">
            <v>none</v>
          </cell>
          <cell r="D724" t="str">
            <v>PD-INTGT</v>
          </cell>
          <cell r="E724" t="str">
            <v>Power Delivery - Integrity</v>
          </cell>
          <cell r="F724" t="str">
            <v>PREP16NPLT</v>
          </cell>
          <cell r="G724" t="str">
            <v>Transmission Poles replaced that is not related to Ground Line Inspection: Broken pole NPL</v>
          </cell>
          <cell r="H724" t="str">
            <v>PD-INTGT \ PREP16NPLT</v>
          </cell>
          <cell r="I724" t="str">
            <v>TPPOLE</v>
          </cell>
          <cell r="J724" t="str">
            <v>SPECIALS</v>
          </cell>
          <cell r="K724" t="str">
            <v>X</v>
          </cell>
          <cell r="L724" t="str">
            <v>Transmission Poles replaced that is not related to Ground Line Inspection: Broken pole NPL</v>
          </cell>
          <cell r="M724" t="str">
            <v>N</v>
          </cell>
        </row>
        <row r="725">
          <cell r="A725" t="str">
            <v>SPECIALS</v>
          </cell>
          <cell r="B725" t="str">
            <v>PD Capital</v>
          </cell>
          <cell r="C725" t="str">
            <v>none</v>
          </cell>
          <cell r="D725" t="str">
            <v>PD-INTGT</v>
          </cell>
          <cell r="E725" t="str">
            <v>Power Delivery - Integrity</v>
          </cell>
          <cell r="F725" t="str">
            <v>PREP69NPLT</v>
          </cell>
          <cell r="G725" t="str">
            <v>Transmission Poles replaced that is not related to Ground Line Inspection: Broken pole NPL</v>
          </cell>
          <cell r="H725" t="str">
            <v>PD-INTGT \ PREP69NPLT</v>
          </cell>
          <cell r="I725" t="str">
            <v>TPPOLE</v>
          </cell>
          <cell r="J725" t="str">
            <v>SPECIALS</v>
          </cell>
          <cell r="K725" t="str">
            <v>X</v>
          </cell>
          <cell r="L725" t="str">
            <v>Transmission Poles replaced that is not related to Ground Line Inspection: Broken pole NPL</v>
          </cell>
          <cell r="M725" t="str">
            <v>N</v>
          </cell>
        </row>
        <row r="726">
          <cell r="A726" t="str">
            <v>SPECIALS</v>
          </cell>
          <cell r="B726" t="str">
            <v>PD Capital</v>
          </cell>
          <cell r="C726" t="str">
            <v>none</v>
          </cell>
          <cell r="D726" t="str">
            <v>PD-OUTR</v>
          </cell>
          <cell r="E726" t="str">
            <v>Power Delivery Outage Restoration</v>
          </cell>
          <cell r="F726" t="str">
            <v>OUTCAPTCK</v>
          </cell>
          <cell r="G726" t="str">
            <v>Transmission work to get service restored to customers when they have lost power (lights are out) CK</v>
          </cell>
          <cell r="H726" t="str">
            <v>PD-OUTR \ OUTCAPTCK</v>
          </cell>
          <cell r="I726" t="str">
            <v>TLINOUT</v>
          </cell>
          <cell r="J726" t="str">
            <v>SPECIALS</v>
          </cell>
          <cell r="K726" t="str">
            <v>X</v>
          </cell>
          <cell r="L726" t="str">
            <v>Transmission work to get service restored to customers when they have lost power (lights are out) CK</v>
          </cell>
          <cell r="M726" t="str">
            <v>N</v>
          </cell>
        </row>
        <row r="727">
          <cell r="A727" t="str">
            <v>SPECIALS</v>
          </cell>
          <cell r="B727" t="str">
            <v>PD Capital</v>
          </cell>
          <cell r="C727" t="str">
            <v>none</v>
          </cell>
          <cell r="D727" t="str">
            <v>PD-OUTR</v>
          </cell>
          <cell r="E727" t="str">
            <v>Power Delivery Outage Restoration</v>
          </cell>
          <cell r="F727" t="str">
            <v>OUTCAPTNC</v>
          </cell>
          <cell r="G727" t="str">
            <v>Transmission work to get service restored to customers when they have lost power (lights are out) NC</v>
          </cell>
          <cell r="H727" t="str">
            <v>PD-OUTR \ OUTCAPTNC</v>
          </cell>
          <cell r="I727" t="str">
            <v>TLINOUT</v>
          </cell>
          <cell r="J727" t="str">
            <v>SPECIALS</v>
          </cell>
          <cell r="K727" t="str">
            <v>X</v>
          </cell>
          <cell r="L727" t="str">
            <v>Transmission work to get service restored to customers when they have lost power (lights are out) NC</v>
          </cell>
          <cell r="M727" t="str">
            <v>N</v>
          </cell>
        </row>
        <row r="728">
          <cell r="A728" t="str">
            <v>SPECIALS</v>
          </cell>
          <cell r="B728" t="str">
            <v>PD Capital</v>
          </cell>
          <cell r="C728" t="str">
            <v>none</v>
          </cell>
          <cell r="D728" t="str">
            <v>PD-OUTR</v>
          </cell>
          <cell r="E728" t="str">
            <v>Power Delivery Outage Restoration</v>
          </cell>
          <cell r="F728" t="str">
            <v>OUTCAPTSC</v>
          </cell>
          <cell r="G728" t="str">
            <v>Transmission work to get service restored to customers when they have lost power (lights are out) SC</v>
          </cell>
          <cell r="H728" t="str">
            <v>PD-OUTR \ OUTCAPTSC</v>
          </cell>
          <cell r="I728" t="str">
            <v>TLINOUT</v>
          </cell>
          <cell r="J728" t="str">
            <v>SPECIALS</v>
          </cell>
          <cell r="K728" t="str">
            <v>X</v>
          </cell>
          <cell r="L728" t="str">
            <v>Transmission work to get service restored to customers when they have lost power (lights are out) SC</v>
          </cell>
          <cell r="M728" t="str">
            <v>N</v>
          </cell>
        </row>
        <row r="729">
          <cell r="A729" t="str">
            <v>SPECIALS</v>
          </cell>
          <cell r="B729" t="str">
            <v>PD Capital AM</v>
          </cell>
          <cell r="C729" t="str">
            <v>none</v>
          </cell>
          <cell r="D729" t="str">
            <v>PD-R&amp;IMPRJ</v>
          </cell>
          <cell r="E729" t="str">
            <v>R&amp;I Major Projects</v>
          </cell>
          <cell r="F729" t="str">
            <v>INTEG PRJ</v>
          </cell>
          <cell r="G729" t="str">
            <v>Integrity Projects</v>
          </cell>
          <cell r="H729" t="str">
            <v>PD-R&amp;IMPRJ \ INTEG PRJ</v>
          </cell>
          <cell r="I729"/>
          <cell r="J729" t="str">
            <v>SPECIALS</v>
          </cell>
          <cell r="K729" t="str">
            <v>X</v>
          </cell>
          <cell r="L729" t="str">
            <v>Integrity Projects</v>
          </cell>
          <cell r="M729" t="str">
            <v>N</v>
          </cell>
        </row>
        <row r="730">
          <cell r="A730" t="str">
            <v>SPECIALS</v>
          </cell>
          <cell r="B730" t="str">
            <v>PD Capital AM</v>
          </cell>
          <cell r="C730" t="str">
            <v>none</v>
          </cell>
          <cell r="D730" t="str">
            <v>PD-R&amp;IMPRJ</v>
          </cell>
          <cell r="E730" t="str">
            <v>R&amp;I Major Projects</v>
          </cell>
          <cell r="F730" t="str">
            <v>NUC SWYD</v>
          </cell>
          <cell r="G730" t="str">
            <v>Nuclear Swithyards</v>
          </cell>
          <cell r="H730" t="str">
            <v>PD-R&amp;IMPRJ \ NUC SWYD</v>
          </cell>
          <cell r="I730"/>
          <cell r="J730" t="str">
            <v>SPECIALS</v>
          </cell>
          <cell r="K730" t="str">
            <v>X</v>
          </cell>
          <cell r="L730" t="str">
            <v>Nuclear Swicthyards Carolinas</v>
          </cell>
          <cell r="M730" t="str">
            <v>N</v>
          </cell>
        </row>
        <row r="731">
          <cell r="A731" t="str">
            <v>SPECIALS</v>
          </cell>
          <cell r="B731" t="str">
            <v>PD Capital AM</v>
          </cell>
          <cell r="C731" t="str">
            <v>none</v>
          </cell>
          <cell r="D731" t="str">
            <v>PD-R&amp;IMPRJ</v>
          </cell>
          <cell r="E731" t="str">
            <v>R&amp;I Major Projects</v>
          </cell>
          <cell r="F731" t="str">
            <v>R&amp;I CAP OT</v>
          </cell>
          <cell r="G731" t="str">
            <v>R&amp;I Capital Other-T</v>
          </cell>
          <cell r="H731" t="str">
            <v>PD-R&amp;IMPRJ \ R&amp;I CAP OT</v>
          </cell>
          <cell r="I731"/>
          <cell r="J731" t="str">
            <v>SPECIALS</v>
          </cell>
          <cell r="K731" t="str">
            <v>X</v>
          </cell>
          <cell r="L731" t="str">
            <v>R&amp;I Capital Other-T</v>
          </cell>
          <cell r="M731" t="str">
            <v>N</v>
          </cell>
        </row>
        <row r="732">
          <cell r="A732" t="str">
            <v>SPECIALS</v>
          </cell>
          <cell r="B732" t="str">
            <v>PD Capital AM</v>
          </cell>
          <cell r="C732" t="str">
            <v>none</v>
          </cell>
          <cell r="D732" t="str">
            <v>PD-R&amp;IMPRJ</v>
          </cell>
          <cell r="E732" t="str">
            <v>R&amp;I Major Projects</v>
          </cell>
          <cell r="F732" t="str">
            <v>R&amp;I PROG T</v>
          </cell>
          <cell r="G732" t="str">
            <v>R&amp;I Programs-T</v>
          </cell>
          <cell r="H732" t="str">
            <v>PD-R&amp;IMPRJ \ R&amp;I PROG T</v>
          </cell>
          <cell r="I732"/>
          <cell r="J732" t="str">
            <v>SPECIALS</v>
          </cell>
          <cell r="K732" t="str">
            <v>X</v>
          </cell>
          <cell r="L732" t="str">
            <v>R&amp;I Programs-T</v>
          </cell>
          <cell r="M732" t="str">
            <v>N</v>
          </cell>
        </row>
        <row r="733">
          <cell r="A733" t="str">
            <v>SPECIALS</v>
          </cell>
          <cell r="B733" t="str">
            <v>PD Capital AM</v>
          </cell>
          <cell r="C733" t="str">
            <v>none</v>
          </cell>
          <cell r="D733" t="str">
            <v>PD-R&amp;IMPRJ</v>
          </cell>
          <cell r="E733" t="str">
            <v>R&amp;I Major Projects</v>
          </cell>
          <cell r="F733" t="str">
            <v>RELIMAJCAP</v>
          </cell>
          <cell r="G733" t="str">
            <v>Reliability Major Capital-T</v>
          </cell>
          <cell r="H733" t="str">
            <v>PD-R&amp;IMPRJ \ RELIMAJCAP</v>
          </cell>
          <cell r="I733"/>
          <cell r="J733" t="str">
            <v>SPECIALS</v>
          </cell>
          <cell r="K733" t="str">
            <v>X</v>
          </cell>
          <cell r="L733" t="str">
            <v>Reliability Major Capital-T</v>
          </cell>
          <cell r="M733" t="str">
            <v>N</v>
          </cell>
        </row>
        <row r="734">
          <cell r="A734" t="str">
            <v>SPECIALS</v>
          </cell>
          <cell r="B734" t="str">
            <v>PD Capital AM</v>
          </cell>
          <cell r="C734" t="str">
            <v>none</v>
          </cell>
          <cell r="D734" t="str">
            <v>PD-R&amp;IMPRJ</v>
          </cell>
          <cell r="E734" t="str">
            <v>R&amp;I Major Projects</v>
          </cell>
          <cell r="F734" t="str">
            <v>SUBS AUTO</v>
          </cell>
          <cell r="G734" t="str">
            <v>Substation Automation-D</v>
          </cell>
          <cell r="H734" t="str">
            <v>PD-R&amp;IMPRJ \ SUBS AUTO</v>
          </cell>
          <cell r="I734"/>
          <cell r="J734" t="str">
            <v>SPECIALS</v>
          </cell>
          <cell r="K734" t="str">
            <v>X</v>
          </cell>
          <cell r="L734" t="str">
            <v>Substation Automation-D</v>
          </cell>
          <cell r="M734" t="str">
            <v>N</v>
          </cell>
        </row>
        <row r="735">
          <cell r="A735" t="str">
            <v>SPECIALS</v>
          </cell>
          <cell r="B735" t="str">
            <v>PD Capital</v>
          </cell>
          <cell r="C735" t="str">
            <v>none</v>
          </cell>
          <cell r="D735" t="str">
            <v>PD-RELIA</v>
          </cell>
          <cell r="E735" t="str">
            <v>Power Delivery - Reliability</v>
          </cell>
          <cell r="F735" t="str">
            <v>CAPEQPTCK</v>
          </cell>
          <cell r="G735" t="str">
            <v>Replace Transmission Units of Property Capital equipment Xarms, timbers, arrestors, conductor etc CK</v>
          </cell>
          <cell r="H735" t="str">
            <v>PD-RELIA \ CAPEQPTCK</v>
          </cell>
          <cell r="I735" t="str">
            <v>TLINEQ</v>
          </cell>
          <cell r="J735" t="str">
            <v>SPECIALS</v>
          </cell>
          <cell r="K735" t="str">
            <v>X</v>
          </cell>
          <cell r="L735" t="str">
            <v>Replace Transmission Units of Property Capital equipment Xarms, timbers, arrestors, conductor etc CK</v>
          </cell>
          <cell r="M735" t="str">
            <v>N</v>
          </cell>
        </row>
        <row r="736">
          <cell r="A736" t="str">
            <v>SPECIALS</v>
          </cell>
          <cell r="B736" t="str">
            <v>PD Capital</v>
          </cell>
          <cell r="C736" t="str">
            <v>none</v>
          </cell>
          <cell r="D736" t="str">
            <v>PD-RELIA</v>
          </cell>
          <cell r="E736" t="str">
            <v>Power Delivery - Reliability</v>
          </cell>
          <cell r="F736" t="str">
            <v>CAPEQPTNC</v>
          </cell>
          <cell r="G736" t="str">
            <v>Replace Transmission Units of Property Capital equipment Xarms, timbers, arrestors, conductor etc NC</v>
          </cell>
          <cell r="H736" t="str">
            <v>PD-RELIA \ CAPEQPTNC</v>
          </cell>
          <cell r="I736" t="str">
            <v>TLINEQ</v>
          </cell>
          <cell r="J736" t="str">
            <v>SPECIALS</v>
          </cell>
          <cell r="K736" t="str">
            <v>X</v>
          </cell>
          <cell r="L736" t="str">
            <v>Replace Transmission Units of Property Capital equipment Xarms, timbers, arrestors, conductor etc NC</v>
          </cell>
          <cell r="M736" t="str">
            <v>N</v>
          </cell>
        </row>
        <row r="737">
          <cell r="A737" t="str">
            <v>SPECIALS</v>
          </cell>
          <cell r="B737" t="str">
            <v>PD Capital</v>
          </cell>
          <cell r="C737" t="str">
            <v>none</v>
          </cell>
          <cell r="D737" t="str">
            <v>PD-RELIA</v>
          </cell>
          <cell r="E737" t="str">
            <v>Power Delivery - Reliability</v>
          </cell>
          <cell r="F737" t="str">
            <v>CAPEQPTSC</v>
          </cell>
          <cell r="G737" t="str">
            <v>Replace Transmission Units of Property Capital equipment Xarms, timbers, arrestors, conductor etc SC</v>
          </cell>
          <cell r="H737" t="str">
            <v>PD-RELIA \ CAPEQPTSC</v>
          </cell>
          <cell r="I737" t="str">
            <v>TLINEQ</v>
          </cell>
          <cell r="J737" t="str">
            <v>SPECIALS</v>
          </cell>
          <cell r="K737" t="str">
            <v>X</v>
          </cell>
          <cell r="L737" t="str">
            <v>Replace Transmission Units of Property Capital equipment Xarms, timbers, arrestors, conductor etc SC</v>
          </cell>
          <cell r="M737" t="str">
            <v>N</v>
          </cell>
        </row>
        <row r="738">
          <cell r="A738" t="str">
            <v>SPECIALS</v>
          </cell>
          <cell r="B738" t="str">
            <v>PD Capital</v>
          </cell>
          <cell r="C738" t="str">
            <v>none</v>
          </cell>
          <cell r="D738" t="str">
            <v>PD-RELIA</v>
          </cell>
          <cell r="E738" t="str">
            <v>Power Delivery - Reliability</v>
          </cell>
          <cell r="F738" t="str">
            <v>CAPSUBEQP</v>
          </cell>
          <cell r="G738" t="str">
            <v xml:space="preserve">Replace Transmission Units of Property Capital equipment Xarms, timbers, arrestors, conductor etc </v>
          </cell>
          <cell r="H738" t="str">
            <v>PD-RELIA \ CAPSUBEQP</v>
          </cell>
          <cell r="I738"/>
          <cell r="J738" t="str">
            <v>SPECIALS</v>
          </cell>
          <cell r="K738"/>
          <cell r="L738" t="str">
            <v>REPLACE TRANSMISSION UNITS OF PROPERTY CAPITAL EQUIP XARMS, TIMBERS, ARRESTORS, CONDUCTOR, ETC</v>
          </cell>
          <cell r="M738" t="str">
            <v>N</v>
          </cell>
        </row>
        <row r="739">
          <cell r="A739" t="str">
            <v>SPECIALS</v>
          </cell>
          <cell r="B739" t="str">
            <v>PD Capital</v>
          </cell>
          <cell r="C739" t="str">
            <v>none</v>
          </cell>
          <cell r="D739" t="str">
            <v>PD-RELIA</v>
          </cell>
          <cell r="E739" t="str">
            <v>Power Delivery - Reliability</v>
          </cell>
          <cell r="F739" t="str">
            <v>DTUG CK</v>
          </cell>
          <cell r="G739" t="str">
            <v>Downtown UG Reliability -- Vault Replacement CK</v>
          </cell>
          <cell r="H739" t="str">
            <v>PD-RELIA \ DTUG CK</v>
          </cell>
          <cell r="I739" t="str">
            <v>RTG</v>
          </cell>
          <cell r="J739" t="str">
            <v>SPECIALS</v>
          </cell>
          <cell r="K739" t="str">
            <v>X</v>
          </cell>
          <cell r="L739" t="str">
            <v>Downtown UG Reliability -- Vault Replacement CK</v>
          </cell>
          <cell r="M739" t="str">
            <v>N</v>
          </cell>
        </row>
        <row r="740">
          <cell r="A740" t="str">
            <v>SPECIALS</v>
          </cell>
          <cell r="B740" t="str">
            <v>PD Capital</v>
          </cell>
          <cell r="C740" t="str">
            <v>none</v>
          </cell>
          <cell r="D740" t="str">
            <v>PD-RELIA</v>
          </cell>
          <cell r="E740" t="str">
            <v>Power Delivery - Reliability</v>
          </cell>
          <cell r="F740" t="str">
            <v>DTUG NC</v>
          </cell>
          <cell r="G740" t="str">
            <v>Downtown UG Reliability -- Vault Replacement NC</v>
          </cell>
          <cell r="H740" t="str">
            <v>PD-RELIA \ DTUG NC</v>
          </cell>
          <cell r="I740" t="str">
            <v>RTG</v>
          </cell>
          <cell r="J740" t="str">
            <v>SPECIALS</v>
          </cell>
          <cell r="K740" t="str">
            <v>X</v>
          </cell>
          <cell r="L740" t="str">
            <v>Downtown UG Reliability -- Vault Replacement NC</v>
          </cell>
          <cell r="M740" t="str">
            <v>N</v>
          </cell>
        </row>
        <row r="741">
          <cell r="A741" t="str">
            <v>SPECIALS</v>
          </cell>
          <cell r="B741" t="str">
            <v>PD Capital</v>
          </cell>
          <cell r="C741" t="str">
            <v>none</v>
          </cell>
          <cell r="D741" t="str">
            <v>PD-RELIA</v>
          </cell>
          <cell r="E741" t="str">
            <v>Power Delivery - Reliability</v>
          </cell>
          <cell r="F741" t="str">
            <v>DTUG SC</v>
          </cell>
          <cell r="G741" t="str">
            <v>Downtown UG Reliability -- Vault Replacement SC</v>
          </cell>
          <cell r="H741" t="str">
            <v>PD-RELIA \ DTUG SC</v>
          </cell>
          <cell r="I741" t="str">
            <v>RTG</v>
          </cell>
          <cell r="J741" t="str">
            <v>SPECIALS</v>
          </cell>
          <cell r="K741" t="str">
            <v>X</v>
          </cell>
          <cell r="L741" t="str">
            <v>Downtown UG Reliability -- Vault Replacement SC</v>
          </cell>
          <cell r="M741" t="str">
            <v>N</v>
          </cell>
        </row>
        <row r="742">
          <cell r="A742" t="str">
            <v>SPECIALS</v>
          </cell>
          <cell r="B742" t="str">
            <v>PD Capital</v>
          </cell>
          <cell r="C742" t="str">
            <v>none</v>
          </cell>
          <cell r="D742" t="str">
            <v>PD-RELIA</v>
          </cell>
          <cell r="E742" t="str">
            <v>Power Delivery - Reliability</v>
          </cell>
          <cell r="F742" t="str">
            <v>R&amp;ICAPT</v>
          </cell>
          <cell r="G742" t="str">
            <v>FO Carolinas - R&amp;I Cap T - Replacement of Transmission Units of Property Capital equipment</v>
          </cell>
          <cell r="H742" t="str">
            <v>PD-RELIA \ R&amp;ICAPT</v>
          </cell>
          <cell r="I742"/>
          <cell r="J742" t="str">
            <v>SPECIALS</v>
          </cell>
          <cell r="K742" t="str">
            <v>X</v>
          </cell>
          <cell r="L742" t="str">
            <v>FO CAROLINAS - R&amp;I CAP T - REPLACEMENT OF TRANSMISSION UNITS OF PROPERTY CAPITAL EQUIP</v>
          </cell>
          <cell r="M742" t="str">
            <v>N</v>
          </cell>
        </row>
        <row r="743">
          <cell r="A743" t="str">
            <v>SPECIALS</v>
          </cell>
          <cell r="B743" t="str">
            <v>PD Capital AM</v>
          </cell>
          <cell r="C743" t="str">
            <v>none</v>
          </cell>
          <cell r="D743" t="str">
            <v>PD-RELOT</v>
          </cell>
          <cell r="E743" t="str">
            <v>Power Delivery - Relocation T</v>
          </cell>
          <cell r="F743" t="str">
            <v>RELOCATION</v>
          </cell>
          <cell r="G743" t="str">
            <v>Relocation</v>
          </cell>
          <cell r="H743" t="str">
            <v>PD-RELOT \ RELOCATION</v>
          </cell>
          <cell r="I743"/>
          <cell r="J743" t="str">
            <v>SPECIALS</v>
          </cell>
          <cell r="K743" t="str">
            <v>X</v>
          </cell>
          <cell r="L743" t="str">
            <v>Relocation</v>
          </cell>
          <cell r="M743" t="str">
            <v>N</v>
          </cell>
        </row>
        <row r="744">
          <cell r="A744" t="str">
            <v>SPECIALS</v>
          </cell>
          <cell r="B744" t="str">
            <v>PD Capital</v>
          </cell>
          <cell r="C744" t="str">
            <v>none</v>
          </cell>
          <cell r="D744" t="str">
            <v>PD-RESTOR</v>
          </cell>
          <cell r="E744" t="e">
            <v>#N/A</v>
          </cell>
          <cell r="F744" t="str">
            <v>RESTORAT</v>
          </cell>
          <cell r="G744" t="e">
            <v>#N/A</v>
          </cell>
          <cell r="H744" t="str">
            <v>PD-RESTOR \ RESTORAT</v>
          </cell>
          <cell r="I744"/>
          <cell r="J744" t="str">
            <v>SPECIALS</v>
          </cell>
          <cell r="K744" t="str">
            <v>I</v>
          </cell>
          <cell r="L744" t="str">
            <v>OH KY RESTORATION</v>
          </cell>
          <cell r="M744" t="str">
            <v>N</v>
          </cell>
        </row>
        <row r="745">
          <cell r="A745" t="str">
            <v>SPECIALS</v>
          </cell>
          <cell r="B745" t="str">
            <v>PD Capital</v>
          </cell>
          <cell r="C745" t="str">
            <v>none</v>
          </cell>
          <cell r="D745" t="str">
            <v>PD-SCAP</v>
          </cell>
          <cell r="E745" t="str">
            <v>Power Delivery - System Capacity</v>
          </cell>
          <cell r="F745" t="str">
            <v>DCAPADD</v>
          </cell>
          <cell r="G745" t="str">
            <v xml:space="preserve">Capacity Adds in Substations for Distribution </v>
          </cell>
          <cell r="H745" t="str">
            <v>PD-SCAP \ DCAPADD</v>
          </cell>
          <cell r="I745" t="str">
            <v>DCAPADD</v>
          </cell>
          <cell r="J745" t="str">
            <v>SPECIALS</v>
          </cell>
          <cell r="K745" t="str">
            <v>X</v>
          </cell>
          <cell r="L745" t="str">
            <v>Capacity Adds in Substations for Distribution</v>
          </cell>
          <cell r="M745" t="str">
            <v>N</v>
          </cell>
        </row>
        <row r="746">
          <cell r="A746" t="str">
            <v>SPECIALS</v>
          </cell>
          <cell r="B746" t="str">
            <v>PD Capital</v>
          </cell>
          <cell r="C746" t="str">
            <v>none</v>
          </cell>
          <cell r="D746" t="str">
            <v>PD-SCAP</v>
          </cell>
          <cell r="E746" t="str">
            <v>Power Delivery - System Capacity</v>
          </cell>
          <cell r="F746" t="str">
            <v>DMNRCAP</v>
          </cell>
          <cell r="G746" t="str">
            <v>Distribution Capacity - Minor Capacity Increase</v>
          </cell>
          <cell r="H746" t="str">
            <v>PD-SCAP \ DMNRCAP</v>
          </cell>
          <cell r="I746" t="str">
            <v>DMNRCAP</v>
          </cell>
          <cell r="J746" t="str">
            <v>SPECIALS</v>
          </cell>
          <cell r="K746" t="str">
            <v>X</v>
          </cell>
          <cell r="L746" t="str">
            <v>Distribution Capacity - Minor Capacity Increase</v>
          </cell>
          <cell r="M746" t="str">
            <v>N</v>
          </cell>
        </row>
        <row r="747">
          <cell r="A747" t="str">
            <v>SPECIALS</v>
          </cell>
          <cell r="B747" t="str">
            <v>PD Capital</v>
          </cell>
          <cell r="C747" t="str">
            <v>none</v>
          </cell>
          <cell r="D747" t="str">
            <v>PD-SCAP</v>
          </cell>
          <cell r="E747" t="str">
            <v>Power Delivery - System Capacity</v>
          </cell>
          <cell r="F747" t="str">
            <v>DPANCEQ</v>
          </cell>
          <cell r="G747" t="str">
            <v>Ancillary equipment upgrade- distribution</v>
          </cell>
          <cell r="H747" t="str">
            <v>PD-SCAP \ DPANCEQ</v>
          </cell>
          <cell r="I747" t="str">
            <v>DPANCEQ</v>
          </cell>
          <cell r="J747" t="str">
            <v>SPECIALS</v>
          </cell>
          <cell r="K747" t="str">
            <v>X</v>
          </cell>
          <cell r="L747" t="str">
            <v>Ancillary equipment upgrade- distribution</v>
          </cell>
          <cell r="M747" t="str">
            <v>N</v>
          </cell>
        </row>
        <row r="748">
          <cell r="A748" t="str">
            <v>SPECIALS</v>
          </cell>
          <cell r="B748" t="str">
            <v>PD Capital</v>
          </cell>
          <cell r="C748" t="str">
            <v>none</v>
          </cell>
          <cell r="D748" t="str">
            <v>PD-SCAP</v>
          </cell>
          <cell r="E748" t="str">
            <v>Power Delivery - System Capacity</v>
          </cell>
          <cell r="F748" t="str">
            <v>DPMINC</v>
          </cell>
          <cell r="G748" t="str">
            <v>Minor Capacity Increase</v>
          </cell>
          <cell r="H748" t="str">
            <v>PD-SCAP \ DPMINC</v>
          </cell>
          <cell r="I748" t="str">
            <v>DPMINC</v>
          </cell>
          <cell r="J748" t="str">
            <v>SPECIALS</v>
          </cell>
          <cell r="K748" t="str">
            <v>X</v>
          </cell>
          <cell r="L748" t="str">
            <v>Minor Capacity Increase</v>
          </cell>
          <cell r="M748" t="str">
            <v>N</v>
          </cell>
        </row>
        <row r="749">
          <cell r="A749" t="str">
            <v>SPECIALS</v>
          </cell>
          <cell r="B749" t="str">
            <v>PD Capital</v>
          </cell>
          <cell r="C749" t="str">
            <v>none</v>
          </cell>
          <cell r="D749" t="str">
            <v>PD-SCAP</v>
          </cell>
          <cell r="E749" t="str">
            <v>Power Delivery - System Capacity</v>
          </cell>
          <cell r="F749" t="str">
            <v>TMNRCAP</v>
          </cell>
          <cell r="G749" t="str">
            <v>Transmission Capacity - Minor Capacity Increase</v>
          </cell>
          <cell r="H749" t="str">
            <v>PD-SCAP \ TMNRCAP</v>
          </cell>
          <cell r="I749" t="str">
            <v>TMNRCAP</v>
          </cell>
          <cell r="J749" t="str">
            <v>SPECIALS</v>
          </cell>
          <cell r="K749" t="str">
            <v>X</v>
          </cell>
          <cell r="L749" t="str">
            <v>Transmission Capacity - Minor Capacity Increase</v>
          </cell>
          <cell r="M749" t="str">
            <v>N</v>
          </cell>
        </row>
        <row r="750">
          <cell r="A750" t="str">
            <v>SPECIALS</v>
          </cell>
          <cell r="B750" t="str">
            <v>PD Capital</v>
          </cell>
          <cell r="C750" t="str">
            <v>none</v>
          </cell>
          <cell r="D750" t="str">
            <v>PD-SCAP</v>
          </cell>
          <cell r="E750" t="str">
            <v>Power Delivery - System Capacity</v>
          </cell>
          <cell r="F750" t="str">
            <v>TPANCEQ</v>
          </cell>
          <cell r="G750" t="str">
            <v>Ancillary equipment upgrade- Transmission</v>
          </cell>
          <cell r="H750" t="str">
            <v>PD-SCAP \ TPANCEQ</v>
          </cell>
          <cell r="I750" t="str">
            <v>TPANCEQ</v>
          </cell>
          <cell r="J750" t="str">
            <v>SPECIALS</v>
          </cell>
          <cell r="K750" t="str">
            <v>X</v>
          </cell>
          <cell r="L750" t="str">
            <v>Ancillary equipment upgrade- Transmission</v>
          </cell>
          <cell r="M750" t="str">
            <v>N</v>
          </cell>
        </row>
        <row r="751">
          <cell r="A751" t="str">
            <v>SPECIALS</v>
          </cell>
          <cell r="B751" t="str">
            <v>PD O&amp;M</v>
          </cell>
          <cell r="C751" t="str">
            <v>MW</v>
          </cell>
          <cell r="D751" t="str">
            <v>PD-UOFFUTURE</v>
          </cell>
          <cell r="E751" t="e">
            <v>#N/A</v>
          </cell>
          <cell r="F751" t="str">
            <v>SMARTGRID DA</v>
          </cell>
          <cell r="G751" t="e">
            <v>#N/A</v>
          </cell>
          <cell r="H751" t="str">
            <v>PD-UOFFUTURE \ SMARTGRID DA</v>
          </cell>
          <cell r="I751" t="str">
            <v>SGDAISS</v>
          </cell>
          <cell r="J751" t="str">
            <v>SPECIALS</v>
          </cell>
          <cell r="K751" t="str">
            <v>X</v>
          </cell>
          <cell r="L751" t="str">
            <v>UOF Smart Grid Inside Substation</v>
          </cell>
          <cell r="M751" t="str">
            <v>N</v>
          </cell>
        </row>
        <row r="752">
          <cell r="A752" t="str">
            <v>TBATMMO</v>
          </cell>
          <cell r="B752" t="str">
            <v>PD O&amp;M</v>
          </cell>
          <cell r="C752" t="str">
            <v>MW</v>
          </cell>
          <cell r="D752" t="str">
            <v>PD-TBAT</v>
          </cell>
          <cell r="E752" t="e">
            <v>#N/A</v>
          </cell>
          <cell r="F752" t="str">
            <v>MOD</v>
          </cell>
          <cell r="G752" t="e">
            <v>#N/A</v>
          </cell>
          <cell r="H752" t="str">
            <v>PD-TBAT \ MOD</v>
          </cell>
          <cell r="I752" t="str">
            <v>BATMO</v>
          </cell>
          <cell r="J752" t="str">
            <v>TBATMMO</v>
          </cell>
          <cell r="K752" t="str">
            <v>X</v>
          </cell>
          <cell r="L752" t="str">
            <v>Modification</v>
          </cell>
          <cell r="M752" t="str">
            <v>N</v>
          </cell>
        </row>
        <row r="753">
          <cell r="A753" t="str">
            <v>TBATMMO</v>
          </cell>
          <cell r="B753" t="str">
            <v>PD O&amp;M</v>
          </cell>
          <cell r="C753" t="str">
            <v>MW</v>
          </cell>
          <cell r="D753" t="str">
            <v>PD-TCHG</v>
          </cell>
          <cell r="E753" t="e">
            <v>#N/A</v>
          </cell>
          <cell r="F753" t="str">
            <v>MOD</v>
          </cell>
          <cell r="G753" t="e">
            <v>#N/A</v>
          </cell>
          <cell r="H753" t="str">
            <v>PD-TCHG \ MOD</v>
          </cell>
          <cell r="I753" t="str">
            <v>BATMO</v>
          </cell>
          <cell r="J753" t="str">
            <v>TBATMMO</v>
          </cell>
          <cell r="K753" t="str">
            <v>X</v>
          </cell>
          <cell r="L753" t="str">
            <v>Modification</v>
          </cell>
          <cell r="M753" t="str">
            <v>N</v>
          </cell>
        </row>
        <row r="754">
          <cell r="A754" t="str">
            <v>TBATMPM</v>
          </cell>
          <cell r="B754" t="str">
            <v>PD O&amp;M</v>
          </cell>
          <cell r="C754" t="str">
            <v>MW</v>
          </cell>
          <cell r="D754" t="str">
            <v>PD-TBAT</v>
          </cell>
          <cell r="E754" t="str">
            <v>Transmssion Battery</v>
          </cell>
          <cell r="F754" t="str">
            <v>PM</v>
          </cell>
          <cell r="G754" t="str">
            <v>Preventative Maintenance</v>
          </cell>
          <cell r="H754" t="str">
            <v>PD-TBAT \ PM</v>
          </cell>
          <cell r="I754" t="str">
            <v>BATPM</v>
          </cell>
          <cell r="J754" t="str">
            <v>TBATMPM</v>
          </cell>
          <cell r="K754" t="str">
            <v>X</v>
          </cell>
          <cell r="L754" t="str">
            <v>Preventative Maintenance</v>
          </cell>
          <cell r="M754" t="str">
            <v>N</v>
          </cell>
        </row>
        <row r="755">
          <cell r="A755" t="str">
            <v>TBATMPM</v>
          </cell>
          <cell r="B755" t="str">
            <v>PD O&amp;M</v>
          </cell>
          <cell r="C755" t="str">
            <v>MW</v>
          </cell>
          <cell r="D755" t="str">
            <v>PD-TCHG</v>
          </cell>
          <cell r="E755" t="str">
            <v>Transmission Charger</v>
          </cell>
          <cell r="F755" t="str">
            <v>PM</v>
          </cell>
          <cell r="G755" t="str">
            <v>Preventative Maintenance</v>
          </cell>
          <cell r="H755" t="str">
            <v>PD-TCHG \ PM</v>
          </cell>
          <cell r="I755" t="str">
            <v>BATPM</v>
          </cell>
          <cell r="J755" t="str">
            <v>TBATMPM</v>
          </cell>
          <cell r="K755" t="str">
            <v>X</v>
          </cell>
          <cell r="L755" t="str">
            <v>Preventative Maintenance</v>
          </cell>
          <cell r="M755" t="str">
            <v>N</v>
          </cell>
        </row>
        <row r="756">
          <cell r="A756" t="str">
            <v>TBATMRPR</v>
          </cell>
          <cell r="B756" t="str">
            <v>PD O&amp;M</v>
          </cell>
          <cell r="C756" t="str">
            <v>MW</v>
          </cell>
          <cell r="D756" t="str">
            <v>PD-TBAT</v>
          </cell>
          <cell r="E756" t="str">
            <v>Transmssion Battery</v>
          </cell>
          <cell r="F756" t="str">
            <v>RPR</v>
          </cell>
          <cell r="G756" t="str">
            <v>Repair</v>
          </cell>
          <cell r="H756" t="str">
            <v>PD-TBAT \ RPR</v>
          </cell>
          <cell r="I756" t="str">
            <v>BATRP</v>
          </cell>
          <cell r="J756" t="str">
            <v>TBATMRPR</v>
          </cell>
          <cell r="K756" t="str">
            <v>X</v>
          </cell>
          <cell r="L756" t="str">
            <v>Repair</v>
          </cell>
          <cell r="M756" t="str">
            <v>N</v>
          </cell>
        </row>
        <row r="757">
          <cell r="A757" t="str">
            <v>TBATMRPR</v>
          </cell>
          <cell r="B757" t="str">
            <v>PD O&amp;M</v>
          </cell>
          <cell r="C757" t="str">
            <v>MW</v>
          </cell>
          <cell r="D757" t="str">
            <v>PD-TCHG</v>
          </cell>
          <cell r="E757" t="str">
            <v>Transmission Charger</v>
          </cell>
          <cell r="F757" t="str">
            <v>RPR</v>
          </cell>
          <cell r="G757" t="str">
            <v>Repair</v>
          </cell>
          <cell r="H757" t="str">
            <v>PD-TCHG \ RPR</v>
          </cell>
          <cell r="I757" t="str">
            <v>BATRP</v>
          </cell>
          <cell r="J757" t="str">
            <v>TBATMRPR</v>
          </cell>
          <cell r="K757" t="str">
            <v>X</v>
          </cell>
          <cell r="L757" t="str">
            <v>Repair</v>
          </cell>
          <cell r="M757" t="str">
            <v>N</v>
          </cell>
        </row>
        <row r="758">
          <cell r="A758" t="str">
            <v>TBRKMMO</v>
          </cell>
          <cell r="B758" t="str">
            <v>PD O&amp;M</v>
          </cell>
          <cell r="C758" t="str">
            <v>MW</v>
          </cell>
          <cell r="D758" t="str">
            <v>PD-TBRK</v>
          </cell>
          <cell r="E758" t="e">
            <v>#N/A</v>
          </cell>
          <cell r="F758" t="str">
            <v>MOD</v>
          </cell>
          <cell r="G758" t="e">
            <v>#N/A</v>
          </cell>
          <cell r="H758" t="str">
            <v>PD-TBRK \ MOD</v>
          </cell>
          <cell r="I758" t="str">
            <v>BRKMO</v>
          </cell>
          <cell r="J758" t="str">
            <v>TBRKMMO</v>
          </cell>
          <cell r="K758" t="str">
            <v>X</v>
          </cell>
          <cell r="L758" t="str">
            <v>Modification</v>
          </cell>
          <cell r="M758" t="str">
            <v>N</v>
          </cell>
        </row>
        <row r="759">
          <cell r="A759" t="str">
            <v>TBRKMPM</v>
          </cell>
          <cell r="B759" t="str">
            <v>PD O&amp;M</v>
          </cell>
          <cell r="C759" t="str">
            <v>MW</v>
          </cell>
          <cell r="D759" t="str">
            <v>PD-TBRK</v>
          </cell>
          <cell r="E759" t="str">
            <v>Transmission Breaker</v>
          </cell>
          <cell r="F759" t="str">
            <v>PM</v>
          </cell>
          <cell r="G759" t="str">
            <v>Preventative Maintenance</v>
          </cell>
          <cell r="H759" t="str">
            <v>PD-TBRK \ PM</v>
          </cell>
          <cell r="I759" t="str">
            <v>BRKPM</v>
          </cell>
          <cell r="J759" t="str">
            <v>TBRKMPM</v>
          </cell>
          <cell r="K759" t="str">
            <v>X</v>
          </cell>
          <cell r="L759" t="str">
            <v>Preventative Maintenance</v>
          </cell>
          <cell r="M759" t="str">
            <v>N</v>
          </cell>
        </row>
        <row r="760">
          <cell r="A760" t="str">
            <v>TBRKMRPR</v>
          </cell>
          <cell r="B760" t="str">
            <v>PD O&amp;M</v>
          </cell>
          <cell r="C760" t="str">
            <v>MW</v>
          </cell>
          <cell r="D760" t="str">
            <v>PD-TBRK</v>
          </cell>
          <cell r="E760" t="str">
            <v>Transmission Breaker</v>
          </cell>
          <cell r="F760" t="str">
            <v>RPR</v>
          </cell>
          <cell r="G760" t="str">
            <v>Repair</v>
          </cell>
          <cell r="H760" t="str">
            <v>PD-TBRK \ RPR</v>
          </cell>
          <cell r="I760" t="str">
            <v>BRKRP</v>
          </cell>
          <cell r="J760" t="str">
            <v>TBRKMRPR</v>
          </cell>
          <cell r="K760" t="str">
            <v>X</v>
          </cell>
          <cell r="L760" t="str">
            <v>Repair</v>
          </cell>
          <cell r="M760" t="str">
            <v>N</v>
          </cell>
        </row>
        <row r="761">
          <cell r="A761" t="str">
            <v>TCAPMMO</v>
          </cell>
          <cell r="B761" t="str">
            <v>PD O&amp;M</v>
          </cell>
          <cell r="C761" t="str">
            <v>MW</v>
          </cell>
          <cell r="D761" t="str">
            <v>PD-TCAP</v>
          </cell>
          <cell r="E761" t="e">
            <v>#N/A</v>
          </cell>
          <cell r="F761" t="str">
            <v>MOD</v>
          </cell>
          <cell r="G761" t="e">
            <v>#N/A</v>
          </cell>
          <cell r="H761" t="str">
            <v>PD-TCAP \ MOD</v>
          </cell>
          <cell r="I761" t="str">
            <v>CAPMO</v>
          </cell>
          <cell r="J761" t="str">
            <v>TCAPMMO</v>
          </cell>
          <cell r="K761" t="str">
            <v>X</v>
          </cell>
          <cell r="L761" t="str">
            <v>Modification</v>
          </cell>
          <cell r="M761" t="str">
            <v>N</v>
          </cell>
        </row>
        <row r="762">
          <cell r="A762" t="str">
            <v>TCAPMPM</v>
          </cell>
          <cell r="B762" t="str">
            <v>PD O&amp;M</v>
          </cell>
          <cell r="C762" t="str">
            <v>MW</v>
          </cell>
          <cell r="D762" t="str">
            <v>PD-TCAP</v>
          </cell>
          <cell r="E762" t="str">
            <v>Transmission Capacitors</v>
          </cell>
          <cell r="F762" t="str">
            <v>PM</v>
          </cell>
          <cell r="G762" t="str">
            <v>Preventative Maintenance</v>
          </cell>
          <cell r="H762" t="str">
            <v>PD-TCAP \ PM</v>
          </cell>
          <cell r="I762" t="str">
            <v>CAPPM</v>
          </cell>
          <cell r="J762" t="str">
            <v>TCAPMPM</v>
          </cell>
          <cell r="K762" t="str">
            <v>X</v>
          </cell>
          <cell r="L762" t="str">
            <v>Preventative Maintenance</v>
          </cell>
          <cell r="M762" t="str">
            <v>N</v>
          </cell>
        </row>
        <row r="763">
          <cell r="A763" t="str">
            <v>TCAPMPM</v>
          </cell>
          <cell r="B763" t="str">
            <v>PD O&amp;M</v>
          </cell>
          <cell r="C763" t="str">
            <v>MW</v>
          </cell>
          <cell r="D763" t="str">
            <v>PD-TSUBCAP</v>
          </cell>
          <cell r="E763" t="str">
            <v>MW Transmission Sub Capacitors - Insp &amp; Maint</v>
          </cell>
          <cell r="F763" t="str">
            <v>INSPMT</v>
          </cell>
          <cell r="G763" t="str">
            <v>Inspection and Maintenance</v>
          </cell>
          <cell r="H763" t="str">
            <v>PD-TSUBCAP \ INSPMT</v>
          </cell>
          <cell r="I763" t="str">
            <v>CAPPM</v>
          </cell>
          <cell r="J763" t="str">
            <v>TCAPMPM</v>
          </cell>
          <cell r="K763" t="str">
            <v>X</v>
          </cell>
          <cell r="L763" t="str">
            <v>Inspection and Maintenance</v>
          </cell>
          <cell r="M763" t="str">
            <v>N</v>
          </cell>
        </row>
        <row r="764">
          <cell r="A764" t="str">
            <v>TCAPMRPR</v>
          </cell>
          <cell r="B764" t="str">
            <v>PD O&amp;M</v>
          </cell>
          <cell r="C764" t="str">
            <v>MW</v>
          </cell>
          <cell r="D764" t="str">
            <v>PD-TCAP</v>
          </cell>
          <cell r="E764" t="str">
            <v>Transmission Capacitors</v>
          </cell>
          <cell r="F764" t="str">
            <v>RPR</v>
          </cell>
          <cell r="G764" t="str">
            <v>Repair</v>
          </cell>
          <cell r="H764" t="str">
            <v>PD-TCAP \ RPR</v>
          </cell>
          <cell r="I764" t="str">
            <v>CAPRP</v>
          </cell>
          <cell r="J764" t="str">
            <v>TCAPMRPR</v>
          </cell>
          <cell r="K764" t="str">
            <v>X</v>
          </cell>
          <cell r="L764" t="str">
            <v>Repair</v>
          </cell>
          <cell r="M764" t="str">
            <v>N</v>
          </cell>
        </row>
        <row r="765">
          <cell r="A765" t="str">
            <v>TEMPLINE</v>
          </cell>
          <cell r="B765" t="str">
            <v>PD O&amp;M</v>
          </cell>
          <cell r="C765" t="str">
            <v>MW</v>
          </cell>
          <cell r="D765" t="str">
            <v>PD-TMPLN</v>
          </cell>
          <cell r="E765" t="str">
            <v xml:space="preserve">Temporary Lines </v>
          </cell>
          <cell r="F765" t="str">
            <v>TEMP LINE C</v>
          </cell>
          <cell r="G765">
            <v>0</v>
          </cell>
          <cell r="H765" t="str">
            <v>PD-TMPLN \ TEMP LINE C</v>
          </cell>
          <cell r="I765"/>
          <cell r="J765" t="str">
            <v>TEMPLINE</v>
          </cell>
          <cell r="K765" t="str">
            <v>X</v>
          </cell>
          <cell r="L765"/>
          <cell r="M765" t="str">
            <v>N</v>
          </cell>
        </row>
        <row r="766">
          <cell r="A766" t="str">
            <v>TEMPSVC</v>
          </cell>
          <cell r="B766" t="str">
            <v>PD Capital</v>
          </cell>
          <cell r="C766" t="str">
            <v>MW</v>
          </cell>
          <cell r="D766" t="str">
            <v>PD-TEMP</v>
          </cell>
          <cell r="E766" t="str">
            <v>Power Delivery - Temporary Service</v>
          </cell>
          <cell r="F766" t="str">
            <v>TEMP SERV</v>
          </cell>
          <cell r="G766" t="str">
            <v>Temporary Service</v>
          </cell>
          <cell r="H766" t="str">
            <v>PD-TEMP \ TEMP SERV</v>
          </cell>
          <cell r="I766" t="str">
            <v>TEMPSVC</v>
          </cell>
          <cell r="J766" t="str">
            <v>TEMPSVC</v>
          </cell>
          <cell r="K766" t="str">
            <v>X</v>
          </cell>
          <cell r="L766" t="str">
            <v>Temporary Service</v>
          </cell>
          <cell r="M766" t="str">
            <v>N</v>
          </cell>
        </row>
        <row r="767">
          <cell r="A767" t="str">
            <v>TEMPSVC</v>
          </cell>
          <cell r="B767" t="str">
            <v>PD O&amp;M</v>
          </cell>
          <cell r="C767" t="str">
            <v>MW</v>
          </cell>
          <cell r="D767" t="str">
            <v>PD-TEMPMTR</v>
          </cell>
          <cell r="E767" t="str">
            <v>Temporary Service --this is only for installing the temporary meter</v>
          </cell>
          <cell r="F767" t="str">
            <v>TEMP SERVMTR</v>
          </cell>
          <cell r="G767" t="str">
            <v>Temporary Service --this is only for installing the temporary meter</v>
          </cell>
          <cell r="H767" t="str">
            <v>PD-TEMPMTR \ TEMP SERVMTR</v>
          </cell>
          <cell r="I767" t="str">
            <v>TEMPSVC</v>
          </cell>
          <cell r="J767" t="str">
            <v>TEMPSVC</v>
          </cell>
          <cell r="K767" t="str">
            <v>X</v>
          </cell>
          <cell r="L767" t="str">
            <v>Temporary Service --this is only for installing the temporary meter</v>
          </cell>
          <cell r="M767" t="str">
            <v>N</v>
          </cell>
        </row>
        <row r="768">
          <cell r="A768" t="str">
            <v>TEQM</v>
          </cell>
          <cell r="B768" t="str">
            <v>PD O&amp;M</v>
          </cell>
          <cell r="C768" t="str">
            <v>Carolinas</v>
          </cell>
          <cell r="D768" t="str">
            <v>PD-TINF</v>
          </cell>
          <cell r="E768" t="str">
            <v>Preventative Maintenance Transmssion Infrared</v>
          </cell>
          <cell r="F768" t="str">
            <v>PM C</v>
          </cell>
          <cell r="G768" t="str">
            <v>Preventative Maintenance Carolinas</v>
          </cell>
          <cell r="H768" t="str">
            <v>PD-TINF \ PM C</v>
          </cell>
          <cell r="I768" t="str">
            <v>EQM</v>
          </cell>
          <cell r="J768" t="str">
            <v>TEQM</v>
          </cell>
          <cell r="K768" t="str">
            <v>X</v>
          </cell>
          <cell r="L768" t="str">
            <v>Preventative Maintenance Carolinas</v>
          </cell>
          <cell r="M768" t="str">
            <v>N</v>
          </cell>
        </row>
        <row r="769">
          <cell r="A769" t="str">
            <v>TEQMMO</v>
          </cell>
          <cell r="B769" t="str">
            <v>PD O&amp;M</v>
          </cell>
          <cell r="C769" t="str">
            <v>MW</v>
          </cell>
          <cell r="D769" t="str">
            <v>PD-TEQM</v>
          </cell>
          <cell r="E769" t="e">
            <v>#N/A</v>
          </cell>
          <cell r="F769" t="str">
            <v>MOD</v>
          </cell>
          <cell r="G769" t="e">
            <v>#N/A</v>
          </cell>
          <cell r="H769" t="str">
            <v>PD-TEQM \ MOD</v>
          </cell>
          <cell r="I769" t="str">
            <v>SUBEQMO</v>
          </cell>
          <cell r="J769" t="str">
            <v>TEQMMO</v>
          </cell>
          <cell r="K769" t="str">
            <v>X</v>
          </cell>
          <cell r="L769" t="str">
            <v>Modification</v>
          </cell>
          <cell r="M769" t="str">
            <v>N</v>
          </cell>
        </row>
        <row r="770">
          <cell r="A770" t="str">
            <v>TEQMPM</v>
          </cell>
          <cell r="B770" t="str">
            <v>PD O&amp;M</v>
          </cell>
          <cell r="C770" t="str">
            <v>MW</v>
          </cell>
          <cell r="D770" t="str">
            <v>PD-TEQM</v>
          </cell>
          <cell r="E770" t="str">
            <v xml:space="preserve">Transmission Sub_Bus_Conn_Eq </v>
          </cell>
          <cell r="F770" t="str">
            <v>PM</v>
          </cell>
          <cell r="G770" t="str">
            <v>Preventative Maintenance</v>
          </cell>
          <cell r="H770" t="str">
            <v>PD-TEQM \ PM</v>
          </cell>
          <cell r="I770" t="str">
            <v>SUBEQPM</v>
          </cell>
          <cell r="J770" t="str">
            <v>TEQMPM</v>
          </cell>
          <cell r="K770" t="str">
            <v>X</v>
          </cell>
          <cell r="L770" t="str">
            <v>Preventative Maintenance</v>
          </cell>
          <cell r="M770" t="str">
            <v>N</v>
          </cell>
        </row>
        <row r="771">
          <cell r="A771" t="str">
            <v>TEQMRPR</v>
          </cell>
          <cell r="B771" t="str">
            <v>PD O&amp;M</v>
          </cell>
          <cell r="C771" t="str">
            <v>MW</v>
          </cell>
          <cell r="D771" t="str">
            <v>PD-TEQM</v>
          </cell>
          <cell r="E771" t="str">
            <v xml:space="preserve">Transmission Sub_Bus_Conn_Eq </v>
          </cell>
          <cell r="F771" t="str">
            <v>RPR</v>
          </cell>
          <cell r="G771" t="str">
            <v>Repair</v>
          </cell>
          <cell r="H771" t="str">
            <v>PD-TEQM \ RPR</v>
          </cell>
          <cell r="I771" t="str">
            <v>SUBEQRP</v>
          </cell>
          <cell r="J771" t="str">
            <v>TEQMRPR</v>
          </cell>
          <cell r="K771" t="str">
            <v>X</v>
          </cell>
          <cell r="L771" t="str">
            <v>Repair</v>
          </cell>
          <cell r="M771" t="str">
            <v>N</v>
          </cell>
        </row>
        <row r="772">
          <cell r="A772" t="str">
            <v>TEQO</v>
          </cell>
          <cell r="B772" t="str">
            <v>PD O&amp;M</v>
          </cell>
          <cell r="C772" t="str">
            <v>MW</v>
          </cell>
          <cell r="D772" t="str">
            <v>PD-SWTCH</v>
          </cell>
          <cell r="E772" t="e">
            <v>#N/A</v>
          </cell>
          <cell r="F772" t="str">
            <v>TSWTCHMW</v>
          </cell>
          <cell r="G772" t="e">
            <v>#N/A</v>
          </cell>
          <cell r="H772" t="str">
            <v>PD-SWTCH \ TSWTCHMW</v>
          </cell>
          <cell r="I772"/>
          <cell r="J772" t="str">
            <v>TEQO</v>
          </cell>
          <cell r="K772" t="str">
            <v>X</v>
          </cell>
          <cell r="L772" t="str">
            <v>SWITCHING IN TRANSMISSION SUBSTATIONS</v>
          </cell>
          <cell r="M772" t="str">
            <v>N</v>
          </cell>
        </row>
        <row r="773">
          <cell r="A773" t="str">
            <v>THOTSPOT</v>
          </cell>
          <cell r="B773" t="str">
            <v>PD Veg Mgmt</v>
          </cell>
          <cell r="C773" t="str">
            <v>Veg</v>
          </cell>
          <cell r="D773" t="str">
            <v>PD-TVEGO</v>
          </cell>
          <cell r="E773" t="str">
            <v>Vegetation Management - Transmission - O&amp;M</v>
          </cell>
          <cell r="F773" t="str">
            <v>TVMFURIOH</v>
          </cell>
          <cell r="G773" t="str">
            <v>Veg related follow up requests from field opers - major outage fu or other R&amp;I requests.</v>
          </cell>
          <cell r="H773" t="str">
            <v>PD-TVEGO \ TVMFURIOH</v>
          </cell>
          <cell r="I773" t="str">
            <v>TLUNPL</v>
          </cell>
          <cell r="J773" t="str">
            <v>THOTSPOT</v>
          </cell>
          <cell r="K773" t="str">
            <v>X</v>
          </cell>
          <cell r="L773" t="str">
            <v>Veg related follow up requests from field opers - major outage fu or other R&amp;I requests OH</v>
          </cell>
          <cell r="M773" t="str">
            <v>N</v>
          </cell>
        </row>
        <row r="774">
          <cell r="A774" t="str">
            <v>TLFPLC</v>
          </cell>
          <cell r="B774" t="str">
            <v>PD Veg Mgmt</v>
          </cell>
          <cell r="C774" t="str">
            <v>Veg</v>
          </cell>
          <cell r="D774" t="str">
            <v>PD-TVEGO</v>
          </cell>
          <cell r="E774" t="str">
            <v>Vegetation Management - Transmission - O&amp;M</v>
          </cell>
          <cell r="F774" t="str">
            <v>TVMFOPL</v>
          </cell>
          <cell r="G774" t="str">
            <v>Veg Mgmt - Pre-planning work for tree crews.</v>
          </cell>
          <cell r="H774" t="str">
            <v>PD-TVEGO \ TVMFOPL</v>
          </cell>
          <cell r="I774" t="str">
            <v>TLUNPL</v>
          </cell>
          <cell r="J774" t="str">
            <v>TLFPLC</v>
          </cell>
          <cell r="K774" t="str">
            <v>X</v>
          </cell>
          <cell r="L774" t="str">
            <v>Veg Mgmt - Pre-planning work for tree crews.</v>
          </cell>
          <cell r="M774" t="str">
            <v>N</v>
          </cell>
        </row>
        <row r="775">
          <cell r="A775" t="str">
            <v>TLININS</v>
          </cell>
          <cell r="B775" t="str">
            <v>PD O&amp;M</v>
          </cell>
          <cell r="C775" t="str">
            <v>MW</v>
          </cell>
          <cell r="D775" t="str">
            <v>PD-TLINS</v>
          </cell>
          <cell r="E775" t="str">
            <v>T Lines</v>
          </cell>
          <cell r="F775" t="str">
            <v>INSP</v>
          </cell>
          <cell r="G775" t="str">
            <v>Inspection</v>
          </cell>
          <cell r="H775" t="str">
            <v>PD-TLINS \ INSP</v>
          </cell>
          <cell r="I775" t="str">
            <v>TLINOP</v>
          </cell>
          <cell r="J775" t="str">
            <v>TLININS</v>
          </cell>
          <cell r="K775" t="str">
            <v>X</v>
          </cell>
          <cell r="L775" t="str">
            <v>Inspection</v>
          </cell>
          <cell r="M775" t="str">
            <v>N</v>
          </cell>
        </row>
        <row r="776">
          <cell r="A776" t="str">
            <v>TLLCPC</v>
          </cell>
          <cell r="B776" t="str">
            <v>PD Veg Mgmt</v>
          </cell>
          <cell r="C776" t="str">
            <v>Veg</v>
          </cell>
          <cell r="D776" t="str">
            <v>PD-TVEGO</v>
          </cell>
          <cell r="E776" t="str">
            <v>Vegetation Management - Transmission - O&amp;M</v>
          </cell>
          <cell r="F776" t="str">
            <v>TBASE</v>
          </cell>
          <cell r="G776" t="str">
            <v>Baseline Danger Tree program</v>
          </cell>
          <cell r="H776" t="str">
            <v>PD-TVEGO \ TBASE</v>
          </cell>
          <cell r="I776" t="str">
            <v>TLPLAN</v>
          </cell>
          <cell r="J776" t="str">
            <v>TLLCPC</v>
          </cell>
          <cell r="K776" t="str">
            <v>X</v>
          </cell>
          <cell r="L776" t="str">
            <v>Baseline Danger Tree program</v>
          </cell>
          <cell r="M776" t="str">
            <v>N</v>
          </cell>
        </row>
        <row r="777">
          <cell r="A777" t="str">
            <v>TLLCUC</v>
          </cell>
          <cell r="B777" t="str">
            <v>PD Veg Mgmt</v>
          </cell>
          <cell r="C777" t="str">
            <v>Veg</v>
          </cell>
          <cell r="D777" t="str">
            <v>PD-TVEGO</v>
          </cell>
          <cell r="E777" t="str">
            <v>Vegetation Management - Transmission - O&amp;M</v>
          </cell>
          <cell r="F777" t="str">
            <v>TVMFUCUS</v>
          </cell>
          <cell r="G777" t="str">
            <v>Vegetation related requests from customers where it is deemed work is necessary.</v>
          </cell>
          <cell r="H777" t="str">
            <v>PD-TVEGO \ TVMFUCUS</v>
          </cell>
          <cell r="I777" t="str">
            <v>TLUNPL</v>
          </cell>
          <cell r="J777" t="str">
            <v>TLLCUC</v>
          </cell>
          <cell r="K777" t="str">
            <v>X</v>
          </cell>
          <cell r="L777" t="str">
            <v>Vegetation related requests from customers where it is deemed work is necessary.</v>
          </cell>
          <cell r="M777" t="str">
            <v>N</v>
          </cell>
        </row>
        <row r="778">
          <cell r="A778" t="str">
            <v>TLLPHST</v>
          </cell>
          <cell r="B778" t="str">
            <v>PD Veg Mgmt</v>
          </cell>
          <cell r="C778" t="str">
            <v>Veg</v>
          </cell>
          <cell r="D778" t="str">
            <v>PD-TVEGO</v>
          </cell>
          <cell r="E778" t="str">
            <v>Vegetation Management - Transmission - O&amp;M</v>
          </cell>
          <cell r="F778" t="str">
            <v>TVMLCPH</v>
          </cell>
          <cell r="G778" t="str">
            <v>Veg. Mgmt - side trimming using helicopter.</v>
          </cell>
          <cell r="H778" t="str">
            <v>PD-TVEGO \ TVMLCPH</v>
          </cell>
          <cell r="I778" t="str">
            <v>TVMMECH</v>
          </cell>
          <cell r="J778" t="str">
            <v>TLLPHST</v>
          </cell>
          <cell r="K778" t="str">
            <v>X</v>
          </cell>
          <cell r="L778" t="str">
            <v>Veg. Mgmt - side trimming using helicopter.</v>
          </cell>
          <cell r="M778" t="str">
            <v>N</v>
          </cell>
        </row>
        <row r="779">
          <cell r="A779" t="str">
            <v>TLVMCC</v>
          </cell>
          <cell r="B779" t="str">
            <v>PD Veg Mgmt</v>
          </cell>
          <cell r="C779" t="str">
            <v>Veg</v>
          </cell>
          <cell r="D779" t="str">
            <v>PD-TVEGO</v>
          </cell>
          <cell r="E779" t="str">
            <v>Vegetation Management - Transmission - O&amp;M</v>
          </cell>
          <cell r="F779" t="str">
            <v>THERBMW</v>
          </cell>
          <cell r="G779" t="str">
            <v>Veg Mgmt Transmission herbicide application Midwest</v>
          </cell>
          <cell r="H779" t="str">
            <v>PD-TVEGO \ THERBMW</v>
          </cell>
          <cell r="I779" t="str">
            <v>TVMCHEM</v>
          </cell>
          <cell r="J779" t="str">
            <v>TLVMCC</v>
          </cell>
          <cell r="K779" t="str">
            <v>X</v>
          </cell>
          <cell r="L779" t="str">
            <v>Veg Mgmt Transmission herbicide application Midwest</v>
          </cell>
          <cell r="M779" t="str">
            <v>N</v>
          </cell>
        </row>
        <row r="780">
          <cell r="A780" t="str">
            <v>TMTRMMO</v>
          </cell>
          <cell r="B780" t="str">
            <v>PD O&amp;M</v>
          </cell>
          <cell r="C780" t="str">
            <v>MW</v>
          </cell>
          <cell r="D780" t="str">
            <v>PD-TMTR</v>
          </cell>
          <cell r="E780" t="e">
            <v>#N/A</v>
          </cell>
          <cell r="F780" t="str">
            <v>MOD</v>
          </cell>
          <cell r="G780" t="e">
            <v>#N/A</v>
          </cell>
          <cell r="H780" t="str">
            <v>PD-TMTR \ MOD</v>
          </cell>
          <cell r="I780" t="str">
            <v>MTRMO</v>
          </cell>
          <cell r="J780" t="str">
            <v>TMTRMMO</v>
          </cell>
          <cell r="K780" t="str">
            <v>X</v>
          </cell>
          <cell r="L780" t="str">
            <v>Modification</v>
          </cell>
          <cell r="M780" t="str">
            <v>N</v>
          </cell>
        </row>
        <row r="781">
          <cell r="A781" t="str">
            <v>TMTRMO</v>
          </cell>
          <cell r="B781" t="str">
            <v>PD O&amp;M</v>
          </cell>
          <cell r="C781" t="str">
            <v>MW</v>
          </cell>
          <cell r="D781" t="str">
            <v>PD-WHM</v>
          </cell>
          <cell r="E781" t="e">
            <v>#N/A</v>
          </cell>
          <cell r="F781" t="str">
            <v>MOD</v>
          </cell>
          <cell r="G781" t="e">
            <v>#N/A</v>
          </cell>
          <cell r="H781" t="str">
            <v>PD-WHM \ MOD</v>
          </cell>
          <cell r="I781" t="str">
            <v>MTRMO</v>
          </cell>
          <cell r="J781" t="str">
            <v>TMTRMO</v>
          </cell>
          <cell r="K781" t="str">
            <v>X</v>
          </cell>
          <cell r="L781" t="str">
            <v>Modification</v>
          </cell>
          <cell r="M781" t="str">
            <v>N</v>
          </cell>
        </row>
        <row r="782">
          <cell r="A782" t="str">
            <v>TMTRMPM</v>
          </cell>
          <cell r="B782" t="str">
            <v>PD O&amp;M</v>
          </cell>
          <cell r="C782" t="str">
            <v>MW</v>
          </cell>
          <cell r="D782" t="str">
            <v>PD-TMTR</v>
          </cell>
          <cell r="E782" t="e">
            <v>#N/A</v>
          </cell>
          <cell r="F782" t="str">
            <v>PM</v>
          </cell>
          <cell r="G782" t="e">
            <v>#N/A</v>
          </cell>
          <cell r="H782" t="str">
            <v>PD-TMTR \ PM</v>
          </cell>
          <cell r="I782" t="str">
            <v>MTRPM</v>
          </cell>
          <cell r="J782" t="str">
            <v>TMTRMPM</v>
          </cell>
          <cell r="K782" t="str">
            <v>X</v>
          </cell>
          <cell r="L782" t="str">
            <v>Preventative Maintenance</v>
          </cell>
          <cell r="M782" t="str">
            <v>N</v>
          </cell>
        </row>
        <row r="783">
          <cell r="A783" t="str">
            <v>TMTRMRPR</v>
          </cell>
          <cell r="B783" t="str">
            <v>PD O&amp;M</v>
          </cell>
          <cell r="C783" t="str">
            <v>MW</v>
          </cell>
          <cell r="D783" t="str">
            <v>PD-TMTR</v>
          </cell>
          <cell r="E783" t="e">
            <v>#N/A</v>
          </cell>
          <cell r="F783" t="str">
            <v>RPR</v>
          </cell>
          <cell r="G783" t="e">
            <v>#N/A</v>
          </cell>
          <cell r="H783" t="str">
            <v>PD-TMTR \ RPR</v>
          </cell>
          <cell r="I783" t="str">
            <v>MTRRP</v>
          </cell>
          <cell r="J783" t="str">
            <v>TMTRMRPR</v>
          </cell>
          <cell r="K783" t="str">
            <v>X</v>
          </cell>
          <cell r="L783" t="str">
            <v>Repair</v>
          </cell>
          <cell r="M783" t="str">
            <v>N</v>
          </cell>
        </row>
        <row r="784">
          <cell r="A784" t="str">
            <v>TMTRPM</v>
          </cell>
          <cell r="B784" t="str">
            <v>PD O&amp;M</v>
          </cell>
          <cell r="C784" t="str">
            <v>MW</v>
          </cell>
          <cell r="D784" t="str">
            <v>PD-WHM</v>
          </cell>
          <cell r="E784" t="e">
            <v>#N/A</v>
          </cell>
          <cell r="F784" t="str">
            <v>PM</v>
          </cell>
          <cell r="G784" t="e">
            <v>#N/A</v>
          </cell>
          <cell r="H784" t="str">
            <v>PD-WHM \ PM</v>
          </cell>
          <cell r="I784" t="str">
            <v>MTRPM</v>
          </cell>
          <cell r="J784" t="str">
            <v>TMTRPM</v>
          </cell>
          <cell r="K784" t="str">
            <v>X</v>
          </cell>
          <cell r="L784" t="str">
            <v>Preventative Maintenance</v>
          </cell>
          <cell r="M784" t="str">
            <v>N</v>
          </cell>
        </row>
        <row r="785">
          <cell r="A785" t="str">
            <v>TMTRRPR</v>
          </cell>
          <cell r="B785" t="str">
            <v>PD O&amp;M</v>
          </cell>
          <cell r="C785" t="str">
            <v>MW</v>
          </cell>
          <cell r="D785" t="str">
            <v>PD-WHM</v>
          </cell>
          <cell r="E785" t="e">
            <v>#N/A</v>
          </cell>
          <cell r="F785" t="str">
            <v>RPR</v>
          </cell>
          <cell r="G785" t="e">
            <v>#N/A</v>
          </cell>
          <cell r="H785" t="str">
            <v>PD-WHM \ RPR</v>
          </cell>
          <cell r="I785" t="str">
            <v>MTRRP</v>
          </cell>
          <cell r="J785" t="str">
            <v>TMTRRPR</v>
          </cell>
          <cell r="K785" t="str">
            <v>X</v>
          </cell>
          <cell r="L785" t="str">
            <v>Repair</v>
          </cell>
          <cell r="M785" t="str">
            <v>N</v>
          </cell>
        </row>
        <row r="786">
          <cell r="A786" t="str">
            <v>TOADMMT</v>
          </cell>
          <cell r="B786" t="str">
            <v>PD Veg Mgmt</v>
          </cell>
          <cell r="C786" t="str">
            <v>Veg</v>
          </cell>
          <cell r="D786" t="str">
            <v>PD-TVEGO</v>
          </cell>
          <cell r="E786" t="str">
            <v>Vegetation Management - Transmission - O&amp;M</v>
          </cell>
          <cell r="F786" t="str">
            <v>TRWMSUPMW</v>
          </cell>
          <cell r="G786" t="str">
            <v>Veg Mgmt expenses such as oversight, expenses, training and other miscellaneous expenses Midewest</v>
          </cell>
          <cell r="H786" t="str">
            <v>PD-TVEGO \ TRWMSUPMW</v>
          </cell>
          <cell r="I786" t="str">
            <v>VMADMT</v>
          </cell>
          <cell r="J786" t="str">
            <v>TOADMMT</v>
          </cell>
          <cell r="K786" t="str">
            <v>X</v>
          </cell>
          <cell r="L786" t="str">
            <v>Veg Mgmt expenses such as oversight, expenses, training and other miscellaneous expenses Midewest</v>
          </cell>
          <cell r="M786" t="str">
            <v>N</v>
          </cell>
        </row>
        <row r="787">
          <cell r="A787" t="str">
            <v>TOLMMO</v>
          </cell>
          <cell r="B787" t="str">
            <v>PD O&amp;M</v>
          </cell>
          <cell r="C787" t="str">
            <v>MW</v>
          </cell>
          <cell r="D787" t="str">
            <v>PD-POL</v>
          </cell>
          <cell r="E787" t="e">
            <v>#N/A</v>
          </cell>
          <cell r="F787" t="str">
            <v>MOD</v>
          </cell>
          <cell r="G787" t="e">
            <v>#N/A</v>
          </cell>
          <cell r="H787" t="str">
            <v>PD-POL \ MOD</v>
          </cell>
          <cell r="I787" t="str">
            <v>TLINMO</v>
          </cell>
          <cell r="J787" t="str">
            <v>TOLMMO</v>
          </cell>
          <cell r="K787" t="str">
            <v>X</v>
          </cell>
          <cell r="L787" t="str">
            <v>Modification</v>
          </cell>
          <cell r="M787" t="str">
            <v>N</v>
          </cell>
        </row>
        <row r="788">
          <cell r="A788" t="str">
            <v>TOLMMO</v>
          </cell>
          <cell r="B788" t="str">
            <v>PD O&amp;M</v>
          </cell>
          <cell r="C788" t="str">
            <v>MW</v>
          </cell>
          <cell r="D788" t="str">
            <v>PD-TLINS</v>
          </cell>
          <cell r="E788" t="e">
            <v>#N/A</v>
          </cell>
          <cell r="F788" t="str">
            <v>MOD</v>
          </cell>
          <cell r="G788" t="e">
            <v>#N/A</v>
          </cell>
          <cell r="H788" t="str">
            <v>PD-TLINS \ MOD</v>
          </cell>
          <cell r="I788" t="str">
            <v>TLINMO</v>
          </cell>
          <cell r="J788" t="str">
            <v>TOLMMO</v>
          </cell>
          <cell r="K788" t="str">
            <v>X</v>
          </cell>
          <cell r="L788" t="str">
            <v>Modification</v>
          </cell>
          <cell r="M788" t="str">
            <v>N</v>
          </cell>
        </row>
        <row r="789">
          <cell r="A789" t="str">
            <v>TOLMMO</v>
          </cell>
          <cell r="B789" t="str">
            <v>PD O&amp;M</v>
          </cell>
          <cell r="C789" t="str">
            <v>MW</v>
          </cell>
          <cell r="D789" t="str">
            <v>PD-TWR</v>
          </cell>
          <cell r="E789" t="e">
            <v>#N/A</v>
          </cell>
          <cell r="F789" t="str">
            <v>MOD</v>
          </cell>
          <cell r="G789" t="e">
            <v>#N/A</v>
          </cell>
          <cell r="H789" t="str">
            <v>PD-TWR \ MOD</v>
          </cell>
          <cell r="I789" t="str">
            <v>TLINMO</v>
          </cell>
          <cell r="J789" t="str">
            <v>TOLMMO</v>
          </cell>
          <cell r="K789" t="str">
            <v>X</v>
          </cell>
          <cell r="L789" t="str">
            <v>Modification</v>
          </cell>
          <cell r="M789" t="str">
            <v>N</v>
          </cell>
        </row>
        <row r="790">
          <cell r="A790" t="str">
            <v>TOLMPM</v>
          </cell>
          <cell r="B790" t="str">
            <v>PD O&amp;M</v>
          </cell>
          <cell r="C790" t="str">
            <v>MW</v>
          </cell>
          <cell r="D790" t="str">
            <v>PD-POL</v>
          </cell>
          <cell r="E790" t="str">
            <v>T Poles</v>
          </cell>
          <cell r="F790" t="str">
            <v>PM</v>
          </cell>
          <cell r="G790" t="str">
            <v>Preventative Maintenance</v>
          </cell>
          <cell r="H790" t="str">
            <v>PD-POL \ PM</v>
          </cell>
          <cell r="I790" t="str">
            <v>TLINMO</v>
          </cell>
          <cell r="J790" t="str">
            <v>TOLMPM</v>
          </cell>
          <cell r="K790" t="str">
            <v>X</v>
          </cell>
          <cell r="L790" t="str">
            <v>Preventative Maintenance</v>
          </cell>
          <cell r="M790" t="str">
            <v>N</v>
          </cell>
        </row>
        <row r="791">
          <cell r="A791" t="str">
            <v>TOLMPM</v>
          </cell>
          <cell r="B791" t="str">
            <v>PD O&amp;M</v>
          </cell>
          <cell r="C791" t="str">
            <v>MW</v>
          </cell>
          <cell r="D791" t="str">
            <v>PD-TLINS</v>
          </cell>
          <cell r="E791" t="str">
            <v>T Lines</v>
          </cell>
          <cell r="F791" t="str">
            <v>PM</v>
          </cell>
          <cell r="G791" t="str">
            <v>Preventative Maintenance</v>
          </cell>
          <cell r="H791" t="str">
            <v>PD-TLINS \ PM</v>
          </cell>
          <cell r="I791" t="str">
            <v>TLINMO</v>
          </cell>
          <cell r="J791" t="str">
            <v>TOLMPM</v>
          </cell>
          <cell r="K791" t="str">
            <v>X</v>
          </cell>
          <cell r="L791" t="str">
            <v>Preventative Maintenance</v>
          </cell>
          <cell r="M791" t="str">
            <v>N</v>
          </cell>
        </row>
        <row r="792">
          <cell r="A792" t="str">
            <v>TOLMPM</v>
          </cell>
          <cell r="B792" t="str">
            <v>PD O&amp;M</v>
          </cell>
          <cell r="C792" t="str">
            <v>MW</v>
          </cell>
          <cell r="D792" t="str">
            <v>PD-TWR</v>
          </cell>
          <cell r="E792" t="str">
            <v>T Towers</v>
          </cell>
          <cell r="F792" t="str">
            <v>PM</v>
          </cell>
          <cell r="G792" t="str">
            <v>Preventative Maintenance</v>
          </cell>
          <cell r="H792" t="str">
            <v>PD-TWR \ PM</v>
          </cell>
          <cell r="I792" t="str">
            <v>TLINMO</v>
          </cell>
          <cell r="J792" t="str">
            <v>TOLMPM</v>
          </cell>
          <cell r="K792" t="str">
            <v>X</v>
          </cell>
          <cell r="L792" t="str">
            <v>Preventative Maintenance</v>
          </cell>
          <cell r="M792" t="str">
            <v>N</v>
          </cell>
        </row>
        <row r="793">
          <cell r="A793" t="str">
            <v>TOLMRPR</v>
          </cell>
          <cell r="B793" t="str">
            <v>PD O&amp;M</v>
          </cell>
          <cell r="C793" t="str">
            <v>MW</v>
          </cell>
          <cell r="D793" t="str">
            <v>PD-POL</v>
          </cell>
          <cell r="E793" t="str">
            <v>T Poles</v>
          </cell>
          <cell r="F793" t="str">
            <v>RPR</v>
          </cell>
          <cell r="G793" t="str">
            <v>Repair</v>
          </cell>
          <cell r="H793" t="str">
            <v>PD-POL \ RPR</v>
          </cell>
          <cell r="I793" t="str">
            <v>TLINMO</v>
          </cell>
          <cell r="J793" t="str">
            <v>TOLMRPR</v>
          </cell>
          <cell r="K793" t="str">
            <v>X</v>
          </cell>
          <cell r="L793" t="str">
            <v>Repair</v>
          </cell>
          <cell r="M793" t="str">
            <v>N</v>
          </cell>
        </row>
        <row r="794">
          <cell r="A794" t="str">
            <v>TOLMRPR</v>
          </cell>
          <cell r="B794" t="str">
            <v>PD O&amp;M</v>
          </cell>
          <cell r="C794" t="str">
            <v>MW</v>
          </cell>
          <cell r="D794" t="str">
            <v>PD-TLINS</v>
          </cell>
          <cell r="E794" t="str">
            <v>T Lines</v>
          </cell>
          <cell r="F794" t="str">
            <v>RPR</v>
          </cell>
          <cell r="G794" t="str">
            <v>Repair</v>
          </cell>
          <cell r="H794" t="str">
            <v>PD-TLINS \ RPR</v>
          </cell>
          <cell r="I794" t="str">
            <v>TLINMO</v>
          </cell>
          <cell r="J794" t="str">
            <v>TOLMRPR</v>
          </cell>
          <cell r="K794" t="str">
            <v>X</v>
          </cell>
          <cell r="L794" t="str">
            <v>Repair</v>
          </cell>
          <cell r="M794" t="str">
            <v>N</v>
          </cell>
        </row>
        <row r="795">
          <cell r="A795" t="str">
            <v>TOLMRPR</v>
          </cell>
          <cell r="B795" t="str">
            <v>PD O&amp;M</v>
          </cell>
          <cell r="C795" t="str">
            <v>MW</v>
          </cell>
          <cell r="D795" t="str">
            <v>PD-TWR</v>
          </cell>
          <cell r="E795" t="str">
            <v>T Towers</v>
          </cell>
          <cell r="F795" t="str">
            <v>RPR</v>
          </cell>
          <cell r="G795" t="str">
            <v>Repair</v>
          </cell>
          <cell r="H795" t="str">
            <v>PD-TWR \ RPR</v>
          </cell>
          <cell r="I795" t="str">
            <v>TLINMO</v>
          </cell>
          <cell r="J795" t="str">
            <v>TOLMRPR</v>
          </cell>
          <cell r="K795" t="str">
            <v>X</v>
          </cell>
          <cell r="L795" t="str">
            <v>Repair</v>
          </cell>
          <cell r="M795" t="str">
            <v>N</v>
          </cell>
        </row>
        <row r="796">
          <cell r="A796" t="str">
            <v>TOSMMO</v>
          </cell>
          <cell r="B796" t="str">
            <v>PD O&amp;M</v>
          </cell>
          <cell r="C796" t="str">
            <v>MW</v>
          </cell>
          <cell r="D796" t="str">
            <v>PD-TOSM</v>
          </cell>
          <cell r="E796" t="e">
            <v>#N/A</v>
          </cell>
          <cell r="F796" t="str">
            <v>MOD</v>
          </cell>
          <cell r="G796" t="e">
            <v>#N/A</v>
          </cell>
          <cell r="H796" t="str">
            <v>PD-TOSM \ MOD</v>
          </cell>
          <cell r="I796" t="str">
            <v>SUBSTMO</v>
          </cell>
          <cell r="J796" t="str">
            <v>TOSMMO</v>
          </cell>
          <cell r="K796" t="str">
            <v>X</v>
          </cell>
          <cell r="L796" t="str">
            <v>Modification</v>
          </cell>
          <cell r="M796" t="str">
            <v>N</v>
          </cell>
        </row>
        <row r="797">
          <cell r="A797" t="str">
            <v>TOSMPM</v>
          </cell>
          <cell r="B797" t="str">
            <v>PD O&amp;M</v>
          </cell>
          <cell r="C797" t="str">
            <v>MW</v>
          </cell>
          <cell r="D797" t="str">
            <v>PD-TOSM</v>
          </cell>
          <cell r="E797" t="str">
            <v xml:space="preserve">Transmssion Sub Structure </v>
          </cell>
          <cell r="F797" t="str">
            <v>PM</v>
          </cell>
          <cell r="G797" t="str">
            <v>Preventative Maintenance</v>
          </cell>
          <cell r="H797" t="str">
            <v>PD-TOSM \ PM</v>
          </cell>
          <cell r="I797" t="str">
            <v>SUBSTPM</v>
          </cell>
          <cell r="J797" t="str">
            <v>TOSMPM</v>
          </cell>
          <cell r="K797" t="str">
            <v>X</v>
          </cell>
          <cell r="L797" t="str">
            <v>Preventative Maintenance</v>
          </cell>
          <cell r="M797" t="str">
            <v>N</v>
          </cell>
        </row>
        <row r="798">
          <cell r="A798" t="str">
            <v>TOSMRPR</v>
          </cell>
          <cell r="B798" t="str">
            <v>PD O&amp;M</v>
          </cell>
          <cell r="C798" t="str">
            <v>MW</v>
          </cell>
          <cell r="D798" t="str">
            <v>PD-TOSM</v>
          </cell>
          <cell r="E798" t="str">
            <v xml:space="preserve">Transmssion Sub Structure </v>
          </cell>
          <cell r="F798" t="str">
            <v>RPR</v>
          </cell>
          <cell r="G798" t="str">
            <v>Repair</v>
          </cell>
          <cell r="H798" t="str">
            <v>PD-TOSM \ RPR</v>
          </cell>
          <cell r="I798" t="str">
            <v>SUBSTRP</v>
          </cell>
          <cell r="J798" t="str">
            <v>TOSMRPR</v>
          </cell>
          <cell r="K798" t="str">
            <v>X</v>
          </cell>
          <cell r="L798" t="str">
            <v>Repair</v>
          </cell>
          <cell r="M798" t="str">
            <v>N</v>
          </cell>
        </row>
        <row r="799">
          <cell r="A799" t="str">
            <v>TOSOHM</v>
          </cell>
          <cell r="B799" t="str">
            <v>PD Veg Mgmt</v>
          </cell>
          <cell r="C799" t="str">
            <v>Veg</v>
          </cell>
          <cell r="D799" t="str">
            <v>PD-SUBVM</v>
          </cell>
          <cell r="E799" t="str">
            <v>Vegetation Management - Substation - O&amp;M</v>
          </cell>
          <cell r="F799" t="str">
            <v>SUBVMTRNC</v>
          </cell>
          <cell r="G799" t="str">
            <v>Sub VM Transmission station bare ground herbicide and mowing Carolinas</v>
          </cell>
          <cell r="H799" t="str">
            <v>PD-SUBVM \ SUBVMTRNC</v>
          </cell>
          <cell r="I799" t="str">
            <v>RWTSTA</v>
          </cell>
          <cell r="J799" t="str">
            <v>TOSOHM</v>
          </cell>
          <cell r="K799" t="str">
            <v>X</v>
          </cell>
          <cell r="L799" t="str">
            <v>Sub VM Transmission station bare ground herbicide and mowing Carolinas</v>
          </cell>
          <cell r="M799" t="str">
            <v>N</v>
          </cell>
        </row>
        <row r="800">
          <cell r="A800" t="str">
            <v>TPORTABLE</v>
          </cell>
          <cell r="B800" t="str">
            <v>PD O&amp;M</v>
          </cell>
          <cell r="C800" t="str">
            <v>MW</v>
          </cell>
          <cell r="D800" t="str">
            <v>PD-TPORT</v>
          </cell>
          <cell r="E800" t="e">
            <v>#N/A</v>
          </cell>
          <cell r="F800" t="str">
            <v>PORTABLE</v>
          </cell>
          <cell r="G800" t="e">
            <v>#N/A</v>
          </cell>
          <cell r="H800" t="str">
            <v>PD-TPORT \ PORTABLE</v>
          </cell>
          <cell r="I800" t="str">
            <v>SUBPRO</v>
          </cell>
          <cell r="J800" t="str">
            <v>TPORTABLE</v>
          </cell>
          <cell r="K800" t="str">
            <v>X</v>
          </cell>
          <cell r="L800" t="str">
            <v>Portable</v>
          </cell>
          <cell r="M800" t="str">
            <v>N</v>
          </cell>
        </row>
        <row r="801">
          <cell r="A801" t="str">
            <v>TRLYMMO</v>
          </cell>
          <cell r="B801" t="str">
            <v>PD O&amp;M</v>
          </cell>
          <cell r="C801" t="str">
            <v>MW</v>
          </cell>
          <cell r="D801" t="str">
            <v>PD-TRLY</v>
          </cell>
          <cell r="E801" t="e">
            <v>#N/A</v>
          </cell>
          <cell r="F801" t="str">
            <v>MOD</v>
          </cell>
          <cell r="G801" t="e">
            <v>#N/A</v>
          </cell>
          <cell r="H801" t="str">
            <v>PD-TRLY \ MOD</v>
          </cell>
          <cell r="I801" t="str">
            <v>RLYMO</v>
          </cell>
          <cell r="J801" t="str">
            <v>TRLYMMO</v>
          </cell>
          <cell r="K801" t="str">
            <v>X</v>
          </cell>
          <cell r="L801" t="str">
            <v>Modification</v>
          </cell>
          <cell r="M801" t="str">
            <v>N</v>
          </cell>
        </row>
        <row r="802">
          <cell r="A802" t="str">
            <v>TRLYMPM</v>
          </cell>
          <cell r="B802" t="str">
            <v>PD O&amp;M</v>
          </cell>
          <cell r="C802" t="str">
            <v>MW</v>
          </cell>
          <cell r="D802" t="str">
            <v>PD-TRLY</v>
          </cell>
          <cell r="E802" t="str">
            <v>Transmission Relay</v>
          </cell>
          <cell r="F802" t="str">
            <v>PM</v>
          </cell>
          <cell r="G802" t="str">
            <v>Preventative Maintenance</v>
          </cell>
          <cell r="H802" t="str">
            <v>PD-TRLY \ PM</v>
          </cell>
          <cell r="I802" t="str">
            <v>RLYPM</v>
          </cell>
          <cell r="J802" t="str">
            <v>TRLYMPM</v>
          </cell>
          <cell r="K802" t="str">
            <v>X</v>
          </cell>
          <cell r="L802" t="str">
            <v>Preventative Maintenance</v>
          </cell>
          <cell r="M802" t="str">
            <v>N</v>
          </cell>
        </row>
        <row r="803">
          <cell r="A803" t="str">
            <v>TRLYMRPR</v>
          </cell>
          <cell r="B803" t="str">
            <v>PD O&amp;M</v>
          </cell>
          <cell r="C803" t="str">
            <v>MW</v>
          </cell>
          <cell r="D803" t="str">
            <v>PD-TRLY</v>
          </cell>
          <cell r="E803" t="str">
            <v>Transmission Relay</v>
          </cell>
          <cell r="F803" t="str">
            <v>RPR</v>
          </cell>
          <cell r="G803" t="str">
            <v>Repair</v>
          </cell>
          <cell r="H803" t="str">
            <v>PD-TRLY \ RPR</v>
          </cell>
          <cell r="I803" t="str">
            <v>RLYRP</v>
          </cell>
          <cell r="J803" t="str">
            <v>TRLYMRPR</v>
          </cell>
          <cell r="K803" t="str">
            <v>X</v>
          </cell>
          <cell r="L803" t="str">
            <v>Repair</v>
          </cell>
          <cell r="M803" t="str">
            <v>N</v>
          </cell>
        </row>
        <row r="804">
          <cell r="A804" t="str">
            <v>TRWM</v>
          </cell>
          <cell r="B804" t="str">
            <v>PD Veg Mgmt</v>
          </cell>
          <cell r="C804" t="str">
            <v>Veg</v>
          </cell>
          <cell r="D804" t="str">
            <v>PD-TVEGO</v>
          </cell>
          <cell r="E804" t="str">
            <v>Vegetation Management - Transmission - O&amp;M</v>
          </cell>
          <cell r="F804" t="str">
            <v>TRWMSUPC</v>
          </cell>
          <cell r="G804" t="str">
            <v>Veg Mgmt expenses such as oversight, expenses, training and other miscellaneous expenses Carolinas</v>
          </cell>
          <cell r="H804" t="str">
            <v>PD-TVEGO \ TRWMSUPC</v>
          </cell>
          <cell r="I804" t="str">
            <v>TRWM</v>
          </cell>
          <cell r="J804" t="str">
            <v>TRWM</v>
          </cell>
          <cell r="K804" t="str">
            <v>X</v>
          </cell>
          <cell r="L804" t="str">
            <v>Veg Mgmt expenses such as oversight, expenses, training and other miscellaneous expenses Carolinas</v>
          </cell>
          <cell r="M804" t="str">
            <v>N</v>
          </cell>
        </row>
        <row r="805">
          <cell r="A805" t="str">
            <v>TRWMAER</v>
          </cell>
          <cell r="B805" t="str">
            <v>PD Veg Mgmt</v>
          </cell>
          <cell r="C805" t="str">
            <v>Veg</v>
          </cell>
          <cell r="D805" t="str">
            <v>PD-TVEGO</v>
          </cell>
          <cell r="E805" t="str">
            <v>Vegetation Management - Transmission - O&amp;M</v>
          </cell>
          <cell r="F805" t="str">
            <v>TAERINSP</v>
          </cell>
          <cell r="G805" t="str">
            <v>Veg mgmt aerial inspection</v>
          </cell>
          <cell r="H805" t="str">
            <v>PD-TVEGO \ TAERINSP</v>
          </cell>
          <cell r="I805" t="str">
            <v>TRWM</v>
          </cell>
          <cell r="J805" t="str">
            <v>TRWMAER</v>
          </cell>
          <cell r="K805" t="str">
            <v>X</v>
          </cell>
          <cell r="L805" t="str">
            <v>Veg mgmt aerial inspection</v>
          </cell>
          <cell r="M805" t="str">
            <v>N</v>
          </cell>
        </row>
        <row r="806">
          <cell r="A806" t="str">
            <v>TRWMAR044</v>
          </cell>
          <cell r="B806" t="str">
            <v>PD Veg Mgmt</v>
          </cell>
          <cell r="C806" t="str">
            <v>Veg</v>
          </cell>
          <cell r="D806" t="str">
            <v>PD-TVEGO</v>
          </cell>
          <cell r="E806" t="str">
            <v>Vegetation Management - Transmission - O&amp;M</v>
          </cell>
          <cell r="F806" t="str">
            <v>TVMFU044</v>
          </cell>
          <cell r="G806" t="str">
            <v xml:space="preserve">Veg Mgmt follow up work identified through an inspection for 44kV </v>
          </cell>
          <cell r="H806" t="str">
            <v>PD-TVEGO \ TVMFU044</v>
          </cell>
          <cell r="I806" t="str">
            <v>TRWM</v>
          </cell>
          <cell r="J806" t="str">
            <v>TRWMAR044</v>
          </cell>
          <cell r="K806" t="str">
            <v>X</v>
          </cell>
          <cell r="L806" t="str">
            <v>Veg Mgmt follow up work identified through an inspection for 44kV</v>
          </cell>
          <cell r="M806" t="str">
            <v>N</v>
          </cell>
        </row>
        <row r="807">
          <cell r="A807" t="str">
            <v>TRWMAR100</v>
          </cell>
          <cell r="B807" t="str">
            <v>PD Veg Mgmt</v>
          </cell>
          <cell r="C807" t="str">
            <v>Veg</v>
          </cell>
          <cell r="D807" t="str">
            <v>PD-TVEGO</v>
          </cell>
          <cell r="E807" t="str">
            <v>Vegetation Management - Transmission - O&amp;M</v>
          </cell>
          <cell r="F807" t="str">
            <v>TVMFU100</v>
          </cell>
          <cell r="G807" t="str">
            <v xml:space="preserve">Veg Mgmt follow up work identified through an inspection for 100kV </v>
          </cell>
          <cell r="H807" t="str">
            <v>PD-TVEGO \ TVMFU100</v>
          </cell>
          <cell r="I807" t="str">
            <v>TRWM</v>
          </cell>
          <cell r="J807" t="str">
            <v>TRWMAR100</v>
          </cell>
          <cell r="K807" t="str">
            <v>X</v>
          </cell>
          <cell r="L807" t="str">
            <v>Veg Mgmt follow up work identified through an inspection for 100kV</v>
          </cell>
          <cell r="M807" t="str">
            <v>N</v>
          </cell>
        </row>
        <row r="808">
          <cell r="A808" t="str">
            <v>TRWMAR161</v>
          </cell>
          <cell r="B808" t="str">
            <v>PD Veg Mgmt</v>
          </cell>
          <cell r="C808" t="str">
            <v>Veg</v>
          </cell>
          <cell r="D808" t="str">
            <v>PD-TVEGO</v>
          </cell>
          <cell r="E808" t="str">
            <v>Vegetation Management - Transmission - O&amp;M</v>
          </cell>
          <cell r="F808" t="str">
            <v>TVMFU161</v>
          </cell>
          <cell r="G808" t="str">
            <v xml:space="preserve">Veg Mgmt follow up work identified through an inspection for 161kV </v>
          </cell>
          <cell r="H808" t="str">
            <v>PD-TVEGO \ TVMFU161</v>
          </cell>
          <cell r="I808" t="str">
            <v>TRWM</v>
          </cell>
          <cell r="J808" t="str">
            <v>TRWMAR161</v>
          </cell>
          <cell r="K808" t="str">
            <v>X</v>
          </cell>
          <cell r="L808" t="str">
            <v>Veg Mgmt follow up work identified through an inspection for 161kV</v>
          </cell>
          <cell r="M808" t="str">
            <v>N</v>
          </cell>
        </row>
        <row r="809">
          <cell r="A809" t="str">
            <v>TRWMAR230</v>
          </cell>
          <cell r="B809" t="str">
            <v>PD Veg Mgmt</v>
          </cell>
          <cell r="C809" t="str">
            <v>Veg</v>
          </cell>
          <cell r="D809" t="str">
            <v>PD-TVEGO</v>
          </cell>
          <cell r="E809" t="str">
            <v>Vegetation Management - Transmission - O&amp;M</v>
          </cell>
          <cell r="F809" t="str">
            <v>TVMFU230</v>
          </cell>
          <cell r="G809" t="str">
            <v xml:space="preserve">Veg Mgmt follow up work identified through an inspection for 230kV </v>
          </cell>
          <cell r="H809" t="str">
            <v>PD-TVEGO \ TVMFU230</v>
          </cell>
          <cell r="I809" t="str">
            <v>TRWM</v>
          </cell>
          <cell r="J809" t="str">
            <v>TRWMAR230</v>
          </cell>
          <cell r="K809" t="str">
            <v>X</v>
          </cell>
          <cell r="L809" t="str">
            <v>Veg Mgmt follow up work identified through an inspection for 230kV</v>
          </cell>
          <cell r="M809" t="str">
            <v>N</v>
          </cell>
        </row>
        <row r="810">
          <cell r="A810" t="str">
            <v>TRWMAR525</v>
          </cell>
          <cell r="B810" t="str">
            <v>PD Veg Mgmt</v>
          </cell>
          <cell r="C810" t="str">
            <v>Veg</v>
          </cell>
          <cell r="D810" t="str">
            <v>PD-TVEGO</v>
          </cell>
          <cell r="E810" t="str">
            <v>Vegetation Management - Transmission - O&amp;M</v>
          </cell>
          <cell r="F810" t="str">
            <v>TVMFU525</v>
          </cell>
          <cell r="G810" t="str">
            <v xml:space="preserve">Veg Mgmt follow up work identified through an inspection for 525kV </v>
          </cell>
          <cell r="H810" t="str">
            <v>PD-TVEGO \ TVMFU525</v>
          </cell>
          <cell r="I810" t="str">
            <v>TRWM</v>
          </cell>
          <cell r="J810" t="str">
            <v>TRWMAR525</v>
          </cell>
          <cell r="K810" t="str">
            <v>X</v>
          </cell>
          <cell r="L810" t="str">
            <v>Veg Mgmt follow up work identified through an inspection for 525kV</v>
          </cell>
          <cell r="M810" t="str">
            <v>N</v>
          </cell>
        </row>
        <row r="811">
          <cell r="A811" t="str">
            <v>TRWMAR69</v>
          </cell>
          <cell r="B811" t="str">
            <v>PD Veg Mgmt</v>
          </cell>
          <cell r="C811" t="str">
            <v>Veg</v>
          </cell>
          <cell r="D811" t="str">
            <v>PD-TVEGO</v>
          </cell>
          <cell r="E811" t="str">
            <v>Vegetation Management - Transmission - O&amp;M</v>
          </cell>
          <cell r="F811" t="str">
            <v>TVMFU69</v>
          </cell>
          <cell r="G811" t="str">
            <v xml:space="preserve">Veg Mgmt follow up work identified through an inspection for 69kV </v>
          </cell>
          <cell r="H811" t="str">
            <v>PD-TVEGO \ TVMFU69</v>
          </cell>
          <cell r="I811" t="str">
            <v>TRWM</v>
          </cell>
          <cell r="J811" t="str">
            <v>TRWMAR69</v>
          </cell>
          <cell r="K811" t="str">
            <v>X</v>
          </cell>
          <cell r="L811" t="str">
            <v>Veg Mgmt follow up work identified through an inspection for 69kV</v>
          </cell>
          <cell r="M811" t="str">
            <v>N</v>
          </cell>
        </row>
        <row r="812">
          <cell r="A812" t="str">
            <v>TRWMBL044</v>
          </cell>
          <cell r="B812" t="str">
            <v>PD Veg Mgmt</v>
          </cell>
          <cell r="C812" t="str">
            <v>Veg</v>
          </cell>
          <cell r="D812" t="str">
            <v>PD-TVEGO</v>
          </cell>
          <cell r="E812" t="str">
            <v>Vegetation Management - Transmission - O&amp;M</v>
          </cell>
          <cell r="F812" t="str">
            <v>TBASE044</v>
          </cell>
          <cell r="G812" t="str">
            <v>Baseline Danger Tree program for 100kV</v>
          </cell>
          <cell r="H812" t="str">
            <v>PD-TVEGO \ TBASE044</v>
          </cell>
          <cell r="I812" t="str">
            <v>TRWM</v>
          </cell>
          <cell r="J812" t="str">
            <v>TRWMBL044</v>
          </cell>
          <cell r="K812" t="str">
            <v>X</v>
          </cell>
          <cell r="L812" t="str">
            <v>Baseline Danger Tree program for 100kV</v>
          </cell>
          <cell r="M812" t="str">
            <v>N</v>
          </cell>
        </row>
        <row r="813">
          <cell r="A813" t="str">
            <v>TRWMBL100</v>
          </cell>
          <cell r="B813" t="str">
            <v>PD Veg Mgmt</v>
          </cell>
          <cell r="C813" t="str">
            <v>Veg</v>
          </cell>
          <cell r="D813" t="str">
            <v>PD-TVEGO</v>
          </cell>
          <cell r="E813" t="str">
            <v>Vegetation Management - Transmission - O&amp;M</v>
          </cell>
          <cell r="F813" t="str">
            <v>TBASE100</v>
          </cell>
          <cell r="G813" t="str">
            <v>Baseline Danger Tree program for 100kV</v>
          </cell>
          <cell r="H813" t="str">
            <v>PD-TVEGO \ TBASE100</v>
          </cell>
          <cell r="I813" t="str">
            <v>TRWM</v>
          </cell>
          <cell r="J813" t="str">
            <v>TRWMBL100</v>
          </cell>
          <cell r="K813" t="str">
            <v>X</v>
          </cell>
          <cell r="L813" t="str">
            <v>Baseline Danger Tree program for 100kV</v>
          </cell>
          <cell r="M813" t="str">
            <v>N</v>
          </cell>
        </row>
        <row r="814">
          <cell r="A814" t="str">
            <v>TRWMBL161</v>
          </cell>
          <cell r="B814" t="str">
            <v>PD Veg Mgmt</v>
          </cell>
          <cell r="C814" t="str">
            <v>Veg</v>
          </cell>
          <cell r="D814" t="str">
            <v>PD-TVEGO</v>
          </cell>
          <cell r="E814" t="str">
            <v>Vegetation Management - Transmission - O&amp;M</v>
          </cell>
          <cell r="F814" t="str">
            <v>TBASE161</v>
          </cell>
          <cell r="G814" t="str">
            <v>Baseline Danger Tree program for 161kV</v>
          </cell>
          <cell r="H814" t="str">
            <v>PD-TVEGO \ TBASE161</v>
          </cell>
          <cell r="I814" t="str">
            <v>TRWM</v>
          </cell>
          <cell r="J814" t="str">
            <v>TRWMBL161</v>
          </cell>
          <cell r="K814" t="str">
            <v>X</v>
          </cell>
          <cell r="L814" t="str">
            <v>Baseline Danger Tree program for 161kV</v>
          </cell>
          <cell r="M814" t="str">
            <v>N</v>
          </cell>
        </row>
        <row r="815">
          <cell r="A815" t="str">
            <v>TRWMBL230</v>
          </cell>
          <cell r="B815" t="str">
            <v>PD Veg Mgmt</v>
          </cell>
          <cell r="C815" t="str">
            <v>Veg</v>
          </cell>
          <cell r="D815" t="str">
            <v>PD-TVEGO</v>
          </cell>
          <cell r="E815" t="str">
            <v>Vegetation Management - Transmission - O&amp;M</v>
          </cell>
          <cell r="F815" t="str">
            <v>TBASE230</v>
          </cell>
          <cell r="G815" t="str">
            <v>Baseline Danger Tree program for 230kV</v>
          </cell>
          <cell r="H815" t="str">
            <v>PD-TVEGO \ TBASE230</v>
          </cell>
          <cell r="I815" t="str">
            <v>TRWM</v>
          </cell>
          <cell r="J815" t="str">
            <v>TRWMBL230</v>
          </cell>
          <cell r="K815" t="str">
            <v>X</v>
          </cell>
          <cell r="L815" t="str">
            <v>Baseline Danger Tree program for 230kV</v>
          </cell>
          <cell r="M815" t="str">
            <v>N</v>
          </cell>
        </row>
        <row r="816">
          <cell r="A816" t="str">
            <v>TRWMBL525</v>
          </cell>
          <cell r="B816" t="str">
            <v>PD Veg Mgmt</v>
          </cell>
          <cell r="C816" t="str">
            <v>Veg</v>
          </cell>
          <cell r="D816" t="str">
            <v>PD-TVEGO</v>
          </cell>
          <cell r="E816" t="str">
            <v>Vegetation Management - Transmission - O&amp;M</v>
          </cell>
          <cell r="F816" t="str">
            <v>TBASE525</v>
          </cell>
          <cell r="G816" t="str">
            <v>Baseline Danger Tree program for 525kV</v>
          </cell>
          <cell r="H816" t="str">
            <v>PD-TVEGO \ TBASE525</v>
          </cell>
          <cell r="I816" t="str">
            <v>TRWM</v>
          </cell>
          <cell r="J816" t="str">
            <v>TRWMBL525</v>
          </cell>
          <cell r="K816" t="str">
            <v>X</v>
          </cell>
          <cell r="L816" t="str">
            <v>Baseline Danger Tree program for 525kV</v>
          </cell>
          <cell r="M816" t="str">
            <v>N</v>
          </cell>
        </row>
        <row r="817">
          <cell r="A817" t="str">
            <v>TRWMBL69</v>
          </cell>
          <cell r="B817" t="str">
            <v>PD Veg Mgmt</v>
          </cell>
          <cell r="C817" t="str">
            <v>Veg</v>
          </cell>
          <cell r="D817" t="str">
            <v>PD-TVEGO</v>
          </cell>
          <cell r="E817" t="str">
            <v>Vegetation Management - Transmission - O&amp;M</v>
          </cell>
          <cell r="F817" t="str">
            <v>TBASE69</v>
          </cell>
          <cell r="G817" t="str">
            <v>Baseline Danger Tree program for 69kV</v>
          </cell>
          <cell r="H817" t="str">
            <v>PD-TVEGO \ TBASE69</v>
          </cell>
          <cell r="I817" t="str">
            <v>TRWM</v>
          </cell>
          <cell r="J817" t="str">
            <v>TRWMBL69</v>
          </cell>
          <cell r="K817" t="str">
            <v>X</v>
          </cell>
          <cell r="L817" t="str">
            <v>Baseline Danger Tree program for 69kV</v>
          </cell>
          <cell r="M817" t="str">
            <v>N</v>
          </cell>
        </row>
        <row r="818">
          <cell r="A818" t="str">
            <v>TRWMFL044</v>
          </cell>
          <cell r="B818" t="str">
            <v>PD Veg Mgmt</v>
          </cell>
          <cell r="C818" t="str">
            <v>Veg</v>
          </cell>
          <cell r="D818" t="str">
            <v>PD-TVEGO</v>
          </cell>
          <cell r="E818" t="str">
            <v>Vegetation Management - Transmission - O&amp;M</v>
          </cell>
          <cell r="F818" t="str">
            <v>TVMFL044</v>
          </cell>
          <cell r="G818" t="str">
            <v>Veg Mgmt floor maintenancne  excluding herbicide for 44kV</v>
          </cell>
          <cell r="H818" t="str">
            <v>PD-TVEGO \ TVMFL044</v>
          </cell>
          <cell r="I818" t="str">
            <v>TRWM</v>
          </cell>
          <cell r="J818" t="str">
            <v>TRWMFL044</v>
          </cell>
          <cell r="K818" t="str">
            <v>X</v>
          </cell>
          <cell r="L818" t="str">
            <v>Veg Mgmt floor maintenancne excluding herbicide for 44kV</v>
          </cell>
          <cell r="M818" t="str">
            <v>N</v>
          </cell>
        </row>
        <row r="819">
          <cell r="A819" t="str">
            <v>TRWMFL100</v>
          </cell>
          <cell r="B819" t="str">
            <v>PD Veg Mgmt</v>
          </cell>
          <cell r="C819" t="str">
            <v>Veg</v>
          </cell>
          <cell r="D819" t="str">
            <v>PD-TVEGO</v>
          </cell>
          <cell r="E819" t="str">
            <v>Vegetation Management - Transmission - O&amp;M</v>
          </cell>
          <cell r="F819" t="str">
            <v>TVMFL100</v>
          </cell>
          <cell r="G819" t="str">
            <v>Veg Mgmt floor maintenancne  excluding herbicide for 100kV</v>
          </cell>
          <cell r="H819" t="str">
            <v>PD-TVEGO \ TVMFL100</v>
          </cell>
          <cell r="I819" t="str">
            <v>TRWM</v>
          </cell>
          <cell r="J819" t="str">
            <v>TRWMFL100</v>
          </cell>
          <cell r="K819" t="str">
            <v>X</v>
          </cell>
          <cell r="L819" t="str">
            <v>Veg Mgmt floor maintenancne excluding herbicide for 100kV</v>
          </cell>
          <cell r="M819" t="str">
            <v>N</v>
          </cell>
        </row>
        <row r="820">
          <cell r="A820" t="str">
            <v>TRWMFL161</v>
          </cell>
          <cell r="B820" t="str">
            <v>PD Veg Mgmt</v>
          </cell>
          <cell r="C820" t="str">
            <v>Veg</v>
          </cell>
          <cell r="D820" t="str">
            <v>PD-TVEGO</v>
          </cell>
          <cell r="E820" t="str">
            <v>Vegetation Management - Transmission - O&amp;M</v>
          </cell>
          <cell r="F820" t="str">
            <v>TVMFL161</v>
          </cell>
          <cell r="G820" t="str">
            <v>Veg Mgmt floor maintenancne  excluding herbicide for 161kV</v>
          </cell>
          <cell r="H820" t="str">
            <v>PD-TVEGO \ TVMFL161</v>
          </cell>
          <cell r="I820" t="str">
            <v>TRWM</v>
          </cell>
          <cell r="J820" t="str">
            <v>TRWMFL161</v>
          </cell>
          <cell r="K820" t="str">
            <v>X</v>
          </cell>
          <cell r="L820" t="str">
            <v>Veg Mgmt floor maintenancne excluding herbicide for 161kV</v>
          </cell>
          <cell r="M820" t="str">
            <v>N</v>
          </cell>
        </row>
        <row r="821">
          <cell r="A821" t="str">
            <v>TRWMFL230</v>
          </cell>
          <cell r="B821" t="str">
            <v>PD Veg Mgmt</v>
          </cell>
          <cell r="C821" t="str">
            <v>Veg</v>
          </cell>
          <cell r="D821" t="str">
            <v>PD-TVEGO</v>
          </cell>
          <cell r="E821" t="str">
            <v>Vegetation Management - Transmission - O&amp;M</v>
          </cell>
          <cell r="F821" t="str">
            <v>TVMFL230</v>
          </cell>
          <cell r="G821" t="str">
            <v>Veg Mgmt floor maintenancne  excluding herbicide for 230kV</v>
          </cell>
          <cell r="H821" t="str">
            <v>PD-TVEGO \ TVMFL230</v>
          </cell>
          <cell r="I821" t="str">
            <v>TRWM</v>
          </cell>
          <cell r="J821" t="str">
            <v>TRWMFL230</v>
          </cell>
          <cell r="K821" t="str">
            <v>X</v>
          </cell>
          <cell r="L821" t="str">
            <v>Veg Mgmt floor maintenancne excluding herbicide for 230kV</v>
          </cell>
          <cell r="M821" t="str">
            <v>N</v>
          </cell>
        </row>
        <row r="822">
          <cell r="A822" t="str">
            <v>TRWMFL525</v>
          </cell>
          <cell r="B822" t="str">
            <v>PD Veg Mgmt</v>
          </cell>
          <cell r="C822" t="str">
            <v>Veg</v>
          </cell>
          <cell r="D822" t="str">
            <v>PD-TVEGO</v>
          </cell>
          <cell r="E822" t="str">
            <v>Vegetation Management - Transmission - O&amp;M</v>
          </cell>
          <cell r="F822" t="str">
            <v>TVMFL525</v>
          </cell>
          <cell r="G822" t="str">
            <v>Veg Mgmt floor maintenancne  excluding herbicide for 525kV</v>
          </cell>
          <cell r="H822" t="str">
            <v>PD-TVEGO \ TVMFL525</v>
          </cell>
          <cell r="I822" t="str">
            <v>TRWM</v>
          </cell>
          <cell r="J822" t="str">
            <v>TRWMFL525</v>
          </cell>
          <cell r="K822" t="str">
            <v>X</v>
          </cell>
          <cell r="L822" t="str">
            <v>Veg Mgmt floor maintenancne excluding herbicide for 525kV</v>
          </cell>
          <cell r="M822" t="str">
            <v>N</v>
          </cell>
        </row>
        <row r="823">
          <cell r="A823" t="str">
            <v>TRWMFL69</v>
          </cell>
          <cell r="B823" t="str">
            <v>PD Veg Mgmt</v>
          </cell>
          <cell r="C823" t="str">
            <v>Veg</v>
          </cell>
          <cell r="D823" t="str">
            <v>PD-TVEGO</v>
          </cell>
          <cell r="E823" t="str">
            <v>Vegetation Management - Transmission - O&amp;M</v>
          </cell>
          <cell r="F823" t="str">
            <v>TVMFL69</v>
          </cell>
          <cell r="G823" t="str">
            <v>Veg Mgmt floor maintenancne  excluding herbicide for 69kV</v>
          </cell>
          <cell r="H823" t="str">
            <v>PD-TVEGO \ TVMFL69</v>
          </cell>
          <cell r="I823" t="str">
            <v>TRWM</v>
          </cell>
          <cell r="J823" t="str">
            <v>TRWMFL69</v>
          </cell>
          <cell r="K823" t="str">
            <v>X</v>
          </cell>
          <cell r="L823" t="str">
            <v>Veg Mgmt floor maintenancne excluding herbicide for 69kV</v>
          </cell>
          <cell r="M823" t="str">
            <v>N</v>
          </cell>
        </row>
        <row r="824">
          <cell r="A824" t="str">
            <v>TRWMGP</v>
          </cell>
          <cell r="B824" t="str">
            <v>PD Veg Mgmt</v>
          </cell>
          <cell r="C824" t="str">
            <v>Veg</v>
          </cell>
          <cell r="D824" t="str">
            <v>PD-TVEGO</v>
          </cell>
          <cell r="E824" t="str">
            <v>Vegetation Management - Transmission - O&amp;M</v>
          </cell>
          <cell r="F824" t="str">
            <v>TGNDINSP</v>
          </cell>
          <cell r="G824" t="str">
            <v>Veg Mgmt ground inspection</v>
          </cell>
          <cell r="H824" t="str">
            <v>PD-TVEGO \ TGNDINSP</v>
          </cell>
          <cell r="I824" t="str">
            <v>TRWM</v>
          </cell>
          <cell r="J824" t="str">
            <v>TRWMGP</v>
          </cell>
          <cell r="K824" t="str">
            <v>X</v>
          </cell>
          <cell r="L824" t="str">
            <v>Veg Mgmt ground inspection</v>
          </cell>
          <cell r="M824" t="str">
            <v>N</v>
          </cell>
        </row>
        <row r="825">
          <cell r="A825" t="str">
            <v>TRWMHERB</v>
          </cell>
          <cell r="B825" t="str">
            <v>PD Veg Mgmt</v>
          </cell>
          <cell r="C825" t="str">
            <v>Veg</v>
          </cell>
          <cell r="D825" t="str">
            <v>PD-TVEGO</v>
          </cell>
          <cell r="E825" t="str">
            <v>Vegetation Management - Transmission - O&amp;M</v>
          </cell>
          <cell r="F825" t="str">
            <v>THERBC</v>
          </cell>
          <cell r="G825" t="str">
            <v>Veg Mgmt Transmission herbicide application Carolinas</v>
          </cell>
          <cell r="H825" t="str">
            <v>PD-TVEGO \ THERBC</v>
          </cell>
          <cell r="I825" t="str">
            <v>TRWM</v>
          </cell>
          <cell r="J825" t="str">
            <v>TRWMHERB</v>
          </cell>
          <cell r="K825" t="str">
            <v>X</v>
          </cell>
          <cell r="L825" t="str">
            <v>Veg Mgmt Transmission herbicide application Carolinas</v>
          </cell>
          <cell r="M825" t="str">
            <v>N</v>
          </cell>
        </row>
        <row r="826">
          <cell r="A826" t="str">
            <v>TSIN</v>
          </cell>
          <cell r="B826" t="str">
            <v>PD O&amp;M</v>
          </cell>
          <cell r="C826" t="str">
            <v>MW</v>
          </cell>
          <cell r="D826" t="str">
            <v>PD-TINF</v>
          </cell>
          <cell r="E826" t="str">
            <v>Preventative Maintenance Transmssion Infrared</v>
          </cell>
          <cell r="F826" t="str">
            <v>PM MW</v>
          </cell>
          <cell r="G826" t="str">
            <v>Preventative Maintenance Midwest</v>
          </cell>
          <cell r="H826" t="str">
            <v>PD-TINF \ PM MW</v>
          </cell>
          <cell r="I826"/>
          <cell r="J826" t="str">
            <v>TSIN</v>
          </cell>
          <cell r="K826" t="str">
            <v>X</v>
          </cell>
          <cell r="L826" t="str">
            <v>Preventative Maintenance Midwest</v>
          </cell>
          <cell r="M826" t="str">
            <v>N</v>
          </cell>
        </row>
        <row r="827">
          <cell r="A827" t="str">
            <v>TSIN</v>
          </cell>
          <cell r="B827" t="str">
            <v>PD O&amp;M</v>
          </cell>
          <cell r="C827" t="str">
            <v>MW</v>
          </cell>
          <cell r="D827" t="str">
            <v>PD-TSIN</v>
          </cell>
          <cell r="E827" t="str">
            <v xml:space="preserve">Inspection Transmission Station </v>
          </cell>
          <cell r="F827" t="str">
            <v>INSP</v>
          </cell>
          <cell r="G827" t="str">
            <v>Inspection</v>
          </cell>
          <cell r="H827" t="str">
            <v>PD-TSIN \ INSP</v>
          </cell>
          <cell r="I827"/>
          <cell r="J827" t="str">
            <v>TSIN</v>
          </cell>
          <cell r="K827" t="str">
            <v>X</v>
          </cell>
          <cell r="L827" t="str">
            <v>Inspection</v>
          </cell>
          <cell r="M827" t="str">
            <v>N</v>
          </cell>
        </row>
        <row r="828">
          <cell r="A828" t="str">
            <v>TSVMCC</v>
          </cell>
          <cell r="B828" t="str">
            <v>PD Veg Mgmt</v>
          </cell>
          <cell r="C828" t="str">
            <v>Veg</v>
          </cell>
          <cell r="D828" t="str">
            <v>PD-SUBVM</v>
          </cell>
          <cell r="E828" t="str">
            <v>Vegetation Management - Substation - O&amp;M</v>
          </cell>
          <cell r="F828" t="str">
            <v>SUBVMTRNMW</v>
          </cell>
          <cell r="G828" t="str">
            <v>Sub VM Transmission station bare ground herbicide Midwest</v>
          </cell>
          <cell r="H828" t="str">
            <v>PD-SUBVM \ SUBVMTRNMW</v>
          </cell>
          <cell r="I828" t="str">
            <v>TVMCHEM</v>
          </cell>
          <cell r="J828" t="str">
            <v>TSVMCC</v>
          </cell>
          <cell r="K828" t="str">
            <v>X</v>
          </cell>
          <cell r="L828" t="str">
            <v>Sub VM Transmission station bare ground herbicide Midwest</v>
          </cell>
          <cell r="M828" t="str">
            <v>N</v>
          </cell>
        </row>
        <row r="829">
          <cell r="A829" t="str">
            <v>TTRFMMO</v>
          </cell>
          <cell r="B829" t="str">
            <v>PD O&amp;M</v>
          </cell>
          <cell r="C829" t="str">
            <v>MW</v>
          </cell>
          <cell r="D829" t="str">
            <v>PD-TTRF</v>
          </cell>
          <cell r="E829" t="e">
            <v>#N/A</v>
          </cell>
          <cell r="F829" t="str">
            <v>MOD</v>
          </cell>
          <cell r="G829" t="e">
            <v>#N/A</v>
          </cell>
          <cell r="H829" t="str">
            <v>PD-TTRF \ MOD</v>
          </cell>
          <cell r="I829" t="str">
            <v>TRANFMO</v>
          </cell>
          <cell r="J829" t="str">
            <v>TTRFMMO</v>
          </cell>
          <cell r="K829" t="str">
            <v>X</v>
          </cell>
          <cell r="L829" t="str">
            <v>Modification</v>
          </cell>
          <cell r="M829" t="str">
            <v>N</v>
          </cell>
        </row>
        <row r="830">
          <cell r="A830" t="str">
            <v>TTRFMPM</v>
          </cell>
          <cell r="B830" t="str">
            <v>PD O&amp;M</v>
          </cell>
          <cell r="C830" t="str">
            <v>MW</v>
          </cell>
          <cell r="D830" t="str">
            <v>PD-TTRF</v>
          </cell>
          <cell r="E830" t="str">
            <v>Transmission Transformers</v>
          </cell>
          <cell r="F830" t="str">
            <v>PM</v>
          </cell>
          <cell r="G830" t="str">
            <v>Preventative Maintenance</v>
          </cell>
          <cell r="H830" t="str">
            <v>PD-TTRF \ PM</v>
          </cell>
          <cell r="I830" t="str">
            <v>TRANFPM</v>
          </cell>
          <cell r="J830" t="str">
            <v>TTRFMPM</v>
          </cell>
          <cell r="K830" t="str">
            <v>X</v>
          </cell>
          <cell r="L830" t="str">
            <v>Preventative Maintenance</v>
          </cell>
          <cell r="M830" t="str">
            <v>N</v>
          </cell>
        </row>
        <row r="831">
          <cell r="A831" t="str">
            <v>TTRFMRPR</v>
          </cell>
          <cell r="B831" t="str">
            <v>PD O&amp;M</v>
          </cell>
          <cell r="C831" t="str">
            <v>MW</v>
          </cell>
          <cell r="D831" t="str">
            <v>PD-TTRF</v>
          </cell>
          <cell r="E831" t="str">
            <v>Transmission Transformers</v>
          </cell>
          <cell r="F831" t="str">
            <v>RPR</v>
          </cell>
          <cell r="G831" t="str">
            <v>Repair</v>
          </cell>
          <cell r="H831" t="str">
            <v>PD-TTRF \ RPR</v>
          </cell>
          <cell r="I831" t="str">
            <v>TRANFRP</v>
          </cell>
          <cell r="J831" t="str">
            <v>TTRFMRPR</v>
          </cell>
          <cell r="K831" t="str">
            <v>X</v>
          </cell>
          <cell r="L831" t="str">
            <v>Repair</v>
          </cell>
          <cell r="M831" t="str">
            <v>N</v>
          </cell>
        </row>
        <row r="832">
          <cell r="A832" t="str">
            <v>TXINSTO</v>
          </cell>
          <cell r="B832" t="str">
            <v>PD O&amp;M</v>
          </cell>
          <cell r="C832" t="str">
            <v>MW</v>
          </cell>
          <cell r="D832" t="str">
            <v>PD-RELIA</v>
          </cell>
          <cell r="E832" t="e">
            <v>#N/A</v>
          </cell>
          <cell r="F832" t="str">
            <v>TX OVH MW</v>
          </cell>
          <cell r="G832" t="e">
            <v>#N/A</v>
          </cell>
          <cell r="H832" t="str">
            <v>PD-RELIA \ TX OVH MW</v>
          </cell>
          <cell r="I832" t="str">
            <v>TXINSTO</v>
          </cell>
          <cell r="J832" t="str">
            <v>TXINSTO</v>
          </cell>
          <cell r="K832" t="str">
            <v>X</v>
          </cell>
          <cell r="L832" t="str">
            <v>Transformers Overhead - Replacement Repair NOT LIP follow-up nor an outage MW</v>
          </cell>
          <cell r="M832" t="str">
            <v>N</v>
          </cell>
        </row>
        <row r="833">
          <cell r="A833" t="str">
            <v>TXINSTU</v>
          </cell>
          <cell r="B833" t="str">
            <v>PD O&amp;M</v>
          </cell>
          <cell r="C833" t="str">
            <v>MW</v>
          </cell>
          <cell r="D833" t="str">
            <v>PD-RELIA</v>
          </cell>
          <cell r="E833" t="e">
            <v>#N/A</v>
          </cell>
          <cell r="F833" t="str">
            <v>TX UG MW</v>
          </cell>
          <cell r="G833" t="e">
            <v>#N/A</v>
          </cell>
          <cell r="H833" t="str">
            <v>PD-RELIA \ TX UG MW</v>
          </cell>
          <cell r="I833" t="str">
            <v>TXINSTU</v>
          </cell>
          <cell r="J833" t="str">
            <v>TXINSTU</v>
          </cell>
          <cell r="K833" t="str">
            <v>X</v>
          </cell>
          <cell r="L833" t="str">
            <v>Transformers Underground - Replacement Repair NOT LIP follow-up nor an outage MW</v>
          </cell>
          <cell r="M833" t="str">
            <v>N</v>
          </cell>
        </row>
        <row r="834">
          <cell r="A834" t="str">
            <v>UGACCMT</v>
          </cell>
          <cell r="B834" t="str">
            <v>PD O&amp;M</v>
          </cell>
          <cell r="C834" t="str">
            <v>Carolinas</v>
          </cell>
          <cell r="D834" t="str">
            <v>PD-OUTFU</v>
          </cell>
          <cell r="E834" t="str">
            <v>Outage Followup-O&amp;M Restore System to state prior to outage</v>
          </cell>
          <cell r="F834" t="str">
            <v>PNSOCREPC</v>
          </cell>
          <cell r="G834" t="str">
            <v>UG Accessories Maint (Pin &amp; Socket Splice replacement) Carolinas</v>
          </cell>
          <cell r="H834" t="str">
            <v>PD-OUTFU \ PNSOCREPC</v>
          </cell>
          <cell r="I834" t="str">
            <v>UGACCMT</v>
          </cell>
          <cell r="J834" t="str">
            <v>UGACCMT</v>
          </cell>
          <cell r="K834" t="str">
            <v>X</v>
          </cell>
          <cell r="L834" t="str">
            <v>UG Accessories Maint (Pin &amp; Socket Splice replacement) Carolinas</v>
          </cell>
          <cell r="M834" t="str">
            <v>N</v>
          </cell>
        </row>
        <row r="835">
          <cell r="A835" t="str">
            <v>UGCRIN</v>
          </cell>
          <cell r="B835" t="str">
            <v>PD Capital</v>
          </cell>
          <cell r="C835" t="str">
            <v>MW</v>
          </cell>
          <cell r="D835" t="str">
            <v>PD-INTGT</v>
          </cell>
          <cell r="E835" t="str">
            <v>Power Delivery - Integrity</v>
          </cell>
          <cell r="F835" t="str">
            <v>UGCABREPIN</v>
          </cell>
          <cell r="G835" t="str">
            <v>Replace UG Cable due to failure that is not PILC type cable, ie, “Capital” Burn Outs, Company Own IN</v>
          </cell>
          <cell r="H835" t="str">
            <v>PD-INTGT \ UGCABREPIN</v>
          </cell>
          <cell r="I835" t="str">
            <v>RUC</v>
          </cell>
          <cell r="J835" t="str">
            <v>UGCRIN</v>
          </cell>
          <cell r="K835" t="str">
            <v>I</v>
          </cell>
          <cell r="L835" t="str">
            <v>Replace UG Cable due to failure that is not PILC type cable, ie, Capital Burn Outs, Company Own IN</v>
          </cell>
          <cell r="M835" t="str">
            <v>N</v>
          </cell>
        </row>
        <row r="836">
          <cell r="A836" t="str">
            <v>UGCRIN</v>
          </cell>
          <cell r="B836" t="str">
            <v>PD Capital</v>
          </cell>
          <cell r="C836" t="str">
            <v>MW</v>
          </cell>
          <cell r="D836" t="str">
            <v>PD-RELIA</v>
          </cell>
          <cell r="E836" t="str">
            <v>Power Delivery - Reliability</v>
          </cell>
          <cell r="F836" t="str">
            <v>OTHER UGIN</v>
          </cell>
          <cell r="G836" t="str">
            <v>Other UG -install/remove/replace units of property not identified by LIP IN</v>
          </cell>
          <cell r="H836" t="str">
            <v>PD-RELIA \ OTHER UGIN</v>
          </cell>
          <cell r="I836" t="str">
            <v>RUC</v>
          </cell>
          <cell r="J836" t="str">
            <v>UGCRIN</v>
          </cell>
          <cell r="K836" t="str">
            <v>I</v>
          </cell>
          <cell r="L836" t="str">
            <v>Other UG -install/remove/replace units of property not identified by LIP IN</v>
          </cell>
          <cell r="M836" t="str">
            <v>N</v>
          </cell>
        </row>
        <row r="837">
          <cell r="A837" t="str">
            <v>UGCRKY</v>
          </cell>
          <cell r="B837" t="str">
            <v>PD Capital</v>
          </cell>
          <cell r="C837" t="str">
            <v>MW</v>
          </cell>
          <cell r="D837" t="str">
            <v>PD-INTGT</v>
          </cell>
          <cell r="E837" t="str">
            <v>Power Delivery - Integrity</v>
          </cell>
          <cell r="F837" t="str">
            <v>UGCABREPKY</v>
          </cell>
          <cell r="G837" t="str">
            <v>Replace UG Cable due to failure that is not PILC type cable, ie, “Capital” Burn Outs, Company Own KY</v>
          </cell>
          <cell r="H837" t="str">
            <v>PD-INTGT \ UGCABREPKY</v>
          </cell>
          <cell r="I837" t="str">
            <v>RUC</v>
          </cell>
          <cell r="J837" t="str">
            <v>UGCRKY</v>
          </cell>
          <cell r="K837" t="str">
            <v>I</v>
          </cell>
          <cell r="L837" t="str">
            <v>Replace UG Cable due to failure that is not PILC type cable, ie, Capital Burn Outs, Company Own KY</v>
          </cell>
          <cell r="M837" t="str">
            <v>N</v>
          </cell>
        </row>
        <row r="838">
          <cell r="A838" t="str">
            <v>UGCRKY</v>
          </cell>
          <cell r="B838" t="str">
            <v>PD Capital</v>
          </cell>
          <cell r="C838" t="str">
            <v>MW</v>
          </cell>
          <cell r="D838" t="str">
            <v>PD-RELIA</v>
          </cell>
          <cell r="E838" t="str">
            <v>Power Delivery - Reliability</v>
          </cell>
          <cell r="F838" t="str">
            <v>OTHER UGKY</v>
          </cell>
          <cell r="G838" t="str">
            <v>Other UG -install/remove/replace units of property not identified by LIP KY</v>
          </cell>
          <cell r="H838" t="str">
            <v>PD-RELIA \ OTHER UGKY</v>
          </cell>
          <cell r="I838" t="str">
            <v>RUC</v>
          </cell>
          <cell r="J838" t="str">
            <v>UGCRKY</v>
          </cell>
          <cell r="K838" t="str">
            <v>I</v>
          </cell>
          <cell r="L838" t="str">
            <v>Other UG -install/remove/replace units of property not identified by LIP KY</v>
          </cell>
          <cell r="M838" t="str">
            <v>N</v>
          </cell>
        </row>
        <row r="839">
          <cell r="A839" t="str">
            <v>UGCROH</v>
          </cell>
          <cell r="B839" t="str">
            <v>PD Capital</v>
          </cell>
          <cell r="C839" t="str">
            <v>MW</v>
          </cell>
          <cell r="D839" t="str">
            <v>PD-INTGT</v>
          </cell>
          <cell r="E839" t="str">
            <v>Power Delivery - Integrity</v>
          </cell>
          <cell r="F839" t="str">
            <v>UGCABREPOH</v>
          </cell>
          <cell r="G839" t="str">
            <v>Replace UG Cable due to failure that is not PILC type cable, ie, “Capital” Burn Outs, Company Own OH</v>
          </cell>
          <cell r="H839" t="str">
            <v>PD-INTGT \ UGCABREPOH</v>
          </cell>
          <cell r="I839" t="str">
            <v>RUC</v>
          </cell>
          <cell r="J839" t="str">
            <v>UGCROH</v>
          </cell>
          <cell r="K839" t="str">
            <v>I</v>
          </cell>
          <cell r="L839" t="str">
            <v>Replace UG Cable due to failure that is not PILC type cable, ie, Capital Burn Outs, Company Own OH</v>
          </cell>
          <cell r="M839" t="str">
            <v>N</v>
          </cell>
        </row>
        <row r="840">
          <cell r="A840" t="str">
            <v>UGCROH</v>
          </cell>
          <cell r="B840" t="str">
            <v>PD Capital</v>
          </cell>
          <cell r="C840" t="str">
            <v>MW</v>
          </cell>
          <cell r="D840" t="str">
            <v>PD-RELIA</v>
          </cell>
          <cell r="E840" t="str">
            <v>Power Delivery - Reliability</v>
          </cell>
          <cell r="F840" t="str">
            <v>OTHER UGOH</v>
          </cell>
          <cell r="G840" t="str">
            <v>Other UG -install/remove/replace units of property not identified by LIP OH</v>
          </cell>
          <cell r="H840" t="str">
            <v>PD-RELIA \ OTHER UGOH</v>
          </cell>
          <cell r="I840" t="str">
            <v>RUC</v>
          </cell>
          <cell r="J840" t="str">
            <v>UGCROH</v>
          </cell>
          <cell r="K840" t="str">
            <v>I</v>
          </cell>
          <cell r="L840" t="str">
            <v>Other UG -install/remove/replace units of property not identified by LIP OH</v>
          </cell>
          <cell r="M840" t="str">
            <v>N</v>
          </cell>
        </row>
        <row r="841">
          <cell r="A841" t="str">
            <v>UGLOC</v>
          </cell>
          <cell r="B841" t="str">
            <v>PD O&amp;M</v>
          </cell>
          <cell r="C841" t="str">
            <v>MW</v>
          </cell>
          <cell r="D841" t="str">
            <v>PD-LOCAT</v>
          </cell>
          <cell r="E841" t="str">
            <v>Cable Locates</v>
          </cell>
          <cell r="F841" t="str">
            <v>C LOCATE</v>
          </cell>
          <cell r="G841" t="str">
            <v>Cable Locates</v>
          </cell>
          <cell r="H841" t="str">
            <v>PD-LOCAT \ C LOCATE</v>
          </cell>
          <cell r="I841" t="str">
            <v>UGLOC</v>
          </cell>
          <cell r="J841" t="str">
            <v>UGLOC</v>
          </cell>
          <cell r="K841" t="str">
            <v>X</v>
          </cell>
          <cell r="L841" t="str">
            <v>Cable Locates</v>
          </cell>
          <cell r="M841" t="str">
            <v>N</v>
          </cell>
        </row>
        <row r="842">
          <cell r="A842" t="str">
            <v>VAULTI</v>
          </cell>
          <cell r="B842" t="str">
            <v>PD O&amp;M</v>
          </cell>
          <cell r="C842" t="str">
            <v>MW</v>
          </cell>
          <cell r="D842" t="str">
            <v>PD-INSP</v>
          </cell>
          <cell r="E842" t="e">
            <v>#N/A</v>
          </cell>
          <cell r="F842" t="str">
            <v>N VAULTS</v>
          </cell>
          <cell r="G842" t="e">
            <v>#N/A</v>
          </cell>
          <cell r="H842" t="str">
            <v>PD-INSP \ N VAULTS</v>
          </cell>
          <cell r="I842"/>
          <cell r="J842" t="str">
            <v>VAULTI</v>
          </cell>
          <cell r="K842" t="str">
            <v>X</v>
          </cell>
          <cell r="L842" t="str">
            <v>INSPECTION OF NETWORK VAULTS</v>
          </cell>
          <cell r="M842" t="str">
            <v>N</v>
          </cell>
        </row>
        <row r="843">
          <cell r="A843" t="str">
            <v>VMDDTIN</v>
          </cell>
          <cell r="B843" t="str">
            <v>PD Veg Mgmt</v>
          </cell>
          <cell r="C843" t="str">
            <v>Veg</v>
          </cell>
          <cell r="D843" t="str">
            <v>PD-DVEGC</v>
          </cell>
          <cell r="E843" t="str">
            <v>Vegetation Management - Distribution - Capital</v>
          </cell>
          <cell r="F843" t="str">
            <v>DCIRMAININ</v>
          </cell>
          <cell r="G843" t="str">
            <v>Veg Mgmt - Distribution routine circuit maintenance.</v>
          </cell>
          <cell r="H843" t="str">
            <v>PD-DVEGC \ DCIRMAININ</v>
          </cell>
          <cell r="I843" t="str">
            <v>DLCREMV</v>
          </cell>
          <cell r="J843" t="str">
            <v>VMDDTIN</v>
          </cell>
          <cell r="K843" t="str">
            <v>I</v>
          </cell>
          <cell r="L843" t="str">
            <v>Veg Mgmt - Distribution routine circuit maintenance IN</v>
          </cell>
          <cell r="M843" t="str">
            <v>N</v>
          </cell>
        </row>
        <row r="844">
          <cell r="A844" t="str">
            <v>VMDDTIN</v>
          </cell>
          <cell r="B844" t="str">
            <v>PD Veg Mgmt</v>
          </cell>
          <cell r="C844" t="str">
            <v>Veg</v>
          </cell>
          <cell r="D844" t="str">
            <v>PD-DVEGC</v>
          </cell>
          <cell r="E844" t="str">
            <v>Vegetation Management - Distribution - Capital</v>
          </cell>
          <cell r="F844" t="str">
            <v>DVMFUCUSIN</v>
          </cell>
          <cell r="G844" t="str">
            <v>Vegetation related requests from customers were it is deemed work is necessary.</v>
          </cell>
          <cell r="H844" t="str">
            <v>PD-DVEGC \ DVMFUCUSIN</v>
          </cell>
          <cell r="I844" t="str">
            <v>DLCREMV</v>
          </cell>
          <cell r="J844" t="str">
            <v>VMDDTIN</v>
          </cell>
          <cell r="K844" t="str">
            <v>I</v>
          </cell>
          <cell r="L844" t="str">
            <v>Vegetation related requests from customers were it is deemed work is necessary IN</v>
          </cell>
          <cell r="M844" t="str">
            <v>N</v>
          </cell>
        </row>
        <row r="845">
          <cell r="A845" t="str">
            <v>VMDDTIN</v>
          </cell>
          <cell r="B845" t="str">
            <v>PD Veg Mgmt</v>
          </cell>
          <cell r="C845" t="str">
            <v>Veg</v>
          </cell>
          <cell r="D845" t="str">
            <v>PD-DVEGC</v>
          </cell>
          <cell r="E845" t="str">
            <v>Vegetation Management - Distribution - Capital</v>
          </cell>
          <cell r="F845" t="str">
            <v>DVMFURIIN</v>
          </cell>
          <cell r="G845" t="str">
            <v>Veg related follow up requests from field opers - major outage fu or other R&amp;I requests.</v>
          </cell>
          <cell r="H845" t="str">
            <v>PD-DVEGC \ DVMFURIIN</v>
          </cell>
          <cell r="I845" t="str">
            <v>DLCREMV</v>
          </cell>
          <cell r="J845" t="str">
            <v>VMDDTIN</v>
          </cell>
          <cell r="K845" t="str">
            <v>I</v>
          </cell>
          <cell r="L845" t="str">
            <v>Veg related follow up requests from field opers - major outage fu or other R&amp;I requests IN</v>
          </cell>
          <cell r="M845" t="str">
            <v>N</v>
          </cell>
        </row>
        <row r="846">
          <cell r="A846" t="str">
            <v>VMDDTIN</v>
          </cell>
          <cell r="B846" t="str">
            <v>PD Veg Mgmt</v>
          </cell>
          <cell r="C846" t="str">
            <v>Veg</v>
          </cell>
          <cell r="D846" t="str">
            <v>PD-TVEGC</v>
          </cell>
          <cell r="E846" t="str">
            <v>Vegetation Management - Tranmission - Capital</v>
          </cell>
          <cell r="F846" t="str">
            <v>TVMFUCUSIN</v>
          </cell>
          <cell r="G846" t="str">
            <v>Vegetation related requests from customers where it is deemed work is necessary.</v>
          </cell>
          <cell r="H846" t="str">
            <v>PD-TVEGC \ TVMFUCUSIN</v>
          </cell>
          <cell r="I846" t="str">
            <v>DLCREMV</v>
          </cell>
          <cell r="J846" t="str">
            <v>VMDDTIN</v>
          </cell>
          <cell r="K846" t="str">
            <v>I</v>
          </cell>
          <cell r="L846" t="str">
            <v>Vegetation related requests from customers where it is deemed work is necessary IN</v>
          </cell>
          <cell r="M846" t="str">
            <v>N</v>
          </cell>
        </row>
        <row r="847">
          <cell r="A847" t="str">
            <v>VMDDTIN</v>
          </cell>
          <cell r="B847" t="str">
            <v>PD Veg Mgmt</v>
          </cell>
          <cell r="C847" t="str">
            <v>Veg</v>
          </cell>
          <cell r="D847" t="str">
            <v>PD-TVEGC</v>
          </cell>
          <cell r="E847" t="str">
            <v>Vegetation Management - Tranmission - Capital</v>
          </cell>
          <cell r="F847" t="str">
            <v>TVMFURIIN</v>
          </cell>
          <cell r="G847" t="str">
            <v>Veg related follow up requests from field opers - major outage fu or other R&amp;I requests.</v>
          </cell>
          <cell r="H847" t="str">
            <v>PD-TVEGC \ TVMFURIIN</v>
          </cell>
          <cell r="I847" t="str">
            <v>DLCREMV</v>
          </cell>
          <cell r="J847" t="str">
            <v>VMDDTIN</v>
          </cell>
          <cell r="K847" t="str">
            <v>I</v>
          </cell>
          <cell r="L847" t="str">
            <v>Veg related follow up requests from field opers - major outage fu or other R&amp;I requests IN</v>
          </cell>
          <cell r="M847" t="str">
            <v>N</v>
          </cell>
        </row>
        <row r="848">
          <cell r="A848" t="str">
            <v>VMDDTKY</v>
          </cell>
          <cell r="B848" t="str">
            <v>PD Veg Mgmt</v>
          </cell>
          <cell r="C848" t="str">
            <v>Veg</v>
          </cell>
          <cell r="D848" t="str">
            <v>PD-DVEGC</v>
          </cell>
          <cell r="E848" t="str">
            <v>Vegetation Management - Distribution - Capital</v>
          </cell>
          <cell r="F848" t="str">
            <v>DCIRMAINKY</v>
          </cell>
          <cell r="G848" t="str">
            <v>Veg Mgmt - Distribution routine circuit maintenance.</v>
          </cell>
          <cell r="H848" t="str">
            <v>PD-DVEGC \ DCIRMAINKY</v>
          </cell>
          <cell r="I848" t="str">
            <v>DLCREMV</v>
          </cell>
          <cell r="J848" t="str">
            <v>VMDDTKY</v>
          </cell>
          <cell r="K848" t="str">
            <v>I</v>
          </cell>
          <cell r="L848" t="str">
            <v>Veg Mgmt - Distribution routine circuit maintenance KY</v>
          </cell>
          <cell r="M848" t="str">
            <v>N</v>
          </cell>
        </row>
        <row r="849">
          <cell r="A849" t="str">
            <v>VMDDTKY</v>
          </cell>
          <cell r="B849" t="str">
            <v>PD Veg Mgmt</v>
          </cell>
          <cell r="C849" t="str">
            <v>Veg</v>
          </cell>
          <cell r="D849" t="str">
            <v>PD-DVEGC</v>
          </cell>
          <cell r="E849" t="str">
            <v>Vegetation Management - Distribution - Capital</v>
          </cell>
          <cell r="F849" t="str">
            <v>DVMFUCUSKY</v>
          </cell>
          <cell r="G849" t="str">
            <v>Vegetation related requests from customers were it is deemed work is necessary.</v>
          </cell>
          <cell r="H849" t="str">
            <v>PD-DVEGC \ DVMFUCUSKY</v>
          </cell>
          <cell r="I849" t="str">
            <v>DLCREMV</v>
          </cell>
          <cell r="J849" t="str">
            <v>VMDDTKY</v>
          </cell>
          <cell r="K849" t="str">
            <v>I</v>
          </cell>
          <cell r="L849" t="str">
            <v>Vegetation related requests from customers were it is deemed work is necessary KY</v>
          </cell>
          <cell r="M849" t="str">
            <v>N</v>
          </cell>
        </row>
        <row r="850">
          <cell r="A850" t="str">
            <v>VMDDTKY</v>
          </cell>
          <cell r="B850" t="str">
            <v>PD Veg Mgmt</v>
          </cell>
          <cell r="C850" t="str">
            <v>Veg</v>
          </cell>
          <cell r="D850" t="str">
            <v>PD-DVEGC</v>
          </cell>
          <cell r="E850" t="str">
            <v>Vegetation Management - Distribution - Capital</v>
          </cell>
          <cell r="F850" t="str">
            <v>DVMFURIKY</v>
          </cell>
          <cell r="G850" t="str">
            <v>Veg related follow up requests from field opers - major outage fu or other R&amp;I requests.</v>
          </cell>
          <cell r="H850" t="str">
            <v>PD-DVEGC \ DVMFURIKY</v>
          </cell>
          <cell r="I850" t="str">
            <v>DLCREMV</v>
          </cell>
          <cell r="J850" t="str">
            <v>VMDDTKY</v>
          </cell>
          <cell r="K850" t="str">
            <v>I</v>
          </cell>
          <cell r="L850" t="str">
            <v>Veg related follow up requests from field opers - major outage fu or other R&amp;I requests KY</v>
          </cell>
          <cell r="M850" t="str">
            <v>N</v>
          </cell>
        </row>
        <row r="851">
          <cell r="A851" t="str">
            <v>VMDDTKY</v>
          </cell>
          <cell r="B851" t="str">
            <v>PD Veg Mgmt</v>
          </cell>
          <cell r="C851" t="str">
            <v>Veg</v>
          </cell>
          <cell r="D851" t="str">
            <v>PD-TVEGC</v>
          </cell>
          <cell r="E851" t="str">
            <v>Vegetation Management - Tranmission - Capital</v>
          </cell>
          <cell r="F851" t="str">
            <v>TVMFUCUSKY</v>
          </cell>
          <cell r="G851" t="str">
            <v>Vegetation related requests from customers where it is deemed work is necessary.</v>
          </cell>
          <cell r="H851" t="str">
            <v>PD-TVEGC \ TVMFUCUSKY</v>
          </cell>
          <cell r="I851" t="str">
            <v>DLCREMV</v>
          </cell>
          <cell r="J851" t="str">
            <v>VMDDTKY</v>
          </cell>
          <cell r="K851" t="str">
            <v>I</v>
          </cell>
          <cell r="L851" t="str">
            <v>Vegetation related requests from customers where it is deemed work is necessary KY</v>
          </cell>
          <cell r="M851" t="str">
            <v>N</v>
          </cell>
        </row>
        <row r="852">
          <cell r="A852" t="str">
            <v>VMDDTKY</v>
          </cell>
          <cell r="B852" t="str">
            <v>PD Veg Mgmt</v>
          </cell>
          <cell r="C852" t="str">
            <v>Veg</v>
          </cell>
          <cell r="D852" t="str">
            <v>PD-TVEGC</v>
          </cell>
          <cell r="E852" t="str">
            <v>Vegetation Management - Tranmission - Capital</v>
          </cell>
          <cell r="F852" t="str">
            <v>TVMFURIKY</v>
          </cell>
          <cell r="G852" t="str">
            <v>Veg related follow up requests from field opers - major outage fu or other R&amp;I requests.</v>
          </cell>
          <cell r="H852" t="str">
            <v>PD-TVEGC \ TVMFURIKY</v>
          </cell>
          <cell r="I852" t="str">
            <v>DLCREMV</v>
          </cell>
          <cell r="J852" t="str">
            <v>VMDDTKY</v>
          </cell>
          <cell r="K852" t="str">
            <v>I</v>
          </cell>
          <cell r="L852" t="str">
            <v>Veg related follow up requests from field opers - major outage fu or other R&amp;I requests KY</v>
          </cell>
          <cell r="M852" t="str">
            <v>N</v>
          </cell>
        </row>
        <row r="853">
          <cell r="A853" t="str">
            <v>VMDDTOH</v>
          </cell>
          <cell r="B853" t="str">
            <v>PD Veg Mgmt</v>
          </cell>
          <cell r="C853" t="str">
            <v>Veg</v>
          </cell>
          <cell r="D853" t="str">
            <v>PD-DVEGC</v>
          </cell>
          <cell r="E853" t="str">
            <v>Vegetation Management - Distribution - Capital</v>
          </cell>
          <cell r="F853" t="str">
            <v>DCIRMAINOH</v>
          </cell>
          <cell r="G853" t="str">
            <v>Veg Mgmt - Distribution routine circuit maintenance.</v>
          </cell>
          <cell r="H853" t="str">
            <v>PD-DVEGC \ DCIRMAINOH</v>
          </cell>
          <cell r="I853" t="str">
            <v>DLCREMV</v>
          </cell>
          <cell r="J853" t="str">
            <v>VMDDTOH</v>
          </cell>
          <cell r="K853" t="str">
            <v>I</v>
          </cell>
          <cell r="L853" t="str">
            <v>Veg Mgmt - Distribution routine circuit maintenance OH</v>
          </cell>
          <cell r="M853" t="str">
            <v>N</v>
          </cell>
        </row>
        <row r="854">
          <cell r="A854" t="str">
            <v>VMDDTOH</v>
          </cell>
          <cell r="B854" t="str">
            <v>PD Veg Mgmt</v>
          </cell>
          <cell r="C854" t="str">
            <v>Veg</v>
          </cell>
          <cell r="D854" t="str">
            <v>PD-DVEGC</v>
          </cell>
          <cell r="E854" t="str">
            <v>Vegetation Management - Distribution - Capital</v>
          </cell>
          <cell r="F854" t="str">
            <v>DVMFUCUSOH</v>
          </cell>
          <cell r="G854" t="str">
            <v>Vegetation related requests from customers were it is deemed work is necessary.</v>
          </cell>
          <cell r="H854" t="str">
            <v>PD-DVEGC \ DVMFUCUSOH</v>
          </cell>
          <cell r="I854" t="str">
            <v>DLCREMV</v>
          </cell>
          <cell r="J854" t="str">
            <v>VMDDTOH</v>
          </cell>
          <cell r="K854" t="str">
            <v>I</v>
          </cell>
          <cell r="L854" t="str">
            <v>Vegetation related requests from customers were it is deemed work is necessary OH</v>
          </cell>
          <cell r="M854" t="str">
            <v>N</v>
          </cell>
        </row>
        <row r="855">
          <cell r="A855" t="str">
            <v>VMDDTOH</v>
          </cell>
          <cell r="B855" t="str">
            <v>PD Veg Mgmt</v>
          </cell>
          <cell r="C855" t="str">
            <v>Veg</v>
          </cell>
          <cell r="D855" t="str">
            <v>PD-DVEGC</v>
          </cell>
          <cell r="E855" t="str">
            <v>Vegetation Management - Distribution - Capital</v>
          </cell>
          <cell r="F855" t="str">
            <v>DVMFURIOH</v>
          </cell>
          <cell r="G855" t="str">
            <v>Veg related follow up requests from field opers - major outage fu or other R&amp;I requests.</v>
          </cell>
          <cell r="H855" t="str">
            <v>PD-DVEGC \ DVMFURIOH</v>
          </cell>
          <cell r="I855" t="str">
            <v>DLCREMV</v>
          </cell>
          <cell r="J855" t="str">
            <v>VMDDTOH</v>
          </cell>
          <cell r="K855" t="str">
            <v>I</v>
          </cell>
          <cell r="L855" t="str">
            <v>Veg related follow up requests from field opers - major outage fu or other R&amp;I requests OH</v>
          </cell>
          <cell r="M855" t="str">
            <v>N</v>
          </cell>
        </row>
        <row r="856">
          <cell r="A856" t="str">
            <v>VMDDTOH</v>
          </cell>
          <cell r="B856" t="str">
            <v>PD Veg Mgmt</v>
          </cell>
          <cell r="C856" t="str">
            <v>Veg</v>
          </cell>
          <cell r="D856" t="str">
            <v>PD-TVEGC</v>
          </cell>
          <cell r="E856" t="str">
            <v>Vegetation Management - Tranmission - Capital</v>
          </cell>
          <cell r="F856" t="str">
            <v>TVMFUCUSOH</v>
          </cell>
          <cell r="G856" t="str">
            <v>Vegetation related requests from customers where it is deemed work is necessary.</v>
          </cell>
          <cell r="H856" t="str">
            <v>PD-TVEGC \ TVMFUCUSOH</v>
          </cell>
          <cell r="I856" t="str">
            <v>DLCREMV</v>
          </cell>
          <cell r="J856" t="str">
            <v>VMDDTOH</v>
          </cell>
          <cell r="K856" t="str">
            <v>I</v>
          </cell>
          <cell r="L856" t="str">
            <v>Vegetation related requests from customers where it is deemed work is necessary OH</v>
          </cell>
          <cell r="M856" t="str">
            <v>N</v>
          </cell>
        </row>
        <row r="857">
          <cell r="A857" t="str">
            <v>VMDDTOH</v>
          </cell>
          <cell r="B857" t="str">
            <v>PD Veg Mgmt</v>
          </cell>
          <cell r="C857" t="str">
            <v>Veg</v>
          </cell>
          <cell r="D857" t="str">
            <v>PD-TVEGC</v>
          </cell>
          <cell r="E857" t="str">
            <v>Vegetation Management - Tranmission - Capital</v>
          </cell>
          <cell r="F857" t="str">
            <v>TVMFURIOH</v>
          </cell>
          <cell r="G857" t="str">
            <v>Veg related follow up requests from field opers - major outage fu or other R&amp;I requests.</v>
          </cell>
          <cell r="H857" t="str">
            <v>PD-TVEGC \ TVMFURIOH</v>
          </cell>
          <cell r="I857" t="str">
            <v>DLCREMV</v>
          </cell>
          <cell r="J857" t="str">
            <v>VMDDTOH</v>
          </cell>
          <cell r="K857" t="str">
            <v>I</v>
          </cell>
          <cell r="L857" t="str">
            <v>Veg related follow up requests from field opers - major outage fu or other R&amp;I requests OH</v>
          </cell>
          <cell r="M857" t="str">
            <v>N</v>
          </cell>
        </row>
        <row r="858">
          <cell r="A858" t="str">
            <v>VMTDIN</v>
          </cell>
          <cell r="B858" t="str">
            <v>PD Veg Mgmt</v>
          </cell>
          <cell r="C858" t="str">
            <v>Veg</v>
          </cell>
          <cell r="D858" t="str">
            <v>PD-TVEGC</v>
          </cell>
          <cell r="E858" t="str">
            <v>Vegetation Management - Tranmission - Capital</v>
          </cell>
          <cell r="F858" t="str">
            <v>TBASEIN</v>
          </cell>
          <cell r="G858" t="str">
            <v>Baseline Danger Tree program</v>
          </cell>
          <cell r="H858" t="str">
            <v>PD-TVEGC \ TBASEIN</v>
          </cell>
          <cell r="I858" t="str">
            <v>TLCREMV</v>
          </cell>
          <cell r="J858" t="str">
            <v>VMTDIN</v>
          </cell>
          <cell r="K858" t="str">
            <v>I</v>
          </cell>
          <cell r="L858" t="str">
            <v>Baseline Danger Tree program IN</v>
          </cell>
          <cell r="M858" t="str">
            <v>N</v>
          </cell>
        </row>
        <row r="859">
          <cell r="A859" t="str">
            <v>VMTDKY</v>
          </cell>
          <cell r="B859" t="str">
            <v>PD Veg Mgmt</v>
          </cell>
          <cell r="C859" t="str">
            <v>Veg</v>
          </cell>
          <cell r="D859" t="str">
            <v>PD-TVEGC</v>
          </cell>
          <cell r="E859" t="str">
            <v>Vegetation Management - Tranmission - Capital</v>
          </cell>
          <cell r="F859" t="str">
            <v>TBASEKY</v>
          </cell>
          <cell r="G859" t="str">
            <v>Baseline Danger Tree program</v>
          </cell>
          <cell r="H859" t="str">
            <v>PD-TVEGC \ TBASEKY</v>
          </cell>
          <cell r="I859" t="str">
            <v>TLCREMV</v>
          </cell>
          <cell r="J859" t="str">
            <v>VMTDKY</v>
          </cell>
          <cell r="K859" t="str">
            <v>I</v>
          </cell>
          <cell r="L859" t="str">
            <v>Baseline Danger Tree program KY</v>
          </cell>
          <cell r="M859" t="str">
            <v>N</v>
          </cell>
        </row>
        <row r="860">
          <cell r="A860" t="str">
            <v>VMTDOH</v>
          </cell>
          <cell r="B860" t="str">
            <v>PD Veg Mgmt</v>
          </cell>
          <cell r="C860" t="str">
            <v>Veg</v>
          </cell>
          <cell r="D860" t="str">
            <v>PD-TVEGC</v>
          </cell>
          <cell r="E860" t="str">
            <v>Vegetation Management - Tranmission - Capital</v>
          </cell>
          <cell r="F860" t="str">
            <v>TBASEOH</v>
          </cell>
          <cell r="G860" t="str">
            <v>Baseline Danger Tree program</v>
          </cell>
          <cell r="H860" t="str">
            <v>PD-TVEGC \ TBASEOH</v>
          </cell>
          <cell r="I860" t="str">
            <v>TLCREMV</v>
          </cell>
          <cell r="J860" t="str">
            <v>VMTDOH</v>
          </cell>
          <cell r="K860" t="str">
            <v>I</v>
          </cell>
          <cell r="L860" t="str">
            <v>Baseline Danger Tree program OH</v>
          </cell>
          <cell r="M860" t="str">
            <v>N</v>
          </cell>
        </row>
        <row r="861">
          <cell r="A861" t="str">
            <v>ZB001</v>
          </cell>
          <cell r="B861" t="str">
            <v>Gas Capital</v>
          </cell>
          <cell r="C861" t="str">
            <v>Gas</v>
          </cell>
          <cell r="D861" t="str">
            <v>GO-RIRPLKY</v>
          </cell>
          <cell r="E861" t="str">
            <v>Gas Operations - Riser Replacement - KY</v>
          </cell>
          <cell r="F861" t="str">
            <v>INSTARRP</v>
          </cell>
          <cell r="G861" t="str">
            <v>INSTALL ARRP RISER/RISER ADAPTER</v>
          </cell>
          <cell r="H861" t="str">
            <v>GO-RIRPLKY \ INSTARRP</v>
          </cell>
          <cell r="I861"/>
          <cell r="J861" t="str">
            <v>ZB001</v>
          </cell>
          <cell r="K861" t="str">
            <v>I</v>
          </cell>
          <cell r="L861" t="str">
            <v>INSTALL ARRP RISER/RISER ADAPTER</v>
          </cell>
          <cell r="M861" t="str">
            <v>N</v>
          </cell>
        </row>
        <row r="862">
          <cell r="A862" t="str">
            <v>ZB001</v>
          </cell>
          <cell r="B862" t="str">
            <v>Gas Capital</v>
          </cell>
          <cell r="C862" t="str">
            <v>Gas</v>
          </cell>
          <cell r="D862" t="str">
            <v>GO-RIRPLKY</v>
          </cell>
          <cell r="E862" t="str">
            <v>Gas Operations - Riser Replacement - KY</v>
          </cell>
          <cell r="F862" t="str">
            <v>INSTROP</v>
          </cell>
          <cell r="G862" t="str">
            <v>INSTALL ROP RISER/RISER ADAPTER</v>
          </cell>
          <cell r="H862" t="str">
            <v>GO-RIRPLKY \ INSTROP</v>
          </cell>
          <cell r="I862"/>
          <cell r="J862" t="str">
            <v>ZB001</v>
          </cell>
          <cell r="K862" t="str">
            <v>I</v>
          </cell>
          <cell r="L862" t="str">
            <v>INSTALL ROP RISER/RISER ADAPTER</v>
          </cell>
          <cell r="M862" t="str">
            <v>N</v>
          </cell>
        </row>
        <row r="863">
          <cell r="A863" t="str">
            <v>ZT029</v>
          </cell>
          <cell r="B863" t="str">
            <v>Gas Capital</v>
          </cell>
          <cell r="C863" t="str">
            <v>Gas</v>
          </cell>
          <cell r="D863" t="str">
            <v>GO-TOOLS</v>
          </cell>
          <cell r="E863" t="str">
            <v>Gas Operations - Tools</v>
          </cell>
          <cell r="F863" t="str">
            <v>PURMETTOOL</v>
          </cell>
          <cell r="G863" t="str">
            <v>PURCHASE METER TOOLS KENTUCKY</v>
          </cell>
          <cell r="H863" t="str">
            <v>GO-TOOLS \ PURMETTOOL</v>
          </cell>
          <cell r="I863"/>
          <cell r="J863" t="str">
            <v>ZT029</v>
          </cell>
          <cell r="K863" t="str">
            <v>I</v>
          </cell>
          <cell r="L863" t="str">
            <v>PURCHASE METER TOOLS OHIO</v>
          </cell>
          <cell r="M863" t="str">
            <v>N</v>
          </cell>
        </row>
        <row r="864">
          <cell r="A864" t="str">
            <v>ZT075</v>
          </cell>
          <cell r="B864" t="str">
            <v>Gas Capital</v>
          </cell>
          <cell r="C864" t="str">
            <v>Gas</v>
          </cell>
          <cell r="D864" t="str">
            <v>GO-TOOLS</v>
          </cell>
          <cell r="E864" t="str">
            <v>Gas Operations - Tools</v>
          </cell>
          <cell r="F864" t="str">
            <v>PURMETTOOL</v>
          </cell>
          <cell r="G864" t="str">
            <v>PURCHASE METER TOOLS KENTUCKY</v>
          </cell>
          <cell r="H864" t="str">
            <v>GO-TOOLS \ PURMETTOOL</v>
          </cell>
          <cell r="I864"/>
          <cell r="J864" t="str">
            <v>ZT075</v>
          </cell>
          <cell r="K864" t="str">
            <v>I</v>
          </cell>
          <cell r="L864" t="str">
            <v>PURCHASE METER TOOLS KENTUCKY</v>
          </cell>
          <cell r="M864" t="str">
            <v>N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>
        <row r="1">
          <cell r="A1" t="str">
            <v>Project for VLOOKUP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EC MP Report (Jan2010)"/>
      <sheetName val="BOD Slide Prelim (Kristine) (2)"/>
      <sheetName val="PEC CMR Capital Category "/>
      <sheetName val="122009Speaker Notes-Category"/>
      <sheetName val="CapEx by Category (Annual B)"/>
      <sheetName val="CapEx by Category Status"/>
      <sheetName val="Major Project Dashboard"/>
      <sheetName val="122009Speaker Notes-MP"/>
      <sheetName val="MP"/>
      <sheetName val="Major Project Details"/>
      <sheetName val="AFUDC"/>
      <sheetName val=" JO"/>
      <sheetName val="Slides"/>
      <sheetName val="Major Projects Cash flow"/>
      <sheetName val="Sheet1"/>
      <sheetName val="WT-ST LOOKUP - 010710"/>
    </sheetNames>
    <sheetDataSet>
      <sheetData sheetId="0" refreshError="1">
        <row r="2">
          <cell r="K2" t="str">
            <v>Budget</v>
          </cell>
        </row>
        <row r="3">
          <cell r="J3" t="str">
            <v>Main</v>
          </cell>
          <cell r="K3">
            <v>11003</v>
          </cell>
        </row>
        <row r="4">
          <cell r="J4" t="str">
            <v>Service Company</v>
          </cell>
          <cell r="K4">
            <v>1</v>
          </cell>
        </row>
        <row r="5">
          <cell r="J5" t="str">
            <v>Pension</v>
          </cell>
          <cell r="K5">
            <v>17</v>
          </cell>
        </row>
        <row r="6">
          <cell r="J6" t="str">
            <v>AFUDC</v>
          </cell>
          <cell r="K6">
            <v>4050</v>
          </cell>
        </row>
        <row r="7">
          <cell r="J7" t="str">
            <v>Joint Owner</v>
          </cell>
          <cell r="K7">
            <v>-2957</v>
          </cell>
        </row>
        <row r="8">
          <cell r="J8" t="str">
            <v>Brunswick Spent Dry Fuel Storage</v>
          </cell>
          <cell r="K8">
            <v>12114</v>
          </cell>
        </row>
        <row r="9">
          <cell r="J9" t="str">
            <v>x</v>
          </cell>
        </row>
        <row r="10">
          <cell r="J10" t="str">
            <v>Main</v>
          </cell>
          <cell r="K10">
            <v>23439</v>
          </cell>
        </row>
        <row r="11">
          <cell r="J11" t="str">
            <v>Service Company</v>
          </cell>
          <cell r="K11">
            <v>32</v>
          </cell>
        </row>
        <row r="12">
          <cell r="J12" t="str">
            <v>Pension</v>
          </cell>
          <cell r="K12">
            <v>65</v>
          </cell>
        </row>
        <row r="13">
          <cell r="J13" t="str">
            <v>AFUDC</v>
          </cell>
          <cell r="K13">
            <v>1778</v>
          </cell>
        </row>
        <row r="14">
          <cell r="J14" t="str">
            <v>Eastern Transmission Grid Import</v>
          </cell>
          <cell r="K14">
            <v>25313</v>
          </cell>
        </row>
        <row r="15">
          <cell r="J15" t="str">
            <v>x</v>
          </cell>
        </row>
        <row r="16">
          <cell r="J16" t="str">
            <v>Main</v>
          </cell>
          <cell r="K16">
            <v>17673</v>
          </cell>
        </row>
        <row r="17">
          <cell r="J17" t="str">
            <v>Service Company</v>
          </cell>
          <cell r="K17">
            <v>11</v>
          </cell>
        </row>
        <row r="18">
          <cell r="J18" t="str">
            <v>Pension</v>
          </cell>
          <cell r="K18">
            <v>62</v>
          </cell>
        </row>
        <row r="19">
          <cell r="J19" t="str">
            <v>AFUDC</v>
          </cell>
          <cell r="K19">
            <v>4905</v>
          </cell>
        </row>
        <row r="20">
          <cell r="J20" t="str">
            <v>Joint Owner</v>
          </cell>
          <cell r="K20">
            <v>0</v>
          </cell>
        </row>
        <row r="21">
          <cell r="J21" t="str">
            <v>Harris Plant (Combined Operating License)</v>
          </cell>
          <cell r="K21">
            <v>22651</v>
          </cell>
        </row>
        <row r="22">
          <cell r="J22" t="str">
            <v>x</v>
          </cell>
        </row>
        <row r="23">
          <cell r="J23" t="str">
            <v>Main</v>
          </cell>
          <cell r="K23">
            <v>73426</v>
          </cell>
        </row>
        <row r="24">
          <cell r="J24" t="str">
            <v>Service Company</v>
          </cell>
          <cell r="K24">
            <v>5</v>
          </cell>
        </row>
        <row r="25">
          <cell r="J25" t="str">
            <v>Pension</v>
          </cell>
          <cell r="K25">
            <v>60</v>
          </cell>
        </row>
        <row r="26">
          <cell r="J26" t="str">
            <v>AFUDC</v>
          </cell>
          <cell r="K26">
            <v>3104</v>
          </cell>
        </row>
        <row r="27">
          <cell r="J27" t="str">
            <v>Joint Owner</v>
          </cell>
          <cell r="K27">
            <v>-10304</v>
          </cell>
        </row>
        <row r="28">
          <cell r="J28" t="str">
            <v>Harris Power Uprate</v>
          </cell>
          <cell r="K28">
            <v>66291</v>
          </cell>
        </row>
        <row r="29">
          <cell r="J29" t="str">
            <v>x</v>
          </cell>
        </row>
        <row r="30">
          <cell r="J30" t="str">
            <v>Main</v>
          </cell>
          <cell r="K30">
            <v>239</v>
          </cell>
        </row>
        <row r="31">
          <cell r="J31" t="str">
            <v>Service Company</v>
          </cell>
          <cell r="K31">
            <v>2</v>
          </cell>
        </row>
        <row r="32">
          <cell r="J32" t="str">
            <v>Pension</v>
          </cell>
          <cell r="K32">
            <v>3</v>
          </cell>
        </row>
        <row r="33">
          <cell r="J33" t="str">
            <v>Mayo Scrubber</v>
          </cell>
          <cell r="K33">
            <v>244</v>
          </cell>
        </row>
        <row r="34">
          <cell r="J34" t="str">
            <v>x</v>
          </cell>
        </row>
        <row r="35">
          <cell r="J35" t="str">
            <v>Main</v>
          </cell>
          <cell r="K35">
            <v>18343</v>
          </cell>
        </row>
        <row r="36">
          <cell r="J36" t="str">
            <v>Service Company</v>
          </cell>
          <cell r="K36">
            <v>1</v>
          </cell>
        </row>
        <row r="37">
          <cell r="J37" t="str">
            <v>Pension</v>
          </cell>
          <cell r="K37">
            <v>118</v>
          </cell>
        </row>
        <row r="38">
          <cell r="J38" t="str">
            <v>AFUDC</v>
          </cell>
          <cell r="K38">
            <v>378</v>
          </cell>
        </row>
        <row r="39">
          <cell r="J39" t="str">
            <v>Joint Owner</v>
          </cell>
          <cell r="K39">
            <v>-2433</v>
          </cell>
        </row>
        <row r="40">
          <cell r="J40" t="str">
            <v>Nuclear Fire Protection Mods-PEC</v>
          </cell>
          <cell r="K40">
            <v>16406</v>
          </cell>
        </row>
        <row r="41">
          <cell r="J41" t="str">
            <v>x</v>
          </cell>
        </row>
        <row r="42">
          <cell r="J42" t="str">
            <v>Main</v>
          </cell>
          <cell r="K42">
            <v>47458</v>
          </cell>
        </row>
        <row r="43">
          <cell r="J43" t="str">
            <v>Service Company</v>
          </cell>
          <cell r="K43">
            <v>21825</v>
          </cell>
        </row>
        <row r="44">
          <cell r="J44" t="str">
            <v>Pension</v>
          </cell>
          <cell r="K44">
            <v>745</v>
          </cell>
        </row>
        <row r="45">
          <cell r="J45" t="str">
            <v>AFUDC</v>
          </cell>
          <cell r="K45">
            <v>1574</v>
          </cell>
        </row>
        <row r="46">
          <cell r="J46" t="str">
            <v>PEC SmartGrid DSDR</v>
          </cell>
          <cell r="K46">
            <v>71601</v>
          </cell>
        </row>
        <row r="47">
          <cell r="J47" t="str">
            <v>x</v>
          </cell>
        </row>
        <row r="48">
          <cell r="J48" t="str">
            <v>Main</v>
          </cell>
          <cell r="K48">
            <v>183006</v>
          </cell>
        </row>
        <row r="49">
          <cell r="J49" t="str">
            <v>Service Company</v>
          </cell>
          <cell r="K49">
            <v>571</v>
          </cell>
        </row>
        <row r="50">
          <cell r="J50" t="str">
            <v>Pension</v>
          </cell>
          <cell r="K50">
            <v>188</v>
          </cell>
        </row>
        <row r="51">
          <cell r="J51" t="str">
            <v>AFUDC</v>
          </cell>
          <cell r="K51">
            <v>35159</v>
          </cell>
        </row>
        <row r="52">
          <cell r="J52" t="str">
            <v>Richmond County Combined Cycle &amp; Transmission</v>
          </cell>
          <cell r="K52">
            <v>218923</v>
          </cell>
        </row>
        <row r="53">
          <cell r="J53" t="str">
            <v>x</v>
          </cell>
        </row>
        <row r="54">
          <cell r="J54" t="str">
            <v>Main</v>
          </cell>
          <cell r="K54">
            <v>20645</v>
          </cell>
        </row>
        <row r="55">
          <cell r="J55" t="str">
            <v>Service Company</v>
          </cell>
          <cell r="K55">
            <v>1</v>
          </cell>
        </row>
        <row r="56">
          <cell r="J56" t="str">
            <v>Pension</v>
          </cell>
          <cell r="K56">
            <v>27</v>
          </cell>
        </row>
        <row r="57">
          <cell r="J57" t="str">
            <v>AFUDC</v>
          </cell>
          <cell r="K57">
            <v>4634</v>
          </cell>
        </row>
        <row r="58">
          <cell r="J58" t="str">
            <v>Robinson Nuclear Turbine Upgrade</v>
          </cell>
          <cell r="K58">
            <v>25307</v>
          </cell>
        </row>
        <row r="59">
          <cell r="J59" t="str">
            <v>x</v>
          </cell>
        </row>
        <row r="60">
          <cell r="J60" t="str">
            <v>Main</v>
          </cell>
          <cell r="K60">
            <v>11737</v>
          </cell>
        </row>
        <row r="61">
          <cell r="J61" t="str">
            <v>Service Company</v>
          </cell>
          <cell r="K61">
            <v>39</v>
          </cell>
        </row>
        <row r="62">
          <cell r="J62" t="str">
            <v>Pension</v>
          </cell>
          <cell r="K62">
            <v>15</v>
          </cell>
        </row>
        <row r="63">
          <cell r="J63" t="str">
            <v>AFUDC</v>
          </cell>
          <cell r="K63">
            <v>0</v>
          </cell>
        </row>
        <row r="64">
          <cell r="J64" t="str">
            <v>Joint Owner</v>
          </cell>
          <cell r="K64">
            <v>0</v>
          </cell>
        </row>
        <row r="65">
          <cell r="J65" t="str">
            <v>Roxboro Units 1-4 Scrubbers</v>
          </cell>
          <cell r="K65">
            <v>11791</v>
          </cell>
        </row>
        <row r="66">
          <cell r="J66" t="str">
            <v>x</v>
          </cell>
        </row>
        <row r="67">
          <cell r="J67" t="str">
            <v>Main</v>
          </cell>
          <cell r="K67">
            <v>100063</v>
          </cell>
        </row>
        <row r="68">
          <cell r="J68" t="str">
            <v>Service Company</v>
          </cell>
          <cell r="K68">
            <v>190</v>
          </cell>
        </row>
        <row r="69">
          <cell r="J69" t="str">
            <v>Pension</v>
          </cell>
          <cell r="K69">
            <v>44</v>
          </cell>
        </row>
        <row r="70">
          <cell r="J70" t="str">
            <v>AFUDC</v>
          </cell>
          <cell r="K70">
            <v>3628</v>
          </cell>
        </row>
        <row r="71">
          <cell r="J71" t="str">
            <v>Sutton 2x1 CC</v>
          </cell>
          <cell r="K71">
            <v>103925</v>
          </cell>
        </row>
        <row r="72">
          <cell r="J72" t="str">
            <v>x</v>
          </cell>
        </row>
        <row r="73">
          <cell r="J73" t="str">
            <v>Main</v>
          </cell>
          <cell r="K73">
            <v>0</v>
          </cell>
        </row>
        <row r="74">
          <cell r="J74" t="str">
            <v>Service Company</v>
          </cell>
          <cell r="K74">
            <v>0</v>
          </cell>
        </row>
        <row r="75">
          <cell r="J75" t="str">
            <v>Pension</v>
          </cell>
          <cell r="K75">
            <v>0</v>
          </cell>
        </row>
        <row r="76">
          <cell r="J76" t="str">
            <v>Wayne County Combustion Turbine</v>
          </cell>
          <cell r="K76">
            <v>0</v>
          </cell>
        </row>
        <row r="77">
          <cell r="J77" t="str">
            <v>x</v>
          </cell>
        </row>
        <row r="78">
          <cell r="J78" t="str">
            <v>Main</v>
          </cell>
          <cell r="K78">
            <v>209555</v>
          </cell>
        </row>
        <row r="79">
          <cell r="J79" t="str">
            <v>Service Company</v>
          </cell>
          <cell r="K79">
            <v>383</v>
          </cell>
        </row>
        <row r="80">
          <cell r="J80" t="str">
            <v>Pension</v>
          </cell>
          <cell r="K80">
            <v>136</v>
          </cell>
        </row>
        <row r="81">
          <cell r="J81" t="str">
            <v>AFUDC</v>
          </cell>
          <cell r="K81">
            <v>10225</v>
          </cell>
        </row>
        <row r="82">
          <cell r="J82" t="str">
            <v>Wayne County 3x1 CC</v>
          </cell>
          <cell r="K82">
            <v>220299</v>
          </cell>
        </row>
        <row r="83">
          <cell r="J83" t="str">
            <v>x</v>
          </cell>
        </row>
        <row r="84">
          <cell r="J84" t="str">
            <v>Total</v>
          </cell>
          <cell r="K84">
            <v>794865</v>
          </cell>
        </row>
        <row r="88">
          <cell r="K88" t="str">
            <v>Budget</v>
          </cell>
        </row>
        <row r="89">
          <cell r="J89" t="str">
            <v>Main</v>
          </cell>
          <cell r="K89">
            <v>2977</v>
          </cell>
        </row>
        <row r="90">
          <cell r="J90" t="str">
            <v>Service Company</v>
          </cell>
          <cell r="K90">
            <v>80</v>
          </cell>
        </row>
        <row r="91">
          <cell r="J91" t="str">
            <v>Pension</v>
          </cell>
          <cell r="K91">
            <v>54</v>
          </cell>
        </row>
        <row r="92">
          <cell r="J92" t="str">
            <v>AFUDC</v>
          </cell>
          <cell r="K92">
            <v>48</v>
          </cell>
        </row>
        <row r="93">
          <cell r="J93" t="str">
            <v>2011 Fast Starts</v>
          </cell>
          <cell r="K93">
            <v>3157</v>
          </cell>
        </row>
        <row r="95">
          <cell r="J95" t="str">
            <v>Main</v>
          </cell>
          <cell r="K95">
            <v>12000</v>
          </cell>
        </row>
        <row r="96">
          <cell r="J96" t="str">
            <v>Service Company</v>
          </cell>
          <cell r="K96">
            <v>0</v>
          </cell>
        </row>
        <row r="97">
          <cell r="J97" t="str">
            <v>Pension</v>
          </cell>
          <cell r="K97">
            <v>0</v>
          </cell>
        </row>
        <row r="98">
          <cell r="J98" t="str">
            <v>AFUDC</v>
          </cell>
          <cell r="K98">
            <v>0</v>
          </cell>
        </row>
        <row r="99">
          <cell r="J99" t="str">
            <v>Central Florida South</v>
          </cell>
          <cell r="K99">
            <v>12000</v>
          </cell>
        </row>
        <row r="101">
          <cell r="J101" t="str">
            <v>Main</v>
          </cell>
          <cell r="K101">
            <v>7349</v>
          </cell>
        </row>
        <row r="102">
          <cell r="J102" t="str">
            <v>Pension</v>
          </cell>
          <cell r="K102">
            <v>63</v>
          </cell>
        </row>
        <row r="103">
          <cell r="J103" t="str">
            <v>AFUDC</v>
          </cell>
          <cell r="K103">
            <v>25</v>
          </cell>
        </row>
        <row r="104">
          <cell r="J104" t="str">
            <v>Mayo ZLD</v>
          </cell>
          <cell r="K104">
            <v>7437</v>
          </cell>
        </row>
        <row r="106">
          <cell r="J106" t="str">
            <v>Main</v>
          </cell>
          <cell r="K106">
            <v>4645</v>
          </cell>
        </row>
        <row r="107">
          <cell r="J107" t="str">
            <v>Pension</v>
          </cell>
          <cell r="K107">
            <v>77</v>
          </cell>
        </row>
        <row r="108">
          <cell r="J108" t="str">
            <v>AFUDC</v>
          </cell>
          <cell r="K108">
            <v>30</v>
          </cell>
        </row>
        <row r="109">
          <cell r="J109" t="str">
            <v>Roxboro ZLD</v>
          </cell>
          <cell r="K109">
            <v>4752</v>
          </cell>
        </row>
        <row r="111">
          <cell r="J111" t="str">
            <v>Main</v>
          </cell>
          <cell r="K111">
            <v>0</v>
          </cell>
        </row>
        <row r="112">
          <cell r="J112" t="str">
            <v>Service Company</v>
          </cell>
          <cell r="K112">
            <v>0</v>
          </cell>
        </row>
        <row r="113">
          <cell r="J113" t="str">
            <v>Pension</v>
          </cell>
          <cell r="K113">
            <v>0</v>
          </cell>
        </row>
        <row r="114">
          <cell r="J114" t="str">
            <v xml:space="preserve"> Suwannee 2013 CC</v>
          </cell>
          <cell r="K114">
            <v>0</v>
          </cell>
        </row>
        <row r="116">
          <cell r="J116" t="str">
            <v>Main</v>
          </cell>
          <cell r="K116">
            <v>0</v>
          </cell>
        </row>
        <row r="117">
          <cell r="J117" t="str">
            <v>Service Company</v>
          </cell>
          <cell r="K117">
            <v>0</v>
          </cell>
        </row>
        <row r="118">
          <cell r="J118" t="str">
            <v>Pension</v>
          </cell>
          <cell r="K118">
            <v>0</v>
          </cell>
        </row>
        <row r="119">
          <cell r="J119" t="str">
            <v>Anclote Future CC</v>
          </cell>
          <cell r="K119">
            <v>0</v>
          </cell>
        </row>
        <row r="121">
          <cell r="J121" t="str">
            <v>Main</v>
          </cell>
          <cell r="K121">
            <v>1639</v>
          </cell>
        </row>
        <row r="122">
          <cell r="J122" t="str">
            <v>AFUDC</v>
          </cell>
          <cell r="K122">
            <v>26</v>
          </cell>
        </row>
        <row r="123">
          <cell r="J123" t="str">
            <v>BART</v>
          </cell>
          <cell r="K123">
            <v>1666</v>
          </cell>
        </row>
        <row r="125">
          <cell r="J125" t="str">
            <v>Total</v>
          </cell>
          <cell r="K125">
            <v>2901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Liggett"/>
      <sheetName val="Liggett YTD"/>
      <sheetName val="Details"/>
      <sheetName val="Liggett ST"/>
      <sheetName val="Liggett OT"/>
      <sheetName val="Explanation - manager name"/>
      <sheetName val="Errors"/>
      <sheetName val="Sheet1"/>
      <sheetName val="Sheet2"/>
      <sheetName val="Sheet3"/>
      <sheetName val="PEC MP Report (Jan2010)"/>
      <sheetName val="Liggett_YTD"/>
      <sheetName val="Liggett_ST"/>
      <sheetName val="Liggett_OT"/>
      <sheetName val="Explanation_-_manager_name"/>
      <sheetName val="PEC_MP_Report_(Jan2010)"/>
      <sheetName val="Liggett_YTD1"/>
      <sheetName val="Liggett_ST1"/>
      <sheetName val="Liggett_OT1"/>
      <sheetName val="Explanation_-_manager_name1"/>
      <sheetName val="PEC_MP_Report_(Jan2010)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38">
          <cell r="B38" t="str">
            <v>Choose Person…</v>
          </cell>
          <cell r="D38" t="str">
            <v>Pick one…</v>
          </cell>
        </row>
        <row r="39">
          <cell r="B39" t="str">
            <v>Mary Crowe</v>
          </cell>
          <cell r="D39" t="str">
            <v>January</v>
          </cell>
        </row>
        <row r="40">
          <cell r="B40" t="str">
            <v>Ken Toebbe</v>
          </cell>
          <cell r="D40" t="str">
            <v>February</v>
          </cell>
        </row>
        <row r="41">
          <cell r="B41" t="str">
            <v>Russ Atkins</v>
          </cell>
          <cell r="D41" t="str">
            <v>March</v>
          </cell>
        </row>
        <row r="42">
          <cell r="B42" t="str">
            <v>Greg Justis</v>
          </cell>
          <cell r="D42" t="str">
            <v>April</v>
          </cell>
        </row>
        <row r="43">
          <cell r="B43" t="str">
            <v>Brian Liggett</v>
          </cell>
          <cell r="D43" t="str">
            <v>May</v>
          </cell>
        </row>
        <row r="44">
          <cell r="B44" t="str">
            <v>Mike Miller</v>
          </cell>
          <cell r="D44" t="str">
            <v>June</v>
          </cell>
        </row>
        <row r="45">
          <cell r="B45" t="str">
            <v>Curt Fletcher</v>
          </cell>
          <cell r="D45" t="str">
            <v>July</v>
          </cell>
        </row>
        <row r="46">
          <cell r="B46" t="str">
            <v>Don Eckstein</v>
          </cell>
          <cell r="D46" t="str">
            <v>August</v>
          </cell>
        </row>
        <row r="47">
          <cell r="B47" t="str">
            <v>Dave Schafer</v>
          </cell>
          <cell r="D47" t="str">
            <v>September</v>
          </cell>
        </row>
        <row r="48">
          <cell r="D48" t="str">
            <v>October</v>
          </cell>
        </row>
        <row r="49">
          <cell r="D49" t="str">
            <v>November</v>
          </cell>
        </row>
        <row r="50">
          <cell r="D50" t="str">
            <v>December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/>
      <sheetData sheetId="13"/>
      <sheetData sheetId="14">
        <row r="38">
          <cell r="B38" t="str">
            <v>Choose Person…</v>
          </cell>
        </row>
      </sheetData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tocol"/>
      <sheetName val="1 Cover"/>
      <sheetName val="2 EDC OM Sum"/>
      <sheetName val="3 Group Admin Waterfall"/>
      <sheetName val="4. Group Admin Status"/>
      <sheetName val="GAdminPuts&amp;Takes"/>
      <sheetName val="4 Regions RMC Waterfall (Cost)"/>
      <sheetName val="6.  Regions &amp; RMC Status"/>
      <sheetName val="RegionPuts&amp;Takes"/>
      <sheetName val="6 Distribution Waterfall (Cost)"/>
      <sheetName val="8. Dist Status"/>
      <sheetName val="DistPuts&amp;Takes"/>
      <sheetName val="8 CMS PEC Waterfall"/>
      <sheetName val="10. C&amp;MS Status"/>
      <sheetName val="CM&amp;S Puts&amp;Takes"/>
      <sheetName val="11. O&amp;M Summary"/>
      <sheetName val="Watch List"/>
      <sheetName val="12 EDC Cap Sumb"/>
      <sheetName val="13 Growth Cap Waterfall"/>
      <sheetName val="Growth Capital"/>
      <sheetName val="13 Program Cap Waterfall"/>
      <sheetName val="Program Capital"/>
      <sheetName val="13 Other Base Cap Waterfall"/>
      <sheetName val="Other Base Capital"/>
      <sheetName val="Cap Watch List"/>
      <sheetName val="Capital Puts&amp;Takes"/>
      <sheetName val="Emerging Items "/>
      <sheetName val="Explanation - manager name"/>
      <sheetName val="1_Cover"/>
      <sheetName val="2_EDC_OM_Sum"/>
      <sheetName val="3_Group_Admin_Waterfall"/>
      <sheetName val="4__Group_Admin_Status"/>
      <sheetName val="4_Regions_RMC_Waterfall_(Cost)"/>
      <sheetName val="6___Regions_&amp;_RMC_Status"/>
      <sheetName val="6_Distribution_Waterfall_(Cost)"/>
      <sheetName val="8__Dist_Status"/>
      <sheetName val="8_CMS_PEC_Waterfall"/>
      <sheetName val="10__C&amp;MS_Status"/>
      <sheetName val="CM&amp;S_Puts&amp;Takes"/>
      <sheetName val="11__O&amp;M_Summary"/>
      <sheetName val="Watch_List"/>
      <sheetName val="12_EDC_Cap_Sumb"/>
      <sheetName val="13_Growth_Cap_Waterfall"/>
      <sheetName val="Growth_Capital"/>
      <sheetName val="13_Program_Cap_Waterfall"/>
      <sheetName val="Program_Capital"/>
      <sheetName val="13_Other_Base_Cap_Waterfall"/>
      <sheetName val="Other_Base_Capital"/>
      <sheetName val="Cap_Watch_List"/>
      <sheetName val="Capital_Puts&amp;Takes"/>
      <sheetName val="Emerging_Items_"/>
      <sheetName val="Explanation_-_manager_name"/>
      <sheetName val="1_Cover1"/>
      <sheetName val="2_EDC_OM_Sum1"/>
      <sheetName val="3_Group_Admin_Waterfall1"/>
      <sheetName val="4__Group_Admin_Status1"/>
      <sheetName val="4_Regions_RMC_Waterfall_(Cost)1"/>
      <sheetName val="6___Regions_&amp;_RMC_Status1"/>
      <sheetName val="6_Distribution_Waterfall_(Cost1"/>
      <sheetName val="8__Dist_Status1"/>
      <sheetName val="8_CMS_PEC_Waterfall1"/>
      <sheetName val="10__C&amp;MS_Status1"/>
      <sheetName val="CM&amp;S_Puts&amp;Takes1"/>
      <sheetName val="11__O&amp;M_Summary1"/>
      <sheetName val="Watch_List1"/>
      <sheetName val="12_EDC_Cap_Sumb1"/>
      <sheetName val="13_Growth_Cap_Waterfall1"/>
      <sheetName val="Growth_Capital1"/>
      <sheetName val="13_Program_Cap_Waterfall1"/>
      <sheetName val="Program_Capital1"/>
      <sheetName val="13_Other_Base_Cap_Waterfall1"/>
      <sheetName val="Other_Base_Capital1"/>
      <sheetName val="Cap_Watch_List1"/>
      <sheetName val="Capital_Puts&amp;Takes1"/>
      <sheetName val="Emerging_Items_1"/>
      <sheetName val="Explanation_-_manager_nam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V4">
            <v>5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/>
      <sheetData sheetId="29"/>
      <sheetData sheetId="30"/>
      <sheetData sheetId="31">
        <row r="4">
          <cell r="V4">
            <v>5</v>
          </cell>
        </row>
      </sheetData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Month Rolling OM"/>
      <sheetName val="Month Rolling Cap"/>
      <sheetName val="1 Cover"/>
      <sheetName val="2 EDC OM Sum"/>
      <sheetName val="12 EDC Cap Sumb"/>
      <sheetName val="Data Dump"/>
      <sheetName val="Exec Admin"/>
      <sheetName val="Metering"/>
      <sheetName val="Claims"/>
      <sheetName val="Construction East"/>
      <sheetName val="10 Service Delivery CPU"/>
      <sheetName val="11 Restore CPU"/>
      <sheetName val="13 Growth Cap Waterfall"/>
      <sheetName val="14 Program Cap Waterfall"/>
      <sheetName val="15 Other Base Cap Waterfall"/>
      <sheetName val="16 Residential CPU"/>
      <sheetName val="16 Residential CPU L2"/>
      <sheetName val="17 C&amp;I CPU"/>
      <sheetName val="17 C&amp;I CPU L2"/>
      <sheetName val="18 Lighting CPU"/>
      <sheetName val="18 Lighting CPU L2"/>
      <sheetName val="Sheet1"/>
      <sheetName val="Budget CPU"/>
      <sheetName val="Residential"/>
      <sheetName val="Commercial &amp; Industrial"/>
      <sheetName val="Lights"/>
      <sheetName val="PGN Duke process mapping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D1">
            <v>0</v>
          </cell>
          <cell r="J1">
            <v>0</v>
          </cell>
        </row>
        <row r="2">
          <cell r="J2" t="str">
            <v>MTD Target</v>
          </cell>
        </row>
        <row r="3">
          <cell r="J3">
            <v>49694</v>
          </cell>
        </row>
        <row r="4">
          <cell r="J4">
            <v>30910</v>
          </cell>
        </row>
        <row r="5">
          <cell r="J5">
            <v>0</v>
          </cell>
        </row>
        <row r="6">
          <cell r="J6">
            <v>304216</v>
          </cell>
        </row>
        <row r="7">
          <cell r="J7">
            <v>15496</v>
          </cell>
        </row>
        <row r="8">
          <cell r="J8">
            <v>967</v>
          </cell>
        </row>
        <row r="9">
          <cell r="J9">
            <v>13778</v>
          </cell>
        </row>
        <row r="10">
          <cell r="J10">
            <v>-7500</v>
          </cell>
        </row>
        <row r="11">
          <cell r="J11">
            <v>1229</v>
          </cell>
        </row>
        <row r="12">
          <cell r="J12">
            <v>14483</v>
          </cell>
        </row>
        <row r="13">
          <cell r="J13">
            <v>9106</v>
          </cell>
        </row>
        <row r="14">
          <cell r="J14">
            <v>668</v>
          </cell>
        </row>
        <row r="15">
          <cell r="J15">
            <v>350</v>
          </cell>
        </row>
        <row r="16">
          <cell r="J16">
            <v>869</v>
          </cell>
        </row>
        <row r="17">
          <cell r="J17">
            <v>469</v>
          </cell>
        </row>
        <row r="18">
          <cell r="J18">
            <v>9877</v>
          </cell>
        </row>
        <row r="19">
          <cell r="J19">
            <v>1125</v>
          </cell>
        </row>
        <row r="20">
          <cell r="J20">
            <v>9961</v>
          </cell>
        </row>
        <row r="21">
          <cell r="J21">
            <v>6196</v>
          </cell>
        </row>
        <row r="22">
          <cell r="J22">
            <v>0</v>
          </cell>
        </row>
        <row r="23">
          <cell r="J23">
            <v>33914</v>
          </cell>
        </row>
        <row r="24">
          <cell r="J24">
            <v>2632</v>
          </cell>
        </row>
        <row r="25">
          <cell r="J25">
            <v>2230</v>
          </cell>
        </row>
        <row r="26">
          <cell r="J26">
            <v>41928</v>
          </cell>
        </row>
        <row r="27">
          <cell r="J27">
            <v>26191</v>
          </cell>
        </row>
        <row r="28">
          <cell r="J28">
            <v>1082</v>
          </cell>
        </row>
        <row r="29">
          <cell r="J29">
            <v>0</v>
          </cell>
        </row>
        <row r="30">
          <cell r="J30">
            <v>1310</v>
          </cell>
        </row>
        <row r="31">
          <cell r="J31">
            <v>255</v>
          </cell>
        </row>
        <row r="32">
          <cell r="J32">
            <v>2433</v>
          </cell>
        </row>
        <row r="33">
          <cell r="J33">
            <v>11166</v>
          </cell>
        </row>
        <row r="34">
          <cell r="J34">
            <v>10152</v>
          </cell>
        </row>
        <row r="35">
          <cell r="J35">
            <v>0</v>
          </cell>
        </row>
        <row r="36">
          <cell r="J36">
            <v>24547</v>
          </cell>
        </row>
        <row r="37">
          <cell r="J37">
            <v>1649</v>
          </cell>
        </row>
        <row r="38">
          <cell r="J38">
            <v>158</v>
          </cell>
        </row>
        <row r="39">
          <cell r="J39">
            <v>5231</v>
          </cell>
        </row>
        <row r="40">
          <cell r="J40">
            <v>26852</v>
          </cell>
        </row>
        <row r="41">
          <cell r="J41">
            <v>107533</v>
          </cell>
        </row>
        <row r="42">
          <cell r="J42">
            <v>60563</v>
          </cell>
        </row>
        <row r="43">
          <cell r="J43">
            <v>12500</v>
          </cell>
        </row>
        <row r="44">
          <cell r="J44">
            <v>1021</v>
          </cell>
        </row>
        <row r="45">
          <cell r="J45">
            <v>1543</v>
          </cell>
        </row>
        <row r="46">
          <cell r="J46">
            <v>589</v>
          </cell>
        </row>
        <row r="47">
          <cell r="J47">
            <v>417</v>
          </cell>
        </row>
        <row r="48">
          <cell r="J48">
            <v>41667</v>
          </cell>
        </row>
        <row r="49">
          <cell r="J49">
            <v>208333</v>
          </cell>
        </row>
        <row r="50">
          <cell r="J50">
            <v>17696</v>
          </cell>
        </row>
        <row r="51">
          <cell r="J51">
            <v>8551</v>
          </cell>
        </row>
        <row r="52">
          <cell r="J52">
            <v>183964</v>
          </cell>
        </row>
        <row r="53">
          <cell r="J53">
            <v>466796</v>
          </cell>
        </row>
        <row r="54">
          <cell r="J54">
            <v>12985</v>
          </cell>
        </row>
        <row r="55">
          <cell r="J55">
            <v>5994</v>
          </cell>
        </row>
        <row r="56">
          <cell r="J56">
            <v>129048</v>
          </cell>
        </row>
        <row r="57">
          <cell r="J57">
            <v>328025</v>
          </cell>
        </row>
        <row r="58">
          <cell r="J58">
            <v>3187</v>
          </cell>
        </row>
        <row r="59">
          <cell r="J59">
            <v>0</v>
          </cell>
        </row>
        <row r="60">
          <cell r="J60">
            <v>0</v>
          </cell>
        </row>
        <row r="61">
          <cell r="J61">
            <v>4405</v>
          </cell>
        </row>
        <row r="62">
          <cell r="J62">
            <v>11667</v>
          </cell>
        </row>
        <row r="63">
          <cell r="J63">
            <v>75608</v>
          </cell>
        </row>
        <row r="64">
          <cell r="J64">
            <v>3252</v>
          </cell>
        </row>
        <row r="65">
          <cell r="J65">
            <v>80443</v>
          </cell>
        </row>
        <row r="66">
          <cell r="J66">
            <v>0</v>
          </cell>
        </row>
        <row r="67">
          <cell r="J67">
            <v>833</v>
          </cell>
        </row>
        <row r="68">
          <cell r="J68">
            <v>0</v>
          </cell>
        </row>
        <row r="69">
          <cell r="J69">
            <v>464</v>
          </cell>
        </row>
        <row r="70">
          <cell r="J70">
            <v>21023</v>
          </cell>
        </row>
        <row r="71">
          <cell r="J71">
            <v>-148362</v>
          </cell>
        </row>
        <row r="72">
          <cell r="J72">
            <v>0</v>
          </cell>
        </row>
        <row r="73">
          <cell r="J73">
            <v>0</v>
          </cell>
        </row>
        <row r="74">
          <cell r="J74">
            <v>0</v>
          </cell>
        </row>
        <row r="75">
          <cell r="J75">
            <v>0</v>
          </cell>
        </row>
        <row r="76">
          <cell r="J76">
            <v>0</v>
          </cell>
        </row>
        <row r="77">
          <cell r="J77">
            <v>0</v>
          </cell>
        </row>
        <row r="78">
          <cell r="J78">
            <v>0</v>
          </cell>
        </row>
        <row r="79">
          <cell r="J79">
            <v>-102128</v>
          </cell>
        </row>
        <row r="80">
          <cell r="J80">
            <v>0</v>
          </cell>
        </row>
        <row r="81">
          <cell r="J81">
            <v>0</v>
          </cell>
        </row>
        <row r="82">
          <cell r="J82">
            <v>0</v>
          </cell>
        </row>
        <row r="83">
          <cell r="J83">
            <v>48</v>
          </cell>
        </row>
        <row r="84">
          <cell r="J84">
            <v>34</v>
          </cell>
        </row>
        <row r="85">
          <cell r="J85">
            <v>36580</v>
          </cell>
        </row>
        <row r="86">
          <cell r="J86">
            <v>25643</v>
          </cell>
        </row>
        <row r="87">
          <cell r="J87">
            <v>0</v>
          </cell>
        </row>
        <row r="88">
          <cell r="J88">
            <v>292675</v>
          </cell>
        </row>
        <row r="89">
          <cell r="J89">
            <v>4674</v>
          </cell>
        </row>
        <row r="90">
          <cell r="J90">
            <v>0</v>
          </cell>
        </row>
        <row r="91">
          <cell r="J91">
            <v>62320</v>
          </cell>
        </row>
        <row r="92">
          <cell r="J92">
            <v>51</v>
          </cell>
        </row>
        <row r="93">
          <cell r="J93">
            <v>107109</v>
          </cell>
        </row>
        <row r="94">
          <cell r="J94">
            <v>-453591</v>
          </cell>
        </row>
        <row r="95">
          <cell r="J95">
            <v>0</v>
          </cell>
        </row>
        <row r="96">
          <cell r="J96">
            <v>0</v>
          </cell>
        </row>
        <row r="97">
          <cell r="J97">
            <v>0</v>
          </cell>
        </row>
        <row r="98">
          <cell r="J98">
            <v>0</v>
          </cell>
        </row>
        <row r="99">
          <cell r="J99">
            <v>56167</v>
          </cell>
        </row>
        <row r="100">
          <cell r="J100">
            <v>0</v>
          </cell>
        </row>
        <row r="101">
          <cell r="J101">
            <v>0</v>
          </cell>
        </row>
        <row r="102">
          <cell r="J102">
            <v>-56167</v>
          </cell>
        </row>
        <row r="103">
          <cell r="J103">
            <v>7</v>
          </cell>
        </row>
        <row r="104">
          <cell r="J104">
            <v>0</v>
          </cell>
        </row>
        <row r="105">
          <cell r="J105">
            <v>201</v>
          </cell>
        </row>
        <row r="106">
          <cell r="J106">
            <v>1107</v>
          </cell>
        </row>
        <row r="107">
          <cell r="J107">
            <v>58437</v>
          </cell>
        </row>
        <row r="108">
          <cell r="J108">
            <v>7541</v>
          </cell>
        </row>
        <row r="109">
          <cell r="J109">
            <v>60214</v>
          </cell>
        </row>
        <row r="110">
          <cell r="J110">
            <v>-8295</v>
          </cell>
        </row>
        <row r="111">
          <cell r="J111">
            <v>15</v>
          </cell>
        </row>
        <row r="112">
          <cell r="J112">
            <v>4929</v>
          </cell>
        </row>
        <row r="113">
          <cell r="J113">
            <v>3948</v>
          </cell>
        </row>
        <row r="114">
          <cell r="J114">
            <v>2705</v>
          </cell>
        </row>
        <row r="115">
          <cell r="J115">
            <v>11552</v>
          </cell>
        </row>
        <row r="116">
          <cell r="J116">
            <v>2671</v>
          </cell>
        </row>
        <row r="117">
          <cell r="J117">
            <v>6073</v>
          </cell>
        </row>
        <row r="118">
          <cell r="J118">
            <v>-4088</v>
          </cell>
        </row>
        <row r="119">
          <cell r="J119">
            <v>2</v>
          </cell>
        </row>
        <row r="120">
          <cell r="J120">
            <v>70468</v>
          </cell>
        </row>
        <row r="121">
          <cell r="J121">
            <v>53663</v>
          </cell>
        </row>
        <row r="122">
          <cell r="J122">
            <v>23434</v>
          </cell>
        </row>
        <row r="123">
          <cell r="J123">
            <v>186492</v>
          </cell>
        </row>
        <row r="124">
          <cell r="J124">
            <v>29531</v>
          </cell>
        </row>
        <row r="125">
          <cell r="J125">
            <v>0</v>
          </cell>
        </row>
        <row r="126">
          <cell r="J126">
            <v>138943</v>
          </cell>
        </row>
        <row r="127">
          <cell r="J127">
            <v>-49818</v>
          </cell>
        </row>
        <row r="128">
          <cell r="J128">
            <v>-1704</v>
          </cell>
        </row>
        <row r="129">
          <cell r="J129">
            <v>969048</v>
          </cell>
        </row>
        <row r="130">
          <cell r="J130">
            <v>700917</v>
          </cell>
        </row>
        <row r="131">
          <cell r="J131">
            <v>28050</v>
          </cell>
        </row>
        <row r="132">
          <cell r="J132">
            <v>5045235</v>
          </cell>
        </row>
        <row r="133">
          <cell r="J133">
            <v>525820</v>
          </cell>
        </row>
        <row r="134">
          <cell r="J134">
            <v>39326</v>
          </cell>
        </row>
        <row r="135">
          <cell r="J135">
            <v>6528761</v>
          </cell>
        </row>
        <row r="136">
          <cell r="J136">
            <v>-1732964</v>
          </cell>
        </row>
        <row r="137">
          <cell r="J137">
            <v>0</v>
          </cell>
        </row>
        <row r="138">
          <cell r="J138">
            <v>1163856</v>
          </cell>
        </row>
        <row r="139">
          <cell r="J139">
            <v>76681</v>
          </cell>
        </row>
        <row r="140">
          <cell r="J140">
            <v>0</v>
          </cell>
        </row>
        <row r="141">
          <cell r="J141">
            <v>0</v>
          </cell>
        </row>
        <row r="142">
          <cell r="J142">
            <v>0</v>
          </cell>
        </row>
        <row r="143">
          <cell r="J143">
            <v>112595</v>
          </cell>
        </row>
        <row r="144">
          <cell r="J144">
            <v>0</v>
          </cell>
        </row>
        <row r="145">
          <cell r="J145">
            <v>0</v>
          </cell>
        </row>
        <row r="146">
          <cell r="J146">
            <v>0</v>
          </cell>
        </row>
        <row r="147">
          <cell r="J147">
            <v>380717</v>
          </cell>
        </row>
        <row r="148">
          <cell r="J148">
            <v>27886</v>
          </cell>
        </row>
        <row r="149">
          <cell r="J149">
            <v>35601</v>
          </cell>
        </row>
        <row r="150">
          <cell r="J150">
            <v>88203</v>
          </cell>
        </row>
        <row r="151">
          <cell r="J151">
            <v>97087</v>
          </cell>
        </row>
        <row r="152">
          <cell r="J152">
            <v>30500</v>
          </cell>
        </row>
        <row r="153">
          <cell r="J153">
            <v>282</v>
          </cell>
        </row>
        <row r="154">
          <cell r="J154">
            <v>48141</v>
          </cell>
        </row>
        <row r="155">
          <cell r="J155">
            <v>-77718</v>
          </cell>
        </row>
        <row r="156">
          <cell r="J156">
            <v>1339</v>
          </cell>
        </row>
        <row r="157">
          <cell r="J157">
            <v>-183193</v>
          </cell>
        </row>
        <row r="158">
          <cell r="J158">
            <v>0</v>
          </cell>
        </row>
        <row r="159">
          <cell r="J159">
            <v>13001</v>
          </cell>
        </row>
        <row r="160">
          <cell r="J160">
            <v>0</v>
          </cell>
        </row>
        <row r="161">
          <cell r="J161">
            <v>9114</v>
          </cell>
        </row>
        <row r="162">
          <cell r="J162">
            <v>0</v>
          </cell>
        </row>
        <row r="163">
          <cell r="J163">
            <v>0</v>
          </cell>
        </row>
        <row r="164">
          <cell r="J164">
            <v>109717</v>
          </cell>
        </row>
        <row r="165">
          <cell r="J165">
            <v>0</v>
          </cell>
        </row>
        <row r="166">
          <cell r="J166">
            <v>1822</v>
          </cell>
        </row>
        <row r="167">
          <cell r="J167">
            <v>0</v>
          </cell>
        </row>
        <row r="168">
          <cell r="J168">
            <v>34979</v>
          </cell>
        </row>
        <row r="169">
          <cell r="J169">
            <v>0</v>
          </cell>
        </row>
        <row r="170">
          <cell r="J170">
            <v>20</v>
          </cell>
        </row>
        <row r="171">
          <cell r="J171">
            <v>39501</v>
          </cell>
        </row>
        <row r="172">
          <cell r="J172">
            <v>71338</v>
          </cell>
        </row>
        <row r="173">
          <cell r="J173">
            <v>45051</v>
          </cell>
        </row>
        <row r="174">
          <cell r="J174">
            <v>14</v>
          </cell>
        </row>
        <row r="175">
          <cell r="J175">
            <v>3772095</v>
          </cell>
        </row>
        <row r="176">
          <cell r="J176">
            <v>3165409</v>
          </cell>
        </row>
        <row r="177">
          <cell r="J177">
            <v>410008</v>
          </cell>
        </row>
        <row r="178">
          <cell r="J178">
            <v>9956906</v>
          </cell>
        </row>
        <row r="179">
          <cell r="J179">
            <v>1030080</v>
          </cell>
        </row>
        <row r="180">
          <cell r="J180">
            <v>271504</v>
          </cell>
        </row>
        <row r="181">
          <cell r="J181">
            <v>14533787</v>
          </cell>
        </row>
        <row r="182">
          <cell r="J182">
            <v>-3507046</v>
          </cell>
        </row>
        <row r="183">
          <cell r="J183">
            <v>326886</v>
          </cell>
        </row>
        <row r="184">
          <cell r="J184">
            <v>1853603</v>
          </cell>
        </row>
        <row r="185">
          <cell r="J185">
            <v>175695</v>
          </cell>
        </row>
        <row r="186">
          <cell r="J186">
            <v>259591</v>
          </cell>
        </row>
        <row r="187">
          <cell r="J187">
            <v>58738</v>
          </cell>
        </row>
        <row r="188">
          <cell r="J188">
            <v>36575</v>
          </cell>
        </row>
        <row r="189">
          <cell r="J189">
            <v>388</v>
          </cell>
        </row>
        <row r="190">
          <cell r="J190">
            <v>226</v>
          </cell>
        </row>
        <row r="191">
          <cell r="J191">
            <v>108</v>
          </cell>
        </row>
        <row r="192">
          <cell r="J192">
            <v>417</v>
          </cell>
        </row>
        <row r="193">
          <cell r="J193">
            <v>65391</v>
          </cell>
        </row>
        <row r="194">
          <cell r="J194">
            <v>40673</v>
          </cell>
        </row>
        <row r="195">
          <cell r="J195">
            <v>833</v>
          </cell>
        </row>
        <row r="196">
          <cell r="J196">
            <v>301</v>
          </cell>
        </row>
        <row r="197">
          <cell r="J197">
            <v>322</v>
          </cell>
        </row>
        <row r="198">
          <cell r="J198">
            <v>180</v>
          </cell>
        </row>
        <row r="199">
          <cell r="J199">
            <v>0</v>
          </cell>
        </row>
        <row r="200">
          <cell r="J200">
            <v>833</v>
          </cell>
        </row>
        <row r="201">
          <cell r="J201">
            <v>19380</v>
          </cell>
        </row>
        <row r="202">
          <cell r="J202">
            <v>0</v>
          </cell>
        </row>
        <row r="203">
          <cell r="J203">
            <v>0</v>
          </cell>
        </row>
        <row r="204">
          <cell r="J204">
            <v>0</v>
          </cell>
        </row>
        <row r="205">
          <cell r="J205">
            <v>0</v>
          </cell>
        </row>
        <row r="206">
          <cell r="J206">
            <v>0</v>
          </cell>
        </row>
        <row r="207">
          <cell r="J207">
            <v>0</v>
          </cell>
        </row>
        <row r="208">
          <cell r="J208">
            <v>0</v>
          </cell>
        </row>
        <row r="209">
          <cell r="J209">
            <v>0</v>
          </cell>
        </row>
        <row r="210">
          <cell r="J210">
            <v>0</v>
          </cell>
        </row>
        <row r="211">
          <cell r="J211">
            <v>0</v>
          </cell>
        </row>
        <row r="212">
          <cell r="J212">
            <v>37667</v>
          </cell>
        </row>
        <row r="213">
          <cell r="J213">
            <v>0</v>
          </cell>
        </row>
        <row r="214">
          <cell r="J214">
            <v>-43317</v>
          </cell>
        </row>
        <row r="215">
          <cell r="J215">
            <v>0</v>
          </cell>
        </row>
        <row r="216">
          <cell r="J216">
            <v>20038</v>
          </cell>
        </row>
        <row r="217">
          <cell r="J217">
            <v>12472</v>
          </cell>
        </row>
        <row r="218">
          <cell r="J218">
            <v>84</v>
          </cell>
        </row>
        <row r="219">
          <cell r="J219">
            <v>174</v>
          </cell>
        </row>
        <row r="220">
          <cell r="J220">
            <v>173</v>
          </cell>
        </row>
        <row r="221">
          <cell r="J221">
            <v>688</v>
          </cell>
        </row>
        <row r="222">
          <cell r="J222">
            <v>0</v>
          </cell>
        </row>
        <row r="223">
          <cell r="J223">
            <v>0</v>
          </cell>
        </row>
        <row r="224">
          <cell r="J224">
            <v>0</v>
          </cell>
        </row>
        <row r="225">
          <cell r="J225">
            <v>6038</v>
          </cell>
        </row>
        <row r="226">
          <cell r="J226">
            <v>18973</v>
          </cell>
        </row>
        <row r="227">
          <cell r="J227">
            <v>12714</v>
          </cell>
        </row>
        <row r="228">
          <cell r="J228">
            <v>314</v>
          </cell>
        </row>
        <row r="229">
          <cell r="J229">
            <v>256204</v>
          </cell>
        </row>
        <row r="230">
          <cell r="J230">
            <v>875</v>
          </cell>
        </row>
        <row r="231">
          <cell r="J231">
            <v>287083</v>
          </cell>
        </row>
        <row r="232">
          <cell r="J232">
            <v>1042</v>
          </cell>
        </row>
        <row r="233">
          <cell r="J233">
            <v>13619</v>
          </cell>
        </row>
        <row r="234">
          <cell r="J234">
            <v>8471</v>
          </cell>
        </row>
        <row r="235">
          <cell r="J235">
            <v>96203</v>
          </cell>
        </row>
        <row r="236">
          <cell r="J236">
            <v>60568</v>
          </cell>
        </row>
        <row r="237">
          <cell r="J237">
            <v>7082</v>
          </cell>
        </row>
        <row r="238">
          <cell r="J238">
            <v>0</v>
          </cell>
        </row>
        <row r="239">
          <cell r="J239">
            <v>8357</v>
          </cell>
        </row>
        <row r="240">
          <cell r="J240">
            <v>1433</v>
          </cell>
        </row>
        <row r="241">
          <cell r="J241">
            <v>3832</v>
          </cell>
        </row>
        <row r="242">
          <cell r="J242">
            <v>0</v>
          </cell>
        </row>
        <row r="243">
          <cell r="J243">
            <v>0</v>
          </cell>
        </row>
        <row r="244">
          <cell r="J244">
            <v>89194</v>
          </cell>
        </row>
        <row r="245">
          <cell r="J245">
            <v>56036</v>
          </cell>
        </row>
        <row r="246">
          <cell r="J246">
            <v>5408</v>
          </cell>
        </row>
        <row r="247">
          <cell r="J247">
            <v>37797</v>
          </cell>
        </row>
        <row r="248">
          <cell r="J248">
            <v>49056</v>
          </cell>
        </row>
        <row r="249">
          <cell r="J249">
            <v>0</v>
          </cell>
        </row>
        <row r="250">
          <cell r="J250">
            <v>43017</v>
          </cell>
        </row>
        <row r="251">
          <cell r="J251">
            <v>0</v>
          </cell>
        </row>
        <row r="252">
          <cell r="J252">
            <v>8744</v>
          </cell>
        </row>
        <row r="253">
          <cell r="J253">
            <v>6349</v>
          </cell>
        </row>
        <row r="254">
          <cell r="J254">
            <v>8835</v>
          </cell>
        </row>
        <row r="255">
          <cell r="J255">
            <v>36745</v>
          </cell>
        </row>
        <row r="256">
          <cell r="J256">
            <v>5368</v>
          </cell>
        </row>
        <row r="257">
          <cell r="J257">
            <v>0</v>
          </cell>
        </row>
        <row r="258">
          <cell r="J258">
            <v>1407</v>
          </cell>
        </row>
        <row r="259">
          <cell r="J259">
            <v>-27</v>
          </cell>
        </row>
        <row r="260">
          <cell r="J260">
            <v>148984</v>
          </cell>
        </row>
        <row r="261">
          <cell r="J261">
            <v>96827</v>
          </cell>
        </row>
        <row r="262">
          <cell r="J262">
            <v>40378</v>
          </cell>
        </row>
        <row r="263">
          <cell r="J263">
            <v>59934</v>
          </cell>
        </row>
        <row r="264">
          <cell r="J264">
            <v>80578</v>
          </cell>
        </row>
        <row r="265">
          <cell r="J265">
            <v>0</v>
          </cell>
        </row>
        <row r="266">
          <cell r="J266">
            <v>25689</v>
          </cell>
        </row>
        <row r="267">
          <cell r="J267">
            <v>-13243</v>
          </cell>
        </row>
        <row r="268">
          <cell r="J268">
            <v>130</v>
          </cell>
        </row>
        <row r="269">
          <cell r="J269">
            <v>431733</v>
          </cell>
        </row>
        <row r="270">
          <cell r="J270">
            <v>269959</v>
          </cell>
        </row>
        <row r="271">
          <cell r="J271">
            <v>13798</v>
          </cell>
        </row>
        <row r="272">
          <cell r="J272">
            <v>9837</v>
          </cell>
        </row>
        <row r="273">
          <cell r="J273">
            <v>39736</v>
          </cell>
        </row>
        <row r="274">
          <cell r="J274">
            <v>41399</v>
          </cell>
        </row>
        <row r="275">
          <cell r="J275">
            <v>62454</v>
          </cell>
        </row>
        <row r="276">
          <cell r="J276">
            <v>29695</v>
          </cell>
        </row>
        <row r="277">
          <cell r="J277">
            <v>407</v>
          </cell>
        </row>
        <row r="278">
          <cell r="J278">
            <v>0</v>
          </cell>
        </row>
        <row r="279">
          <cell r="J279">
            <v>120</v>
          </cell>
        </row>
        <row r="280">
          <cell r="J280">
            <v>0</v>
          </cell>
        </row>
        <row r="281">
          <cell r="J281">
            <v>0</v>
          </cell>
        </row>
        <row r="282">
          <cell r="J282">
            <v>160704</v>
          </cell>
        </row>
        <row r="283">
          <cell r="J283">
            <v>0</v>
          </cell>
        </row>
        <row r="284">
          <cell r="J284">
            <v>0</v>
          </cell>
        </row>
        <row r="285">
          <cell r="J285">
            <v>0</v>
          </cell>
        </row>
        <row r="286">
          <cell r="J286">
            <v>0</v>
          </cell>
        </row>
        <row r="287">
          <cell r="J287">
            <v>129</v>
          </cell>
        </row>
        <row r="288">
          <cell r="J288">
            <v>0</v>
          </cell>
        </row>
        <row r="289">
          <cell r="J289">
            <v>137307</v>
          </cell>
        </row>
        <row r="290">
          <cell r="J290">
            <v>107434</v>
          </cell>
        </row>
        <row r="291">
          <cell r="J291">
            <v>0</v>
          </cell>
        </row>
        <row r="292">
          <cell r="J292">
            <v>0</v>
          </cell>
        </row>
        <row r="293">
          <cell r="J293">
            <v>0</v>
          </cell>
        </row>
        <row r="294">
          <cell r="J294">
            <v>0</v>
          </cell>
        </row>
        <row r="295">
          <cell r="J295">
            <v>0</v>
          </cell>
        </row>
        <row r="296">
          <cell r="J296">
            <v>0</v>
          </cell>
        </row>
        <row r="297">
          <cell r="J297">
            <v>99549</v>
          </cell>
        </row>
        <row r="298">
          <cell r="J298">
            <v>95034</v>
          </cell>
        </row>
        <row r="299">
          <cell r="J299">
            <v>321498</v>
          </cell>
        </row>
        <row r="300">
          <cell r="J300">
            <v>93934</v>
          </cell>
        </row>
        <row r="301">
          <cell r="J301">
            <v>124114</v>
          </cell>
        </row>
        <row r="302">
          <cell r="J302">
            <v>1819</v>
          </cell>
        </row>
        <row r="303">
          <cell r="J303">
            <v>3645</v>
          </cell>
        </row>
        <row r="304">
          <cell r="J304">
            <v>-10281</v>
          </cell>
        </row>
        <row r="305">
          <cell r="J305">
            <v>172</v>
          </cell>
        </row>
        <row r="306">
          <cell r="J306">
            <v>0</v>
          </cell>
        </row>
        <row r="307">
          <cell r="J307">
            <v>0</v>
          </cell>
        </row>
        <row r="308">
          <cell r="J308">
            <v>0</v>
          </cell>
        </row>
        <row r="309">
          <cell r="J309">
            <v>0</v>
          </cell>
        </row>
        <row r="310">
          <cell r="J310">
            <v>0</v>
          </cell>
        </row>
        <row r="311">
          <cell r="J311">
            <v>0</v>
          </cell>
        </row>
        <row r="312">
          <cell r="J312">
            <v>0</v>
          </cell>
        </row>
        <row r="313">
          <cell r="J313">
            <v>141860</v>
          </cell>
        </row>
        <row r="314">
          <cell r="J314">
            <v>92038</v>
          </cell>
        </row>
        <row r="315">
          <cell r="J315">
            <v>36161</v>
          </cell>
        </row>
        <row r="316">
          <cell r="J316">
            <v>315429</v>
          </cell>
        </row>
        <row r="317">
          <cell r="J317">
            <v>63051</v>
          </cell>
        </row>
        <row r="318">
          <cell r="J318">
            <v>417</v>
          </cell>
        </row>
        <row r="319">
          <cell r="J319">
            <v>0</v>
          </cell>
        </row>
        <row r="320">
          <cell r="J320">
            <v>54</v>
          </cell>
        </row>
        <row r="321">
          <cell r="J321">
            <v>0</v>
          </cell>
        </row>
        <row r="322">
          <cell r="J322">
            <v>7580</v>
          </cell>
        </row>
        <row r="323">
          <cell r="J323">
            <v>4864</v>
          </cell>
        </row>
        <row r="324">
          <cell r="J324">
            <v>1444</v>
          </cell>
        </row>
        <row r="325">
          <cell r="J325">
            <v>9968</v>
          </cell>
        </row>
        <row r="326">
          <cell r="J326">
            <v>3907</v>
          </cell>
        </row>
        <row r="327">
          <cell r="J327">
            <v>2491</v>
          </cell>
        </row>
        <row r="328">
          <cell r="J328">
            <v>0</v>
          </cell>
        </row>
        <row r="329">
          <cell r="J329">
            <v>307</v>
          </cell>
        </row>
        <row r="330">
          <cell r="J330">
            <v>227</v>
          </cell>
        </row>
        <row r="331">
          <cell r="J331">
            <v>350</v>
          </cell>
        </row>
        <row r="332">
          <cell r="J332">
            <v>7577</v>
          </cell>
        </row>
        <row r="333">
          <cell r="J333">
            <v>213</v>
          </cell>
        </row>
        <row r="334">
          <cell r="J334">
            <v>0</v>
          </cell>
        </row>
        <row r="335">
          <cell r="J335">
            <v>19067</v>
          </cell>
        </row>
        <row r="336">
          <cell r="J336">
            <v>12718</v>
          </cell>
        </row>
        <row r="337">
          <cell r="J337">
            <v>8338</v>
          </cell>
        </row>
        <row r="338">
          <cell r="J338">
            <v>7265</v>
          </cell>
        </row>
        <row r="339">
          <cell r="J339">
            <v>11872</v>
          </cell>
        </row>
        <row r="340">
          <cell r="J340">
            <v>0</v>
          </cell>
        </row>
        <row r="341">
          <cell r="J341">
            <v>2287</v>
          </cell>
        </row>
        <row r="342">
          <cell r="J342">
            <v>-3085</v>
          </cell>
        </row>
        <row r="343">
          <cell r="J343">
            <v>34991</v>
          </cell>
        </row>
        <row r="344">
          <cell r="J344">
            <v>22085</v>
          </cell>
        </row>
        <row r="345">
          <cell r="J345">
            <v>3113</v>
          </cell>
        </row>
        <row r="346">
          <cell r="J346">
            <v>300</v>
          </cell>
        </row>
        <row r="347">
          <cell r="J347">
            <v>3777</v>
          </cell>
        </row>
        <row r="348">
          <cell r="J348">
            <v>5204</v>
          </cell>
        </row>
        <row r="349">
          <cell r="J349">
            <v>0</v>
          </cell>
        </row>
        <row r="350">
          <cell r="J350">
            <v>13</v>
          </cell>
        </row>
        <row r="351">
          <cell r="J351">
            <v>4</v>
          </cell>
        </row>
        <row r="352">
          <cell r="J352">
            <v>20524</v>
          </cell>
        </row>
        <row r="353">
          <cell r="J353">
            <v>4</v>
          </cell>
        </row>
        <row r="354">
          <cell r="J354">
            <v>1327</v>
          </cell>
        </row>
        <row r="355">
          <cell r="J355">
            <v>0</v>
          </cell>
        </row>
        <row r="356">
          <cell r="J356">
            <v>0</v>
          </cell>
        </row>
        <row r="357">
          <cell r="J357">
            <v>0</v>
          </cell>
        </row>
        <row r="358">
          <cell r="J358">
            <v>0</v>
          </cell>
        </row>
        <row r="359">
          <cell r="J359">
            <v>23077</v>
          </cell>
        </row>
        <row r="360">
          <cell r="J360">
            <v>21149</v>
          </cell>
        </row>
        <row r="361">
          <cell r="J361">
            <v>65973</v>
          </cell>
        </row>
        <row r="362">
          <cell r="J362">
            <v>14950</v>
          </cell>
        </row>
        <row r="363">
          <cell r="J363">
            <v>22152</v>
          </cell>
        </row>
        <row r="364">
          <cell r="J364">
            <v>621</v>
          </cell>
        </row>
        <row r="365">
          <cell r="J365">
            <v>2041</v>
          </cell>
        </row>
        <row r="366">
          <cell r="J366">
            <v>-3715</v>
          </cell>
        </row>
        <row r="367">
          <cell r="J367">
            <v>11</v>
          </cell>
        </row>
        <row r="368">
          <cell r="J368">
            <v>0</v>
          </cell>
        </row>
        <row r="369">
          <cell r="J369">
            <v>14444</v>
          </cell>
        </row>
        <row r="370">
          <cell r="J370">
            <v>9504</v>
          </cell>
        </row>
        <row r="371">
          <cell r="J371">
            <v>5042</v>
          </cell>
        </row>
        <row r="372">
          <cell r="J372">
            <v>36700</v>
          </cell>
        </row>
        <row r="373">
          <cell r="J373">
            <v>7203</v>
          </cell>
        </row>
        <row r="374">
          <cell r="J374">
            <v>1161943</v>
          </cell>
        </row>
        <row r="375">
          <cell r="J375">
            <v>789686</v>
          </cell>
        </row>
        <row r="376">
          <cell r="J376">
            <v>30673</v>
          </cell>
        </row>
        <row r="377">
          <cell r="J377">
            <v>2733340</v>
          </cell>
        </row>
        <row r="378">
          <cell r="J378">
            <v>23119</v>
          </cell>
        </row>
        <row r="379">
          <cell r="J379">
            <v>52338</v>
          </cell>
        </row>
        <row r="380">
          <cell r="J380">
            <v>399408</v>
          </cell>
        </row>
        <row r="381">
          <cell r="J381">
            <v>15292</v>
          </cell>
        </row>
        <row r="382">
          <cell r="J382">
            <v>4912649</v>
          </cell>
        </row>
        <row r="383">
          <cell r="J383">
            <v>0</v>
          </cell>
        </row>
        <row r="384">
          <cell r="J384">
            <v>0</v>
          </cell>
        </row>
        <row r="385">
          <cell r="J385">
            <v>0</v>
          </cell>
        </row>
        <row r="386">
          <cell r="J386">
            <v>0</v>
          </cell>
        </row>
        <row r="387">
          <cell r="J387">
            <v>0</v>
          </cell>
        </row>
        <row r="388">
          <cell r="J388">
            <v>0</v>
          </cell>
        </row>
        <row r="389">
          <cell r="J389">
            <v>0</v>
          </cell>
        </row>
        <row r="390">
          <cell r="J390">
            <v>0</v>
          </cell>
        </row>
        <row r="391">
          <cell r="J391">
            <v>239321</v>
          </cell>
        </row>
        <row r="392">
          <cell r="J392">
            <v>151238</v>
          </cell>
        </row>
        <row r="393">
          <cell r="J393">
            <v>23104</v>
          </cell>
        </row>
        <row r="394">
          <cell r="J394">
            <v>4905</v>
          </cell>
        </row>
        <row r="395">
          <cell r="J395">
            <v>2000</v>
          </cell>
        </row>
        <row r="396">
          <cell r="J396">
            <v>1023</v>
          </cell>
        </row>
        <row r="397">
          <cell r="J397">
            <v>58278</v>
          </cell>
        </row>
        <row r="398">
          <cell r="J398">
            <v>833</v>
          </cell>
        </row>
        <row r="399">
          <cell r="J399">
            <v>29165</v>
          </cell>
        </row>
        <row r="400">
          <cell r="J400">
            <v>18965</v>
          </cell>
        </row>
        <row r="401">
          <cell r="J401">
            <v>0</v>
          </cell>
        </row>
        <row r="402">
          <cell r="J402">
            <v>5083</v>
          </cell>
        </row>
        <row r="403">
          <cell r="J403">
            <v>1240</v>
          </cell>
        </row>
        <row r="404">
          <cell r="J404">
            <v>814</v>
          </cell>
        </row>
        <row r="405">
          <cell r="J405">
            <v>2066</v>
          </cell>
        </row>
        <row r="406">
          <cell r="J406">
            <v>41657</v>
          </cell>
        </row>
        <row r="407">
          <cell r="J407">
            <v>5271</v>
          </cell>
        </row>
        <row r="408">
          <cell r="J408">
            <v>89600</v>
          </cell>
        </row>
        <row r="409">
          <cell r="J409">
            <v>-8568</v>
          </cell>
        </row>
        <row r="410">
          <cell r="J410">
            <v>21340</v>
          </cell>
        </row>
        <row r="411">
          <cell r="J411">
            <v>18857</v>
          </cell>
        </row>
        <row r="412">
          <cell r="J412">
            <v>12500</v>
          </cell>
        </row>
        <row r="413">
          <cell r="J413">
            <v>-10945</v>
          </cell>
        </row>
        <row r="414">
          <cell r="J414">
            <v>96288</v>
          </cell>
        </row>
        <row r="415">
          <cell r="J415">
            <v>49903</v>
          </cell>
        </row>
        <row r="416">
          <cell r="J416">
            <v>0</v>
          </cell>
        </row>
        <row r="417">
          <cell r="J417">
            <v>27078</v>
          </cell>
        </row>
        <row r="418">
          <cell r="J418">
            <v>16843</v>
          </cell>
        </row>
        <row r="419">
          <cell r="J419">
            <v>0</v>
          </cell>
        </row>
        <row r="420">
          <cell r="J420">
            <v>2794253</v>
          </cell>
        </row>
        <row r="421">
          <cell r="J421">
            <v>2231</v>
          </cell>
        </row>
        <row r="422">
          <cell r="J422">
            <v>709</v>
          </cell>
        </row>
        <row r="423">
          <cell r="J423">
            <v>10428</v>
          </cell>
        </row>
        <row r="424">
          <cell r="J424">
            <v>250</v>
          </cell>
        </row>
        <row r="425">
          <cell r="J425">
            <v>0</v>
          </cell>
        </row>
        <row r="426">
          <cell r="J426">
            <v>34427</v>
          </cell>
        </row>
        <row r="427">
          <cell r="J427">
            <v>21710</v>
          </cell>
        </row>
        <row r="428">
          <cell r="J428">
            <v>2883</v>
          </cell>
        </row>
        <row r="429">
          <cell r="J429">
            <v>0</v>
          </cell>
        </row>
        <row r="430">
          <cell r="J430">
            <v>2761</v>
          </cell>
        </row>
        <row r="431">
          <cell r="J431">
            <v>1338</v>
          </cell>
        </row>
        <row r="432">
          <cell r="J432">
            <v>1254</v>
          </cell>
        </row>
        <row r="433">
          <cell r="J433">
            <v>27575</v>
          </cell>
        </row>
        <row r="434">
          <cell r="J434">
            <v>17151</v>
          </cell>
        </row>
        <row r="435">
          <cell r="J435">
            <v>0</v>
          </cell>
        </row>
        <row r="436">
          <cell r="J436">
            <v>738</v>
          </cell>
        </row>
        <row r="437">
          <cell r="J437">
            <v>5210</v>
          </cell>
        </row>
        <row r="438">
          <cell r="J438">
            <v>4167</v>
          </cell>
        </row>
        <row r="439">
          <cell r="J439">
            <v>1721</v>
          </cell>
        </row>
        <row r="440">
          <cell r="J440">
            <v>4323</v>
          </cell>
        </row>
        <row r="441">
          <cell r="J441">
            <v>46222</v>
          </cell>
        </row>
        <row r="442">
          <cell r="J442">
            <v>19472</v>
          </cell>
        </row>
        <row r="443">
          <cell r="J443">
            <v>0</v>
          </cell>
        </row>
        <row r="444">
          <cell r="J444">
            <v>0</v>
          </cell>
        </row>
        <row r="445">
          <cell r="J445">
            <v>0</v>
          </cell>
        </row>
        <row r="446">
          <cell r="J446">
            <v>25939</v>
          </cell>
        </row>
        <row r="447">
          <cell r="J447">
            <v>16134</v>
          </cell>
        </row>
        <row r="448">
          <cell r="J448">
            <v>833</v>
          </cell>
        </row>
        <row r="449">
          <cell r="J449">
            <v>1500</v>
          </cell>
        </row>
        <row r="450">
          <cell r="J450">
            <v>538</v>
          </cell>
        </row>
        <row r="451">
          <cell r="J451">
            <v>-287902</v>
          </cell>
        </row>
        <row r="452">
          <cell r="J452">
            <v>66072</v>
          </cell>
        </row>
        <row r="453">
          <cell r="J453">
            <v>50266</v>
          </cell>
        </row>
        <row r="454">
          <cell r="J454">
            <v>0</v>
          </cell>
        </row>
        <row r="455">
          <cell r="J455">
            <v>0</v>
          </cell>
        </row>
        <row r="456">
          <cell r="J456">
            <v>4167</v>
          </cell>
        </row>
        <row r="457">
          <cell r="J457">
            <v>4083</v>
          </cell>
        </row>
        <row r="458">
          <cell r="J458">
            <v>456</v>
          </cell>
        </row>
        <row r="459">
          <cell r="J459">
            <v>2733</v>
          </cell>
        </row>
        <row r="460">
          <cell r="J460">
            <v>4246</v>
          </cell>
        </row>
        <row r="461">
          <cell r="J461">
            <v>0</v>
          </cell>
        </row>
        <row r="462">
          <cell r="J462">
            <v>0</v>
          </cell>
        </row>
        <row r="463">
          <cell r="J463">
            <v>0</v>
          </cell>
        </row>
        <row r="464">
          <cell r="J464">
            <v>6964</v>
          </cell>
        </row>
        <row r="465">
          <cell r="J465">
            <v>0</v>
          </cell>
        </row>
        <row r="466">
          <cell r="J466">
            <v>0</v>
          </cell>
        </row>
        <row r="467">
          <cell r="J467">
            <v>0</v>
          </cell>
        </row>
        <row r="468">
          <cell r="J468">
            <v>25000</v>
          </cell>
        </row>
        <row r="469">
          <cell r="J469">
            <v>0</v>
          </cell>
        </row>
        <row r="470">
          <cell r="J470">
            <v>19508</v>
          </cell>
        </row>
        <row r="471">
          <cell r="J471">
            <v>12134</v>
          </cell>
        </row>
        <row r="472">
          <cell r="J472">
            <v>0</v>
          </cell>
        </row>
        <row r="473">
          <cell r="J473">
            <v>0</v>
          </cell>
        </row>
        <row r="474">
          <cell r="J474">
            <v>0</v>
          </cell>
        </row>
        <row r="475">
          <cell r="J475">
            <v>0</v>
          </cell>
        </row>
        <row r="476">
          <cell r="J476">
            <v>19958</v>
          </cell>
        </row>
        <row r="477">
          <cell r="J477">
            <v>12414</v>
          </cell>
        </row>
        <row r="478">
          <cell r="J478">
            <v>0</v>
          </cell>
        </row>
        <row r="479">
          <cell r="J479">
            <v>94168</v>
          </cell>
        </row>
        <row r="480">
          <cell r="J480">
            <v>61168</v>
          </cell>
        </row>
        <row r="481">
          <cell r="J481">
            <v>9277</v>
          </cell>
        </row>
        <row r="482">
          <cell r="J482">
            <v>70399</v>
          </cell>
        </row>
        <row r="483">
          <cell r="J483">
            <v>16793</v>
          </cell>
        </row>
        <row r="484">
          <cell r="J484">
            <v>2841</v>
          </cell>
        </row>
        <row r="485">
          <cell r="J485">
            <v>18501</v>
          </cell>
        </row>
        <row r="486">
          <cell r="J486">
            <v>216842</v>
          </cell>
        </row>
        <row r="487">
          <cell r="J487">
            <v>0</v>
          </cell>
        </row>
        <row r="488">
          <cell r="J488">
            <v>-37237</v>
          </cell>
        </row>
        <row r="489">
          <cell r="J489">
            <v>30142</v>
          </cell>
        </row>
        <row r="490">
          <cell r="J490">
            <v>14138</v>
          </cell>
        </row>
        <row r="491">
          <cell r="J491">
            <v>-4075</v>
          </cell>
        </row>
        <row r="492">
          <cell r="J492">
            <v>17300</v>
          </cell>
        </row>
        <row r="493">
          <cell r="J493">
            <v>178</v>
          </cell>
        </row>
        <row r="494">
          <cell r="J494">
            <v>34578</v>
          </cell>
        </row>
        <row r="495">
          <cell r="J495">
            <v>5334</v>
          </cell>
        </row>
        <row r="496">
          <cell r="J496">
            <v>3739</v>
          </cell>
        </row>
        <row r="497">
          <cell r="J497">
            <v>103202</v>
          </cell>
        </row>
        <row r="498">
          <cell r="J498">
            <v>1523</v>
          </cell>
        </row>
        <row r="499">
          <cell r="J499">
            <v>0</v>
          </cell>
        </row>
        <row r="500">
          <cell r="J500">
            <v>0</v>
          </cell>
        </row>
        <row r="501">
          <cell r="J501">
            <v>15663</v>
          </cell>
        </row>
        <row r="502">
          <cell r="J502">
            <v>110534</v>
          </cell>
        </row>
        <row r="503">
          <cell r="J503">
            <v>287902</v>
          </cell>
        </row>
        <row r="504">
          <cell r="J504">
            <v>26238</v>
          </cell>
        </row>
        <row r="505">
          <cell r="J505">
            <v>18393</v>
          </cell>
        </row>
        <row r="506">
          <cell r="J506">
            <v>0</v>
          </cell>
        </row>
        <row r="507">
          <cell r="J507">
            <v>76434</v>
          </cell>
        </row>
        <row r="508">
          <cell r="J508">
            <v>18230</v>
          </cell>
        </row>
        <row r="509">
          <cell r="J509">
            <v>0</v>
          </cell>
        </row>
        <row r="510">
          <cell r="J510">
            <v>376346</v>
          </cell>
        </row>
        <row r="511">
          <cell r="J511">
            <v>0</v>
          </cell>
        </row>
        <row r="512">
          <cell r="J512">
            <v>12937</v>
          </cell>
        </row>
        <row r="513">
          <cell r="J513">
            <v>6244</v>
          </cell>
        </row>
        <row r="514">
          <cell r="J514">
            <v>4377</v>
          </cell>
        </row>
        <row r="515">
          <cell r="J515">
            <v>0</v>
          </cell>
        </row>
        <row r="516">
          <cell r="J516">
            <v>31537</v>
          </cell>
        </row>
        <row r="517">
          <cell r="J517">
            <v>206</v>
          </cell>
        </row>
        <row r="518">
          <cell r="J518">
            <v>305198</v>
          </cell>
        </row>
        <row r="519">
          <cell r="J519">
            <v>895</v>
          </cell>
        </row>
        <row r="520">
          <cell r="J520">
            <v>6667</v>
          </cell>
        </row>
        <row r="521">
          <cell r="J521">
            <v>322516</v>
          </cell>
        </row>
        <row r="522">
          <cell r="J522">
            <v>41</v>
          </cell>
        </row>
        <row r="523">
          <cell r="J523">
            <v>207794</v>
          </cell>
        </row>
        <row r="524">
          <cell r="J524">
            <v>146635</v>
          </cell>
        </row>
        <row r="525">
          <cell r="J525">
            <v>5339</v>
          </cell>
        </row>
        <row r="526">
          <cell r="J526">
            <v>396969</v>
          </cell>
        </row>
        <row r="527">
          <cell r="J527">
            <v>42410</v>
          </cell>
        </row>
        <row r="528">
          <cell r="J528">
            <v>0</v>
          </cell>
        </row>
        <row r="529">
          <cell r="J529">
            <v>338779</v>
          </cell>
        </row>
        <row r="530">
          <cell r="J530">
            <v>-240258</v>
          </cell>
        </row>
        <row r="531">
          <cell r="J531">
            <v>135</v>
          </cell>
        </row>
        <row r="532">
          <cell r="J532">
            <v>146528</v>
          </cell>
        </row>
        <row r="533">
          <cell r="J533">
            <v>103084</v>
          </cell>
        </row>
        <row r="534">
          <cell r="J534">
            <v>2022</v>
          </cell>
        </row>
        <row r="535">
          <cell r="J535">
            <v>220312</v>
          </cell>
        </row>
        <row r="536">
          <cell r="J536">
            <v>32064</v>
          </cell>
        </row>
        <row r="537">
          <cell r="J537">
            <v>0</v>
          </cell>
        </row>
        <row r="538">
          <cell r="J538">
            <v>371392</v>
          </cell>
        </row>
        <row r="539">
          <cell r="J539">
            <v>-27340</v>
          </cell>
        </row>
        <row r="540">
          <cell r="J540">
            <v>103</v>
          </cell>
        </row>
        <row r="541">
          <cell r="J541">
            <v>195406</v>
          </cell>
        </row>
        <row r="542">
          <cell r="J542">
            <v>138948</v>
          </cell>
        </row>
        <row r="543">
          <cell r="J543">
            <v>10816</v>
          </cell>
        </row>
        <row r="544">
          <cell r="J544">
            <v>804910</v>
          </cell>
        </row>
        <row r="545">
          <cell r="J545">
            <v>54218</v>
          </cell>
        </row>
        <row r="546">
          <cell r="J546">
            <v>951</v>
          </cell>
        </row>
        <row r="547">
          <cell r="J547">
            <v>470399</v>
          </cell>
        </row>
        <row r="548">
          <cell r="J548">
            <v>-312947</v>
          </cell>
        </row>
        <row r="549">
          <cell r="J549">
            <v>201</v>
          </cell>
        </row>
        <row r="550">
          <cell r="J550">
            <v>12099</v>
          </cell>
        </row>
        <row r="551">
          <cell r="J551">
            <v>8739</v>
          </cell>
        </row>
        <row r="552">
          <cell r="J552">
            <v>1417</v>
          </cell>
        </row>
        <row r="553">
          <cell r="J553">
            <v>13769</v>
          </cell>
        </row>
        <row r="554">
          <cell r="J554">
            <v>0</v>
          </cell>
        </row>
        <row r="555">
          <cell r="J555">
            <v>2065848</v>
          </cell>
        </row>
        <row r="556">
          <cell r="J556">
            <v>256</v>
          </cell>
        </row>
        <row r="557">
          <cell r="J557">
            <v>0</v>
          </cell>
        </row>
        <row r="558">
          <cell r="J558">
            <v>424335</v>
          </cell>
        </row>
        <row r="559">
          <cell r="J559">
            <v>0</v>
          </cell>
        </row>
        <row r="560">
          <cell r="J560">
            <v>311805</v>
          </cell>
        </row>
        <row r="561">
          <cell r="J561">
            <v>10362</v>
          </cell>
        </row>
        <row r="562">
          <cell r="J562">
            <v>11721</v>
          </cell>
        </row>
        <row r="563">
          <cell r="J563">
            <v>2693315</v>
          </cell>
        </row>
        <row r="564">
          <cell r="J564">
            <v>349</v>
          </cell>
        </row>
        <row r="565">
          <cell r="J565">
            <v>34817</v>
          </cell>
        </row>
        <row r="566">
          <cell r="J566">
            <v>5505</v>
          </cell>
        </row>
        <row r="567">
          <cell r="J567">
            <v>95313</v>
          </cell>
        </row>
        <row r="568">
          <cell r="J568">
            <v>634554</v>
          </cell>
        </row>
        <row r="569">
          <cell r="J569">
            <v>15</v>
          </cell>
        </row>
        <row r="570">
          <cell r="J570">
            <v>1758</v>
          </cell>
        </row>
        <row r="571">
          <cell r="J571">
            <v>1089012</v>
          </cell>
        </row>
        <row r="572">
          <cell r="J572">
            <v>0</v>
          </cell>
        </row>
        <row r="573">
          <cell r="J573">
            <v>37238</v>
          </cell>
        </row>
        <row r="574">
          <cell r="J574">
            <v>2134</v>
          </cell>
        </row>
        <row r="575">
          <cell r="J575">
            <v>1496</v>
          </cell>
        </row>
        <row r="576">
          <cell r="J576">
            <v>24506</v>
          </cell>
        </row>
        <row r="577">
          <cell r="J577">
            <v>3254</v>
          </cell>
        </row>
        <row r="578">
          <cell r="J578">
            <v>0</v>
          </cell>
        </row>
        <row r="579">
          <cell r="J579">
            <v>3845</v>
          </cell>
        </row>
        <row r="580">
          <cell r="J580">
            <v>234302</v>
          </cell>
        </row>
        <row r="581">
          <cell r="J581">
            <v>146307</v>
          </cell>
        </row>
        <row r="582">
          <cell r="J582">
            <v>5540</v>
          </cell>
        </row>
        <row r="583">
          <cell r="J583">
            <v>2913</v>
          </cell>
        </row>
        <row r="584">
          <cell r="J584">
            <v>37370</v>
          </cell>
        </row>
        <row r="585">
          <cell r="J585">
            <v>1876</v>
          </cell>
        </row>
        <row r="586">
          <cell r="J586">
            <v>6819</v>
          </cell>
        </row>
        <row r="587">
          <cell r="J587">
            <v>833</v>
          </cell>
        </row>
        <row r="588">
          <cell r="J588">
            <v>-110534</v>
          </cell>
        </row>
        <row r="589">
          <cell r="J589">
            <v>0</v>
          </cell>
        </row>
        <row r="590">
          <cell r="J590">
            <v>0</v>
          </cell>
        </row>
        <row r="591">
          <cell r="J591">
            <v>6202</v>
          </cell>
        </row>
        <row r="592">
          <cell r="J592">
            <v>0</v>
          </cell>
        </row>
        <row r="593">
          <cell r="J593">
            <v>6781</v>
          </cell>
        </row>
        <row r="594">
          <cell r="J594">
            <v>4477</v>
          </cell>
        </row>
        <row r="595">
          <cell r="J595">
            <v>0</v>
          </cell>
        </row>
        <row r="596">
          <cell r="J596">
            <v>0</v>
          </cell>
        </row>
        <row r="597">
          <cell r="J597">
            <v>10478</v>
          </cell>
        </row>
        <row r="598">
          <cell r="J598">
            <v>8171</v>
          </cell>
        </row>
        <row r="599">
          <cell r="J599">
            <v>2769</v>
          </cell>
        </row>
        <row r="600">
          <cell r="J600">
            <v>80244</v>
          </cell>
        </row>
        <row r="601">
          <cell r="J601">
            <v>3777</v>
          </cell>
        </row>
        <row r="602">
          <cell r="J602">
            <v>223</v>
          </cell>
        </row>
        <row r="603">
          <cell r="J603">
            <v>78313</v>
          </cell>
        </row>
        <row r="604">
          <cell r="J604">
            <v>159</v>
          </cell>
        </row>
        <row r="605">
          <cell r="J605">
            <v>6687180</v>
          </cell>
        </row>
        <row r="606">
          <cell r="J606">
            <v>5175082</v>
          </cell>
        </row>
        <row r="607">
          <cell r="J607">
            <v>1066564</v>
          </cell>
        </row>
        <row r="608">
          <cell r="J608">
            <v>6098182</v>
          </cell>
        </row>
        <row r="609">
          <cell r="J609">
            <v>1194062</v>
          </cell>
        </row>
        <row r="610">
          <cell r="J610">
            <v>415339</v>
          </cell>
        </row>
        <row r="611">
          <cell r="J611">
            <v>1129900</v>
          </cell>
        </row>
        <row r="612">
          <cell r="J612">
            <v>-46342</v>
          </cell>
        </row>
        <row r="613">
          <cell r="J613">
            <v>78664</v>
          </cell>
        </row>
        <row r="614">
          <cell r="J614">
            <v>9349105</v>
          </cell>
        </row>
        <row r="615">
          <cell r="J615">
            <v>0</v>
          </cell>
        </row>
        <row r="616">
          <cell r="J616">
            <v>85872</v>
          </cell>
        </row>
        <row r="617">
          <cell r="J617">
            <v>0</v>
          </cell>
        </row>
        <row r="618">
          <cell r="J618">
            <v>44238</v>
          </cell>
        </row>
        <row r="619">
          <cell r="J619">
            <v>31011</v>
          </cell>
        </row>
        <row r="620">
          <cell r="J620">
            <v>0</v>
          </cell>
        </row>
        <row r="621">
          <cell r="J621">
            <v>117158</v>
          </cell>
        </row>
        <row r="622">
          <cell r="J622">
            <v>28000</v>
          </cell>
        </row>
        <row r="623">
          <cell r="J623">
            <v>0</v>
          </cell>
        </row>
        <row r="624">
          <cell r="J624">
            <v>62418</v>
          </cell>
        </row>
        <row r="625">
          <cell r="J625">
            <v>35</v>
          </cell>
        </row>
        <row r="626">
          <cell r="J626">
            <v>438397</v>
          </cell>
        </row>
        <row r="627">
          <cell r="J627">
            <v>304902</v>
          </cell>
        </row>
        <row r="628">
          <cell r="J628">
            <v>2660</v>
          </cell>
        </row>
        <row r="629">
          <cell r="J629">
            <v>192639</v>
          </cell>
        </row>
        <row r="630">
          <cell r="J630">
            <v>17624</v>
          </cell>
        </row>
        <row r="631">
          <cell r="J631">
            <v>1483</v>
          </cell>
        </row>
        <row r="632">
          <cell r="J632">
            <v>204852</v>
          </cell>
        </row>
        <row r="633">
          <cell r="J633">
            <v>-704397</v>
          </cell>
        </row>
        <row r="634">
          <cell r="J634">
            <v>81214</v>
          </cell>
        </row>
        <row r="635">
          <cell r="J635">
            <v>56931</v>
          </cell>
        </row>
        <row r="636">
          <cell r="J636">
            <v>0</v>
          </cell>
        </row>
        <row r="637">
          <cell r="J637">
            <v>218089</v>
          </cell>
        </row>
        <row r="638">
          <cell r="J638">
            <v>26838</v>
          </cell>
        </row>
        <row r="639">
          <cell r="J639">
            <v>0</v>
          </cell>
        </row>
        <row r="640">
          <cell r="J640">
            <v>129305</v>
          </cell>
        </row>
        <row r="641">
          <cell r="J641">
            <v>0</v>
          </cell>
        </row>
        <row r="642">
          <cell r="J642">
            <v>62</v>
          </cell>
        </row>
        <row r="643">
          <cell r="J643">
            <v>3779</v>
          </cell>
        </row>
        <row r="644">
          <cell r="J644">
            <v>2649</v>
          </cell>
        </row>
        <row r="645">
          <cell r="J645">
            <v>282240</v>
          </cell>
        </row>
        <row r="646">
          <cell r="J646">
            <v>35</v>
          </cell>
        </row>
        <row r="647">
          <cell r="J647">
            <v>221635</v>
          </cell>
        </row>
        <row r="648">
          <cell r="J648">
            <v>155366</v>
          </cell>
        </row>
        <row r="649">
          <cell r="J649">
            <v>0</v>
          </cell>
        </row>
        <row r="650">
          <cell r="J650">
            <v>333895</v>
          </cell>
        </row>
        <row r="651">
          <cell r="J651">
            <v>69384</v>
          </cell>
        </row>
        <row r="652">
          <cell r="J652">
            <v>0</v>
          </cell>
        </row>
        <row r="653">
          <cell r="J653">
            <v>393174</v>
          </cell>
        </row>
        <row r="654">
          <cell r="J654">
            <v>138</v>
          </cell>
        </row>
        <row r="655">
          <cell r="J655">
            <v>59650</v>
          </cell>
        </row>
        <row r="656">
          <cell r="J656">
            <v>41815</v>
          </cell>
        </row>
        <row r="657">
          <cell r="J657">
            <v>0</v>
          </cell>
        </row>
        <row r="658">
          <cell r="J658">
            <v>200000</v>
          </cell>
        </row>
        <row r="659">
          <cell r="J659">
            <v>21863</v>
          </cell>
        </row>
        <row r="660">
          <cell r="J660">
            <v>0</v>
          </cell>
        </row>
        <row r="661">
          <cell r="J661">
            <v>84884</v>
          </cell>
        </row>
        <row r="662">
          <cell r="J662">
            <v>48</v>
          </cell>
        </row>
        <row r="663">
          <cell r="J663">
            <v>0</v>
          </cell>
        </row>
        <row r="664">
          <cell r="J664">
            <v>0</v>
          </cell>
        </row>
        <row r="665">
          <cell r="J665">
            <v>0</v>
          </cell>
        </row>
        <row r="666">
          <cell r="J666">
            <v>0</v>
          </cell>
        </row>
        <row r="667">
          <cell r="J667">
            <v>0</v>
          </cell>
        </row>
        <row r="668">
          <cell r="J668">
            <v>0</v>
          </cell>
        </row>
        <row r="669">
          <cell r="J669">
            <v>8063</v>
          </cell>
        </row>
        <row r="670">
          <cell r="J670">
            <v>5652</v>
          </cell>
        </row>
        <row r="671">
          <cell r="J671">
            <v>0</v>
          </cell>
        </row>
        <row r="672">
          <cell r="J672">
            <v>110565</v>
          </cell>
        </row>
        <row r="673">
          <cell r="J673">
            <v>0</v>
          </cell>
        </row>
        <row r="674">
          <cell r="J674">
            <v>15</v>
          </cell>
        </row>
        <row r="675">
          <cell r="J675">
            <v>76784</v>
          </cell>
        </row>
        <row r="676">
          <cell r="J676">
            <v>53826</v>
          </cell>
        </row>
        <row r="677">
          <cell r="J677">
            <v>0</v>
          </cell>
        </row>
        <row r="678">
          <cell r="J678">
            <v>383090</v>
          </cell>
        </row>
        <row r="679">
          <cell r="J679">
            <v>37979</v>
          </cell>
        </row>
        <row r="680">
          <cell r="J680">
            <v>0</v>
          </cell>
        </row>
        <row r="681">
          <cell r="J681">
            <v>110992</v>
          </cell>
        </row>
        <row r="682">
          <cell r="J682">
            <v>80</v>
          </cell>
        </row>
        <row r="683">
          <cell r="J683">
            <v>24297</v>
          </cell>
        </row>
        <row r="684">
          <cell r="J684">
            <v>17032</v>
          </cell>
        </row>
        <row r="685">
          <cell r="J685">
            <v>0</v>
          </cell>
        </row>
        <row r="686">
          <cell r="J686">
            <v>402040</v>
          </cell>
        </row>
        <row r="687">
          <cell r="J687">
            <v>5288</v>
          </cell>
        </row>
        <row r="688">
          <cell r="J688">
            <v>0</v>
          </cell>
        </row>
        <row r="689">
          <cell r="J689">
            <v>84642</v>
          </cell>
        </row>
        <row r="690">
          <cell r="J690">
            <v>63</v>
          </cell>
        </row>
        <row r="691">
          <cell r="J691">
            <v>19638</v>
          </cell>
        </row>
        <row r="692">
          <cell r="J692">
            <v>12215</v>
          </cell>
        </row>
        <row r="693">
          <cell r="J693">
            <v>0</v>
          </cell>
        </row>
        <row r="694">
          <cell r="J694">
            <v>9083</v>
          </cell>
        </row>
        <row r="695">
          <cell r="J695">
            <v>419</v>
          </cell>
        </row>
        <row r="696">
          <cell r="J696">
            <v>2210</v>
          </cell>
        </row>
        <row r="697">
          <cell r="J697">
            <v>-8667</v>
          </cell>
        </row>
        <row r="698">
          <cell r="J698">
            <v>417</v>
          </cell>
        </row>
        <row r="699">
          <cell r="J699">
            <v>96787</v>
          </cell>
        </row>
        <row r="700">
          <cell r="J700">
            <v>60208</v>
          </cell>
        </row>
        <row r="701">
          <cell r="J701">
            <v>67</v>
          </cell>
        </row>
        <row r="702">
          <cell r="J702">
            <v>15833</v>
          </cell>
        </row>
        <row r="703">
          <cell r="J703">
            <v>0</v>
          </cell>
        </row>
        <row r="704">
          <cell r="J704">
            <v>8833</v>
          </cell>
        </row>
        <row r="705">
          <cell r="J705">
            <v>6339</v>
          </cell>
        </row>
        <row r="706">
          <cell r="J706">
            <v>7734</v>
          </cell>
        </row>
        <row r="707">
          <cell r="J707">
            <v>44736</v>
          </cell>
        </row>
        <row r="708">
          <cell r="J708">
            <v>27892</v>
          </cell>
        </row>
        <row r="709">
          <cell r="J709">
            <v>646</v>
          </cell>
        </row>
        <row r="710">
          <cell r="J710">
            <v>58230</v>
          </cell>
        </row>
        <row r="711">
          <cell r="J711">
            <v>15537</v>
          </cell>
        </row>
        <row r="712">
          <cell r="J712">
            <v>208</v>
          </cell>
        </row>
        <row r="713">
          <cell r="J713">
            <v>194093</v>
          </cell>
        </row>
        <row r="714">
          <cell r="J714">
            <v>127232</v>
          </cell>
        </row>
        <row r="715">
          <cell r="J715">
            <v>833</v>
          </cell>
        </row>
        <row r="716">
          <cell r="J716">
            <v>2083</v>
          </cell>
        </row>
        <row r="717">
          <cell r="J717">
            <v>14208</v>
          </cell>
        </row>
        <row r="718">
          <cell r="J718">
            <v>1133</v>
          </cell>
        </row>
        <row r="719">
          <cell r="J719">
            <v>4095</v>
          </cell>
        </row>
        <row r="720">
          <cell r="J720">
            <v>-122762</v>
          </cell>
        </row>
        <row r="721">
          <cell r="J721">
            <v>20433</v>
          </cell>
        </row>
        <row r="722">
          <cell r="J722">
            <v>12709</v>
          </cell>
        </row>
        <row r="723">
          <cell r="J723">
            <v>0</v>
          </cell>
        </row>
        <row r="724">
          <cell r="J724">
            <v>469</v>
          </cell>
        </row>
        <row r="725">
          <cell r="J725">
            <v>7574</v>
          </cell>
        </row>
        <row r="726">
          <cell r="J726">
            <v>2957</v>
          </cell>
        </row>
        <row r="727">
          <cell r="J727">
            <v>93701</v>
          </cell>
        </row>
        <row r="728">
          <cell r="J728">
            <v>58706</v>
          </cell>
        </row>
        <row r="729">
          <cell r="J729">
            <v>4500</v>
          </cell>
        </row>
        <row r="730">
          <cell r="J730">
            <v>7389</v>
          </cell>
        </row>
        <row r="731">
          <cell r="J731">
            <v>14567</v>
          </cell>
        </row>
        <row r="732">
          <cell r="J732">
            <v>9096</v>
          </cell>
        </row>
        <row r="733">
          <cell r="J733">
            <v>510</v>
          </cell>
        </row>
        <row r="734">
          <cell r="J734">
            <v>0</v>
          </cell>
        </row>
        <row r="735">
          <cell r="J735">
            <v>26905</v>
          </cell>
        </row>
        <row r="736">
          <cell r="J736">
            <v>22487</v>
          </cell>
        </row>
        <row r="737">
          <cell r="J737">
            <v>145</v>
          </cell>
        </row>
        <row r="738">
          <cell r="J738">
            <v>3769</v>
          </cell>
        </row>
        <row r="739">
          <cell r="J739">
            <v>1412101</v>
          </cell>
        </row>
        <row r="740">
          <cell r="J740">
            <v>882092</v>
          </cell>
        </row>
        <row r="741">
          <cell r="J741">
            <v>41985</v>
          </cell>
        </row>
        <row r="742">
          <cell r="J742">
            <v>1367826</v>
          </cell>
        </row>
        <row r="743">
          <cell r="J743">
            <v>266880</v>
          </cell>
        </row>
        <row r="744">
          <cell r="J744">
            <v>39948</v>
          </cell>
        </row>
        <row r="745">
          <cell r="J745">
            <v>194494</v>
          </cell>
        </row>
        <row r="746">
          <cell r="J746">
            <v>0</v>
          </cell>
        </row>
        <row r="747">
          <cell r="J747">
            <v>203231</v>
          </cell>
        </row>
        <row r="748">
          <cell r="J748">
            <v>163375</v>
          </cell>
        </row>
        <row r="749">
          <cell r="J749">
            <v>-85417</v>
          </cell>
        </row>
        <row r="750">
          <cell r="J750">
            <v>12500</v>
          </cell>
        </row>
        <row r="751">
          <cell r="J751">
            <v>0</v>
          </cell>
        </row>
        <row r="752">
          <cell r="J752">
            <v>0</v>
          </cell>
        </row>
        <row r="753">
          <cell r="J753">
            <v>0</v>
          </cell>
        </row>
        <row r="754">
          <cell r="J754">
            <v>0</v>
          </cell>
        </row>
        <row r="755">
          <cell r="J755">
            <v>0</v>
          </cell>
        </row>
        <row r="756">
          <cell r="J756">
            <v>0</v>
          </cell>
        </row>
        <row r="757">
          <cell r="J757">
            <v>0</v>
          </cell>
        </row>
        <row r="758">
          <cell r="J758">
            <v>0</v>
          </cell>
        </row>
        <row r="759">
          <cell r="J759">
            <v>0</v>
          </cell>
        </row>
        <row r="760">
          <cell r="J760">
            <v>0</v>
          </cell>
        </row>
        <row r="761">
          <cell r="J761">
            <v>0</v>
          </cell>
        </row>
        <row r="762">
          <cell r="J762">
            <v>0</v>
          </cell>
        </row>
        <row r="763">
          <cell r="J763">
            <v>0</v>
          </cell>
        </row>
        <row r="764">
          <cell r="J764">
            <v>0</v>
          </cell>
        </row>
        <row r="765">
          <cell r="J765">
            <v>0</v>
          </cell>
        </row>
        <row r="766">
          <cell r="J766">
            <v>0</v>
          </cell>
        </row>
        <row r="767">
          <cell r="J767">
            <v>0</v>
          </cell>
        </row>
        <row r="768">
          <cell r="J768">
            <v>0</v>
          </cell>
        </row>
        <row r="769">
          <cell r="J769">
            <v>0</v>
          </cell>
        </row>
        <row r="770">
          <cell r="J770">
            <v>0</v>
          </cell>
        </row>
        <row r="771">
          <cell r="J771">
            <v>0</v>
          </cell>
        </row>
        <row r="772">
          <cell r="J772">
            <v>0</v>
          </cell>
        </row>
        <row r="773">
          <cell r="J773">
            <v>0</v>
          </cell>
        </row>
        <row r="774">
          <cell r="J774">
            <v>0</v>
          </cell>
        </row>
        <row r="775">
          <cell r="J775">
            <v>0</v>
          </cell>
        </row>
        <row r="776">
          <cell r="J776">
            <v>0</v>
          </cell>
        </row>
        <row r="777">
          <cell r="J777">
            <v>0</v>
          </cell>
        </row>
        <row r="778">
          <cell r="J778">
            <v>0</v>
          </cell>
        </row>
        <row r="779">
          <cell r="J779">
            <v>0</v>
          </cell>
        </row>
        <row r="780">
          <cell r="J780">
            <v>0</v>
          </cell>
        </row>
        <row r="781">
          <cell r="J781">
            <v>0</v>
          </cell>
        </row>
        <row r="782">
          <cell r="J782">
            <v>0</v>
          </cell>
        </row>
        <row r="783">
          <cell r="J783">
            <v>0</v>
          </cell>
        </row>
        <row r="784">
          <cell r="J784">
            <v>0</v>
          </cell>
        </row>
        <row r="785">
          <cell r="J785">
            <v>0</v>
          </cell>
        </row>
        <row r="786">
          <cell r="J786">
            <v>0</v>
          </cell>
        </row>
        <row r="787">
          <cell r="J787">
            <v>0</v>
          </cell>
        </row>
        <row r="788">
          <cell r="J788">
            <v>0</v>
          </cell>
        </row>
        <row r="789">
          <cell r="J789">
            <v>0</v>
          </cell>
        </row>
        <row r="790">
          <cell r="J790">
            <v>0</v>
          </cell>
        </row>
        <row r="791">
          <cell r="J791">
            <v>0</v>
          </cell>
        </row>
        <row r="792">
          <cell r="J792">
            <v>0</v>
          </cell>
        </row>
        <row r="793">
          <cell r="J793">
            <v>0</v>
          </cell>
        </row>
        <row r="794">
          <cell r="J794">
            <v>0</v>
          </cell>
        </row>
        <row r="795">
          <cell r="J795">
            <v>0</v>
          </cell>
        </row>
        <row r="796">
          <cell r="J796">
            <v>0</v>
          </cell>
        </row>
        <row r="797">
          <cell r="J797">
            <v>0</v>
          </cell>
        </row>
        <row r="798">
          <cell r="J798">
            <v>0</v>
          </cell>
        </row>
        <row r="799">
          <cell r="J799">
            <v>0</v>
          </cell>
        </row>
        <row r="800">
          <cell r="J800">
            <v>0</v>
          </cell>
        </row>
        <row r="801">
          <cell r="J801">
            <v>0</v>
          </cell>
        </row>
        <row r="802">
          <cell r="J802">
            <v>0</v>
          </cell>
        </row>
        <row r="803">
          <cell r="J803">
            <v>0</v>
          </cell>
        </row>
        <row r="804">
          <cell r="J804">
            <v>0</v>
          </cell>
        </row>
        <row r="805">
          <cell r="J805">
            <v>0</v>
          </cell>
        </row>
        <row r="806">
          <cell r="J806">
            <v>0</v>
          </cell>
        </row>
        <row r="807">
          <cell r="J807">
            <v>0</v>
          </cell>
        </row>
        <row r="808">
          <cell r="J808">
            <v>0</v>
          </cell>
        </row>
        <row r="809">
          <cell r="J809">
            <v>0</v>
          </cell>
        </row>
        <row r="810">
          <cell r="J810">
            <v>0</v>
          </cell>
        </row>
        <row r="811">
          <cell r="J811">
            <v>0</v>
          </cell>
        </row>
        <row r="812">
          <cell r="J812">
            <v>0</v>
          </cell>
        </row>
        <row r="813">
          <cell r="J813">
            <v>0</v>
          </cell>
        </row>
        <row r="814">
          <cell r="J814">
            <v>0</v>
          </cell>
        </row>
        <row r="815">
          <cell r="J815">
            <v>0</v>
          </cell>
        </row>
        <row r="816">
          <cell r="J816">
            <v>0</v>
          </cell>
        </row>
        <row r="817">
          <cell r="J817">
            <v>0</v>
          </cell>
        </row>
        <row r="818">
          <cell r="J818">
            <v>0</v>
          </cell>
        </row>
        <row r="819">
          <cell r="J819">
            <v>0</v>
          </cell>
        </row>
        <row r="820">
          <cell r="J820">
            <v>0</v>
          </cell>
        </row>
        <row r="821">
          <cell r="J821">
            <v>0</v>
          </cell>
        </row>
        <row r="822">
          <cell r="J822">
            <v>0</v>
          </cell>
        </row>
        <row r="823">
          <cell r="J823">
            <v>0</v>
          </cell>
        </row>
        <row r="824">
          <cell r="J824">
            <v>0</v>
          </cell>
        </row>
        <row r="825">
          <cell r="J825">
            <v>0</v>
          </cell>
        </row>
        <row r="826">
          <cell r="J826">
            <v>0</v>
          </cell>
        </row>
        <row r="827">
          <cell r="J827">
            <v>0</v>
          </cell>
        </row>
        <row r="828">
          <cell r="J828">
            <v>0</v>
          </cell>
        </row>
        <row r="829">
          <cell r="J829">
            <v>0</v>
          </cell>
        </row>
        <row r="830">
          <cell r="J830">
            <v>0</v>
          </cell>
        </row>
        <row r="831">
          <cell r="J831">
            <v>0</v>
          </cell>
        </row>
        <row r="832">
          <cell r="J832">
            <v>0</v>
          </cell>
        </row>
        <row r="833">
          <cell r="J833">
            <v>0</v>
          </cell>
        </row>
        <row r="834">
          <cell r="J834">
            <v>0</v>
          </cell>
        </row>
        <row r="835">
          <cell r="J835">
            <v>0</v>
          </cell>
        </row>
        <row r="836">
          <cell r="J836">
            <v>0</v>
          </cell>
        </row>
        <row r="837">
          <cell r="J837">
            <v>0</v>
          </cell>
        </row>
        <row r="838">
          <cell r="J838">
            <v>0</v>
          </cell>
        </row>
        <row r="839">
          <cell r="J839">
            <v>0</v>
          </cell>
        </row>
        <row r="840">
          <cell r="J840">
            <v>0</v>
          </cell>
        </row>
        <row r="841">
          <cell r="J841">
            <v>0</v>
          </cell>
        </row>
        <row r="842">
          <cell r="J842">
            <v>0</v>
          </cell>
        </row>
        <row r="843">
          <cell r="J843">
            <v>0</v>
          </cell>
        </row>
        <row r="844">
          <cell r="J844">
            <v>0</v>
          </cell>
        </row>
        <row r="845">
          <cell r="J845">
            <v>0</v>
          </cell>
        </row>
        <row r="846">
          <cell r="J846">
            <v>0</v>
          </cell>
        </row>
        <row r="847">
          <cell r="J847">
            <v>0</v>
          </cell>
        </row>
        <row r="848">
          <cell r="J848">
            <v>0</v>
          </cell>
        </row>
        <row r="849">
          <cell r="J849">
            <v>0</v>
          </cell>
        </row>
        <row r="850">
          <cell r="J850">
            <v>0</v>
          </cell>
        </row>
        <row r="851">
          <cell r="J851">
            <v>0</v>
          </cell>
        </row>
        <row r="852">
          <cell r="J852">
            <v>0</v>
          </cell>
        </row>
        <row r="853">
          <cell r="J853">
            <v>0</v>
          </cell>
        </row>
        <row r="854">
          <cell r="J854">
            <v>0</v>
          </cell>
        </row>
        <row r="855">
          <cell r="J855">
            <v>0</v>
          </cell>
        </row>
        <row r="856">
          <cell r="J856">
            <v>0</v>
          </cell>
        </row>
        <row r="857">
          <cell r="J857">
            <v>0</v>
          </cell>
        </row>
        <row r="858">
          <cell r="J858">
            <v>0</v>
          </cell>
        </row>
        <row r="859">
          <cell r="J859">
            <v>0</v>
          </cell>
        </row>
        <row r="860">
          <cell r="J860">
            <v>0</v>
          </cell>
        </row>
        <row r="861">
          <cell r="J861">
            <v>0</v>
          </cell>
        </row>
        <row r="862">
          <cell r="J862">
            <v>0</v>
          </cell>
        </row>
        <row r="863">
          <cell r="J863">
            <v>0</v>
          </cell>
        </row>
        <row r="864">
          <cell r="J864">
            <v>0</v>
          </cell>
        </row>
        <row r="865">
          <cell r="J865">
            <v>0</v>
          </cell>
        </row>
        <row r="866">
          <cell r="J866">
            <v>0</v>
          </cell>
        </row>
        <row r="867">
          <cell r="J867">
            <v>0</v>
          </cell>
        </row>
        <row r="868">
          <cell r="J868">
            <v>0</v>
          </cell>
        </row>
        <row r="869">
          <cell r="J869">
            <v>0</v>
          </cell>
        </row>
        <row r="870">
          <cell r="J870">
            <v>0</v>
          </cell>
        </row>
        <row r="871">
          <cell r="J871">
            <v>0</v>
          </cell>
        </row>
        <row r="872">
          <cell r="J872">
            <v>0</v>
          </cell>
        </row>
        <row r="873">
          <cell r="J873">
            <v>0</v>
          </cell>
        </row>
        <row r="874">
          <cell r="J874">
            <v>0</v>
          </cell>
        </row>
        <row r="875">
          <cell r="J875">
            <v>0</v>
          </cell>
        </row>
        <row r="876">
          <cell r="J876">
            <v>0</v>
          </cell>
        </row>
        <row r="877">
          <cell r="J877">
            <v>0</v>
          </cell>
        </row>
        <row r="878">
          <cell r="J878">
            <v>0</v>
          </cell>
        </row>
        <row r="879">
          <cell r="J879">
            <v>0</v>
          </cell>
        </row>
        <row r="880">
          <cell r="J880">
            <v>0</v>
          </cell>
        </row>
        <row r="881">
          <cell r="J881">
            <v>0</v>
          </cell>
        </row>
        <row r="882">
          <cell r="J882">
            <v>0</v>
          </cell>
        </row>
        <row r="883">
          <cell r="J883">
            <v>0</v>
          </cell>
        </row>
        <row r="884">
          <cell r="J884">
            <v>0</v>
          </cell>
        </row>
        <row r="885">
          <cell r="J885">
            <v>0</v>
          </cell>
        </row>
        <row r="886">
          <cell r="J886">
            <v>0</v>
          </cell>
        </row>
        <row r="887">
          <cell r="J887">
            <v>0</v>
          </cell>
        </row>
        <row r="888">
          <cell r="J888">
            <v>0</v>
          </cell>
        </row>
        <row r="889">
          <cell r="J889">
            <v>0</v>
          </cell>
        </row>
        <row r="890">
          <cell r="J890">
            <v>0</v>
          </cell>
        </row>
        <row r="891">
          <cell r="J891">
            <v>0</v>
          </cell>
        </row>
        <row r="892">
          <cell r="J892">
            <v>0</v>
          </cell>
        </row>
        <row r="893">
          <cell r="J893">
            <v>0</v>
          </cell>
        </row>
        <row r="894">
          <cell r="J894">
            <v>0</v>
          </cell>
        </row>
        <row r="895">
          <cell r="J895">
            <v>0</v>
          </cell>
        </row>
        <row r="896">
          <cell r="J896">
            <v>0</v>
          </cell>
        </row>
        <row r="897">
          <cell r="J897">
            <v>0</v>
          </cell>
        </row>
        <row r="898">
          <cell r="J898">
            <v>0</v>
          </cell>
        </row>
        <row r="899">
          <cell r="J899">
            <v>0</v>
          </cell>
        </row>
        <row r="900">
          <cell r="J900">
            <v>0</v>
          </cell>
        </row>
        <row r="901">
          <cell r="J901">
            <v>0</v>
          </cell>
        </row>
        <row r="902">
          <cell r="J902">
            <v>0</v>
          </cell>
        </row>
        <row r="903">
          <cell r="J903">
            <v>0</v>
          </cell>
        </row>
        <row r="904">
          <cell r="J904">
            <v>0</v>
          </cell>
        </row>
        <row r="905">
          <cell r="J905">
            <v>0</v>
          </cell>
        </row>
        <row r="906">
          <cell r="J906">
            <v>0</v>
          </cell>
        </row>
        <row r="907">
          <cell r="J907">
            <v>0</v>
          </cell>
        </row>
        <row r="908">
          <cell r="J908">
            <v>0</v>
          </cell>
        </row>
        <row r="909">
          <cell r="J909">
            <v>0</v>
          </cell>
        </row>
        <row r="910">
          <cell r="J910">
            <v>0</v>
          </cell>
        </row>
        <row r="911">
          <cell r="J911">
            <v>0</v>
          </cell>
        </row>
        <row r="912">
          <cell r="J912">
            <v>0</v>
          </cell>
        </row>
        <row r="913">
          <cell r="J913">
            <v>0</v>
          </cell>
        </row>
        <row r="914">
          <cell r="J914">
            <v>0</v>
          </cell>
        </row>
        <row r="915">
          <cell r="J915">
            <v>0</v>
          </cell>
        </row>
        <row r="916">
          <cell r="J916">
            <v>0</v>
          </cell>
        </row>
        <row r="917">
          <cell r="J917">
            <v>0</v>
          </cell>
        </row>
        <row r="918">
          <cell r="J918">
            <v>0</v>
          </cell>
        </row>
        <row r="919">
          <cell r="J919">
            <v>0</v>
          </cell>
        </row>
        <row r="920">
          <cell r="J920">
            <v>0</v>
          </cell>
        </row>
        <row r="921">
          <cell r="J921">
            <v>0</v>
          </cell>
        </row>
        <row r="922">
          <cell r="J922">
            <v>0</v>
          </cell>
        </row>
        <row r="923">
          <cell r="J923">
            <v>0</v>
          </cell>
        </row>
        <row r="924">
          <cell r="J924">
            <v>0</v>
          </cell>
        </row>
        <row r="925">
          <cell r="J925">
            <v>0</v>
          </cell>
        </row>
        <row r="926">
          <cell r="J926">
            <v>0</v>
          </cell>
        </row>
        <row r="927">
          <cell r="J927">
            <v>0</v>
          </cell>
        </row>
        <row r="928">
          <cell r="J928">
            <v>0</v>
          </cell>
        </row>
        <row r="929">
          <cell r="J929">
            <v>0</v>
          </cell>
        </row>
        <row r="930">
          <cell r="J930">
            <v>0</v>
          </cell>
        </row>
        <row r="931">
          <cell r="J931">
            <v>0</v>
          </cell>
        </row>
        <row r="932">
          <cell r="J932">
            <v>0</v>
          </cell>
        </row>
        <row r="933">
          <cell r="J933">
            <v>0</v>
          </cell>
        </row>
        <row r="934">
          <cell r="J934">
            <v>0</v>
          </cell>
        </row>
        <row r="935">
          <cell r="J935">
            <v>0</v>
          </cell>
        </row>
        <row r="936">
          <cell r="J936">
            <v>0</v>
          </cell>
        </row>
        <row r="937">
          <cell r="J937">
            <v>0</v>
          </cell>
        </row>
        <row r="938">
          <cell r="J938">
            <v>0</v>
          </cell>
        </row>
        <row r="939">
          <cell r="J939">
            <v>0</v>
          </cell>
        </row>
        <row r="940">
          <cell r="J940">
            <v>0</v>
          </cell>
        </row>
        <row r="941">
          <cell r="J941">
            <v>0</v>
          </cell>
        </row>
        <row r="942">
          <cell r="J942">
            <v>0</v>
          </cell>
        </row>
        <row r="943">
          <cell r="J943">
            <v>0</v>
          </cell>
        </row>
        <row r="944">
          <cell r="J944">
            <v>0</v>
          </cell>
        </row>
        <row r="945">
          <cell r="J945">
            <v>0</v>
          </cell>
        </row>
        <row r="946">
          <cell r="J946">
            <v>0</v>
          </cell>
        </row>
        <row r="947">
          <cell r="J947">
            <v>0</v>
          </cell>
        </row>
        <row r="948">
          <cell r="J948">
            <v>0</v>
          </cell>
        </row>
        <row r="949">
          <cell r="J949">
            <v>0</v>
          </cell>
        </row>
        <row r="950">
          <cell r="J950">
            <v>0</v>
          </cell>
        </row>
        <row r="951">
          <cell r="J951">
            <v>0</v>
          </cell>
        </row>
      </sheetData>
      <sheetData sheetId="7"/>
      <sheetData sheetId="8"/>
      <sheetData sheetId="9"/>
      <sheetData sheetId="10"/>
      <sheetData sheetId="11"/>
      <sheetData sheetId="12"/>
      <sheetData sheetId="13">
        <row r="63">
          <cell r="F63" t="str">
            <v>Board</v>
          </cell>
        </row>
      </sheetData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Budget Summary"/>
      <sheetName val="Budget Ask Var Expl"/>
      <sheetName val="2012 Mitigation"/>
      <sheetName val="2012 Mitigation-Original"/>
      <sheetName val="2013 Mitigation"/>
      <sheetName val="Labor"/>
      <sheetName val="Labor Detail"/>
      <sheetName val="Labor Detail-SMC"/>
      <sheetName val="Contract Labor"/>
      <sheetName val="Materials"/>
      <sheetName val="Meals-Travel"/>
      <sheetName val="Rent-Utilities"/>
      <sheetName val="Other"/>
      <sheetName val="Charge by Others Routine"/>
      <sheetName val="Charges to CR3"/>
      <sheetName val="Target adjustments"/>
      <sheetName val="Cost Category List"/>
      <sheetName val="Lookup"/>
      <sheetName val="Resource Sharing Assumptions"/>
      <sheetName val="Material Rate Change impact"/>
      <sheetName val="OBI impact- O&amp;M Projects"/>
      <sheetName val="OBI impact- Cap Projects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1">
          <cell r="A1" t="str">
            <v>Crystal River (60731S)</v>
          </cell>
        </row>
        <row r="2">
          <cell r="A2" t="str">
            <v>Debary (60778S)</v>
          </cell>
        </row>
        <row r="3">
          <cell r="A3" t="str">
            <v>Intercession City (60776S)</v>
          </cell>
        </row>
        <row r="4">
          <cell r="A4" t="str">
            <v>Suwannee (60746S)</v>
          </cell>
        </row>
        <row r="5">
          <cell r="A5" t="str">
            <v>UF (60779S)</v>
          </cell>
        </row>
        <row r="6">
          <cell r="A6" t="str">
            <v>Anclote (60734S)</v>
          </cell>
        </row>
        <row r="7">
          <cell r="A7" t="str">
            <v>Bartow CC (60LG8S)</v>
          </cell>
        </row>
        <row r="8">
          <cell r="A8" t="str">
            <v>Bartow Steam (60742S)</v>
          </cell>
        </row>
        <row r="9">
          <cell r="A9" t="str">
            <v>Suncoast CT (60764S)</v>
          </cell>
        </row>
        <row r="10">
          <cell r="A10" t="str">
            <v>Hines TB (60768S)</v>
          </cell>
        </row>
        <row r="11">
          <cell r="A11" t="str">
            <v>Power Generation - Florida (60747D)</v>
          </cell>
        </row>
        <row r="12">
          <cell r="A12" t="str">
            <v>Nature Coast Region GM (60708D)</v>
          </cell>
        </row>
        <row r="13">
          <cell r="A13" t="str">
            <v>Suncoast Region GM (60718D)</v>
          </cell>
        </row>
        <row r="14">
          <cell r="A14" t="str">
            <v>Support Services (60LJ7D)</v>
          </cell>
        </row>
        <row r="15">
          <cell r="A15" t="str">
            <v>Regional Engineering (60719S)</v>
          </cell>
        </row>
        <row r="16">
          <cell r="A16" t="str">
            <v>CT Services (60JJ4S)</v>
          </cell>
        </row>
        <row r="17">
          <cell r="A17" t="str">
            <v>Outage &amp; Projects (60LF4S)</v>
          </cell>
        </row>
        <row r="18">
          <cell r="A18" t="str">
            <v>SMC (60LJ6S)</v>
          </cell>
        </row>
      </sheetData>
      <sheetData sheetId="19"/>
      <sheetData sheetId="20"/>
      <sheetData sheetId="21"/>
      <sheetData sheetId="22"/>
      <sheetData sheetId="23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"/>
      <sheetName val="Tax Listing"/>
      <sheetName val="MW Tax Listing"/>
      <sheetName val="All 2.28 Projects Failing ARCs"/>
      <sheetName val="Common Issues"/>
      <sheetName val="V2 Tax Listing"/>
      <sheetName val="ARC Failures"/>
      <sheetName val="Projects Unitized"/>
      <sheetName val="Sheet2"/>
      <sheetName val="Tax_Listing"/>
      <sheetName val="MW_Tax_Listing"/>
      <sheetName val="All_2_28_Projects_Failing_ARCs"/>
      <sheetName val="Common_Issues"/>
      <sheetName val="V2_Tax_Listing"/>
      <sheetName val="ARC_Failures"/>
      <sheetName val="Projects_Unitized"/>
      <sheetName val="Tax_Listing1"/>
      <sheetName val="MW_Tax_Listing1"/>
      <sheetName val="All_2_28_Projects_Failing_ARCs1"/>
      <sheetName val="Common_Issues1"/>
      <sheetName val="V2_Tax_Listing1"/>
      <sheetName val="ARC_Failures1"/>
      <sheetName val="Projects_Unitized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1">
          <cell r="A1" t="str">
            <v>2013 Projects</v>
          </cell>
          <cell r="B1" t="str">
            <v>2013 Projects</v>
          </cell>
          <cell r="C1" t="str">
            <v>as-built needed</v>
          </cell>
          <cell r="D1" t="str">
            <v>OU</v>
          </cell>
          <cell r="F1" t="str">
            <v>2014 Projects</v>
          </cell>
          <cell r="G1" t="str">
            <v>2014 Projects</v>
          </cell>
          <cell r="H1" t="str">
            <v>as-built needed</v>
          </cell>
          <cell r="I1" t="str">
            <v>OU</v>
          </cell>
        </row>
        <row r="2">
          <cell r="A2" t="str">
            <v>G3099</v>
          </cell>
          <cell r="B2" t="str">
            <v>2013 Project</v>
          </cell>
          <cell r="C2"/>
          <cell r="D2" t="str">
            <v>V40C - QUEENSGATE</v>
          </cell>
          <cell r="F2" t="str">
            <v>G3981</v>
          </cell>
          <cell r="G2" t="str">
            <v>2014 Project</v>
          </cell>
          <cell r="H2"/>
          <cell r="I2" t="str">
            <v>VSOH - MW SS OPS OHIO</v>
          </cell>
        </row>
        <row r="3">
          <cell r="A3" t="str">
            <v>G6450</v>
          </cell>
          <cell r="B3" t="str">
            <v>2013 Project</v>
          </cell>
          <cell r="C3"/>
          <cell r="D3" t="str">
            <v>VNWS - DOWNTOWN NETWORK</v>
          </cell>
          <cell r="F3" t="str">
            <v>G5782</v>
          </cell>
          <cell r="G3" t="str">
            <v>2014 Project</v>
          </cell>
          <cell r="H3"/>
          <cell r="I3" t="str">
            <v>VSOH - MW SS OPS OHIO</v>
          </cell>
        </row>
        <row r="4">
          <cell r="A4" t="str">
            <v>G7172</v>
          </cell>
          <cell r="B4" t="str">
            <v>2013 Project</v>
          </cell>
          <cell r="C4"/>
          <cell r="D4" t="str">
            <v>V502 - BRECON</v>
          </cell>
          <cell r="F4" t="str">
            <v>G7093</v>
          </cell>
          <cell r="G4" t="str">
            <v>2014 Project</v>
          </cell>
          <cell r="H4"/>
          <cell r="I4" t="str">
            <v>V492 - HAMLET</v>
          </cell>
        </row>
        <row r="5">
          <cell r="A5" t="str">
            <v>G7174</v>
          </cell>
          <cell r="B5" t="str">
            <v>2013 Project</v>
          </cell>
          <cell r="C5"/>
          <cell r="D5" t="str">
            <v>V502 - BRECON</v>
          </cell>
          <cell r="F5" t="str">
            <v>G7494</v>
          </cell>
          <cell r="G5" t="str">
            <v>2014 Project</v>
          </cell>
          <cell r="H5"/>
          <cell r="I5" t="str">
            <v>V40C - QUEENSGATE</v>
          </cell>
        </row>
        <row r="6">
          <cell r="A6" t="str">
            <v>G7410</v>
          </cell>
          <cell r="B6" t="str">
            <v>2013 Project</v>
          </cell>
          <cell r="C6"/>
          <cell r="D6" t="str">
            <v>VNWS - DOWNTOWN NETWORK</v>
          </cell>
          <cell r="F6" t="str">
            <v>G8703</v>
          </cell>
          <cell r="G6" t="str">
            <v>2014 Project</v>
          </cell>
          <cell r="H6" t="str">
            <v>As Builts Required</v>
          </cell>
          <cell r="I6" t="str">
            <v>WMIA - MIAMITOWN</v>
          </cell>
        </row>
        <row r="7">
          <cell r="A7" t="str">
            <v>G7423</v>
          </cell>
          <cell r="B7" t="str">
            <v>2013 Project</v>
          </cell>
          <cell r="C7"/>
          <cell r="D7" t="str">
            <v>V40C - QUEENSGATE</v>
          </cell>
          <cell r="F7" t="str">
            <v>G9222</v>
          </cell>
          <cell r="G7" t="str">
            <v>2014 Project</v>
          </cell>
          <cell r="H7"/>
          <cell r="I7" t="str">
            <v>V40C - QUEENSGATE</v>
          </cell>
        </row>
        <row r="8">
          <cell r="A8" t="str">
            <v>G7718</v>
          </cell>
          <cell r="B8" t="str">
            <v>2013 Project</v>
          </cell>
          <cell r="C8"/>
          <cell r="D8" t="str">
            <v>V40C - QUEENSGATE</v>
          </cell>
          <cell r="F8" t="str">
            <v>G9663</v>
          </cell>
          <cell r="G8" t="str">
            <v>2014 Project</v>
          </cell>
          <cell r="H8"/>
          <cell r="I8" t="str">
            <v>V40C - QUEENSGATE</v>
          </cell>
        </row>
        <row r="9">
          <cell r="A9" t="str">
            <v>G7881</v>
          </cell>
          <cell r="B9" t="str">
            <v>2013 Project</v>
          </cell>
          <cell r="C9"/>
          <cell r="D9" t="str">
            <v>V40C - QUEENSGATE</v>
          </cell>
          <cell r="F9" t="str">
            <v>G9926</v>
          </cell>
          <cell r="G9" t="str">
            <v>2014 Project</v>
          </cell>
          <cell r="H9"/>
          <cell r="I9" t="str">
            <v>V461 - TODHUNTER</v>
          </cell>
        </row>
        <row r="10">
          <cell r="A10" t="str">
            <v>G8198</v>
          </cell>
          <cell r="B10" t="str">
            <v>2013 Project</v>
          </cell>
          <cell r="C10"/>
          <cell r="D10" t="str">
            <v>V40C - QUEENSGATE</v>
          </cell>
          <cell r="F10" t="str">
            <v>H0015</v>
          </cell>
          <cell r="G10" t="str">
            <v>2014 Project</v>
          </cell>
          <cell r="H10"/>
          <cell r="I10" t="str">
            <v>V502 - BRECON</v>
          </cell>
        </row>
        <row r="11">
          <cell r="A11" t="str">
            <v>G8470</v>
          </cell>
          <cell r="B11" t="str">
            <v>2013 Project</v>
          </cell>
          <cell r="C11"/>
          <cell r="D11" t="str">
            <v>V462 - FAIRFIELD</v>
          </cell>
          <cell r="F11" t="str">
            <v>H0580</v>
          </cell>
          <cell r="G11" t="str">
            <v>2014 Project</v>
          </cell>
          <cell r="H11"/>
          <cell r="I11" t="str">
            <v>VNWS - Dana</v>
          </cell>
        </row>
        <row r="12">
          <cell r="A12" t="str">
            <v>G8471</v>
          </cell>
          <cell r="B12" t="str">
            <v>2013 Project</v>
          </cell>
          <cell r="C12"/>
          <cell r="D12" t="str">
            <v>V502 - BRECON</v>
          </cell>
          <cell r="F12" t="str">
            <v>H0608</v>
          </cell>
          <cell r="G12" t="str">
            <v>2014 Project</v>
          </cell>
          <cell r="H12"/>
          <cell r="I12" t="str">
            <v>VNWS - Dana</v>
          </cell>
        </row>
        <row r="13">
          <cell r="A13" t="str">
            <v>SGSHT312</v>
          </cell>
          <cell r="B13" t="str">
            <v>2013 Project</v>
          </cell>
          <cell r="C13"/>
          <cell r="D13" t="str">
            <v>VODO - PDMW OTHER DEPT OHIO</v>
          </cell>
          <cell r="F13" t="str">
            <v>H0610</v>
          </cell>
          <cell r="G13" t="str">
            <v>2014 Project</v>
          </cell>
          <cell r="H13"/>
          <cell r="I13" t="str">
            <v>VNWS - Dana</v>
          </cell>
        </row>
        <row r="14">
          <cell r="A14" t="str">
            <v>G1661</v>
          </cell>
          <cell r="B14" t="str">
            <v>2013 Project</v>
          </cell>
          <cell r="C14"/>
          <cell r="D14" t="str">
            <v>V932 - ERLANGER</v>
          </cell>
          <cell r="F14" t="str">
            <v>H0700</v>
          </cell>
          <cell r="G14" t="str">
            <v>2014 Project</v>
          </cell>
          <cell r="H14"/>
          <cell r="I14" t="str">
            <v>V40C - QUEENSGATE</v>
          </cell>
        </row>
        <row r="15">
          <cell r="A15" t="str">
            <v>F4346</v>
          </cell>
          <cell r="B15" t="str">
            <v>2013 Project</v>
          </cell>
          <cell r="C15"/>
          <cell r="D15" t="str">
            <v>V482 - LAFAYETTE</v>
          </cell>
          <cell r="F15" t="str">
            <v>H0903</v>
          </cell>
          <cell r="G15" t="str">
            <v>2014 Project</v>
          </cell>
          <cell r="H15" t="str">
            <v>As Builts Required</v>
          </cell>
          <cell r="I15" t="str">
            <v>VNWS - DOWNTOWN NETWORK</v>
          </cell>
        </row>
        <row r="16">
          <cell r="A16" t="str">
            <v>F9508</v>
          </cell>
          <cell r="B16" t="str">
            <v>2013 Project</v>
          </cell>
          <cell r="C16" t="str">
            <v>As Builts Required</v>
          </cell>
          <cell r="D16" t="str">
            <v>V622 - TERRE HAUTE</v>
          </cell>
          <cell r="F16" t="str">
            <v>H0905</v>
          </cell>
          <cell r="G16" t="str">
            <v>2014 Project</v>
          </cell>
          <cell r="H16"/>
          <cell r="I16" t="str">
            <v>V461 - TODHUNTER</v>
          </cell>
        </row>
        <row r="17">
          <cell r="A17" t="str">
            <v>G6114</v>
          </cell>
          <cell r="B17" t="str">
            <v>2013 Project</v>
          </cell>
          <cell r="C17"/>
          <cell r="D17" t="str">
            <v>V742 - BLOOMINGTON</v>
          </cell>
          <cell r="F17" t="str">
            <v>H0964</v>
          </cell>
          <cell r="G17" t="str">
            <v>2014 Project</v>
          </cell>
          <cell r="H17" t="str">
            <v>As Builts Required</v>
          </cell>
          <cell r="I17" t="str">
            <v>VNWS - DOWNTOWN NETWORK</v>
          </cell>
        </row>
        <row r="18">
          <cell r="A18" t="str">
            <v>G6115</v>
          </cell>
          <cell r="B18" t="str">
            <v>2013 Project</v>
          </cell>
          <cell r="C18"/>
          <cell r="D18" t="str">
            <v>V642 - GREENCASTLE</v>
          </cell>
          <cell r="F18" t="str">
            <v>G9684</v>
          </cell>
          <cell r="G18" t="str">
            <v>2014 Project</v>
          </cell>
          <cell r="H18"/>
          <cell r="I18" t="str">
            <v>V932 - ERLANGER</v>
          </cell>
        </row>
        <row r="19">
          <cell r="A19" t="str">
            <v>G6195</v>
          </cell>
          <cell r="B19" t="str">
            <v>2013 Project</v>
          </cell>
          <cell r="C19"/>
          <cell r="D19" t="str">
            <v>V562 - CARMEL</v>
          </cell>
          <cell r="F19" t="str">
            <v>G1535</v>
          </cell>
          <cell r="G19" t="str">
            <v>2014 Project</v>
          </cell>
          <cell r="H19"/>
          <cell r="I19" t="str">
            <v>V832 - SHELBYVILLE</v>
          </cell>
        </row>
        <row r="20">
          <cell r="A20" t="str">
            <v>G6351</v>
          </cell>
          <cell r="B20" t="str">
            <v>2013 Project</v>
          </cell>
          <cell r="C20"/>
          <cell r="D20" t="str">
            <v>V422 - KOKOMO</v>
          </cell>
          <cell r="F20" t="str">
            <v>G2862</v>
          </cell>
          <cell r="G20" t="str">
            <v>2014 Project</v>
          </cell>
          <cell r="H20"/>
          <cell r="I20" t="str">
            <v>V542 - NOBLESVILLE</v>
          </cell>
        </row>
        <row r="21">
          <cell r="A21" t="str">
            <v>G6352</v>
          </cell>
          <cell r="B21" t="str">
            <v>2013 Project</v>
          </cell>
          <cell r="C21"/>
          <cell r="D21" t="str">
            <v>V452 - ROCHESTER</v>
          </cell>
          <cell r="F21" t="str">
            <v>G4934</v>
          </cell>
          <cell r="G21" t="str">
            <v>2014 Project</v>
          </cell>
          <cell r="H21" t="str">
            <v>As Builts Required</v>
          </cell>
          <cell r="I21" t="str">
            <v>V962 - SEYMORE (SEYMOUR)</v>
          </cell>
        </row>
        <row r="22">
          <cell r="A22" t="str">
            <v>G6738</v>
          </cell>
          <cell r="B22" t="str">
            <v>2013 Project</v>
          </cell>
          <cell r="C22"/>
          <cell r="D22" t="str">
            <v>V952 - FRANKLIN</v>
          </cell>
          <cell r="F22" t="str">
            <v>G5036</v>
          </cell>
          <cell r="G22" t="str">
            <v>2014 Project</v>
          </cell>
          <cell r="H22"/>
          <cell r="I22" t="str">
            <v>V562 - CARMEL</v>
          </cell>
        </row>
        <row r="23">
          <cell r="A23" t="str">
            <v>G7061</v>
          </cell>
          <cell r="B23" t="str">
            <v>2013 Project</v>
          </cell>
          <cell r="C23"/>
          <cell r="D23" t="str">
            <v>V952 - FRANKLIN</v>
          </cell>
          <cell r="F23" t="str">
            <v>G5037</v>
          </cell>
          <cell r="G23" t="str">
            <v>2014 Project</v>
          </cell>
          <cell r="H23"/>
          <cell r="I23" t="str">
            <v>V562 - CARMEL</v>
          </cell>
        </row>
        <row r="24">
          <cell r="A24" t="str">
            <v>G8291</v>
          </cell>
          <cell r="B24" t="str">
            <v>2013 Project</v>
          </cell>
          <cell r="C24"/>
          <cell r="D24" t="str">
            <v>V422 - KOKOMO</v>
          </cell>
          <cell r="F24" t="str">
            <v>G8016</v>
          </cell>
          <cell r="G24" t="str">
            <v>2014 Project</v>
          </cell>
          <cell r="H24"/>
          <cell r="I24" t="str">
            <v>V812 - PRINCETON</v>
          </cell>
        </row>
        <row r="25">
          <cell r="A25" t="str">
            <v>G8362</v>
          </cell>
          <cell r="B25" t="str">
            <v>2013 Project</v>
          </cell>
          <cell r="C25"/>
          <cell r="D25" t="str">
            <v>V832 - SHELBYVILLE</v>
          </cell>
          <cell r="F25" t="str">
            <v>G8017</v>
          </cell>
          <cell r="G25" t="str">
            <v>2014 Project</v>
          </cell>
          <cell r="H25"/>
          <cell r="I25" t="str">
            <v>V812 - PRINCETON</v>
          </cell>
        </row>
        <row r="26">
          <cell r="A26" t="str">
            <v>G8571</v>
          </cell>
          <cell r="B26" t="str">
            <v>2013 Project</v>
          </cell>
          <cell r="C26"/>
          <cell r="D26" t="str">
            <v>V832 - SHELBYVILLE</v>
          </cell>
          <cell r="F26" t="str">
            <v>G8065</v>
          </cell>
          <cell r="G26" t="str">
            <v>2014 Project</v>
          </cell>
          <cell r="H26"/>
          <cell r="I26" t="str">
            <v>V812 - PRINCETON</v>
          </cell>
        </row>
        <row r="27">
          <cell r="A27" t="str">
            <v>G8966</v>
          </cell>
          <cell r="B27" t="str">
            <v>2013 Project</v>
          </cell>
          <cell r="C27"/>
          <cell r="D27" t="str">
            <v>V882 - CLARKSVILLE</v>
          </cell>
          <cell r="F27" t="str">
            <v>G8066</v>
          </cell>
          <cell r="G27" t="str">
            <v>2014 Project</v>
          </cell>
          <cell r="H27"/>
          <cell r="I27" t="str">
            <v>V812 - PRINCETON</v>
          </cell>
        </row>
        <row r="28">
          <cell r="A28" t="str">
            <v>G4094</v>
          </cell>
          <cell r="B28" t="str">
            <v>2013 Project</v>
          </cell>
          <cell r="C28" t="str">
            <v>As Builts Required</v>
          </cell>
          <cell r="D28" t="str">
            <v>V38H - HARTWELL</v>
          </cell>
          <cell r="F28" t="str">
            <v>G8520</v>
          </cell>
          <cell r="G28" t="str">
            <v>2014 Project</v>
          </cell>
          <cell r="H28"/>
          <cell r="I28" t="str">
            <v>V422 - KOKOMO</v>
          </cell>
        </row>
        <row r="29">
          <cell r="A29" t="str">
            <v>G5926</v>
          </cell>
          <cell r="B29" t="str">
            <v>2013 Project</v>
          </cell>
          <cell r="C29"/>
          <cell r="D29" t="str">
            <v>VNWS - DOWNTOWN NETWORK</v>
          </cell>
          <cell r="F29" t="str">
            <v>G8580</v>
          </cell>
          <cell r="G29" t="str">
            <v>2014 Project</v>
          </cell>
          <cell r="H29" t="str">
            <v>As Builts Required</v>
          </cell>
          <cell r="I29" t="str">
            <v>V902 - CORYDON</v>
          </cell>
        </row>
        <row r="30">
          <cell r="A30" t="str">
            <v>G6054</v>
          </cell>
          <cell r="B30" t="str">
            <v>2013 Project</v>
          </cell>
          <cell r="C30"/>
          <cell r="D30" t="str">
            <v>V38H - HARTWELL</v>
          </cell>
          <cell r="F30" t="str">
            <v>G8639</v>
          </cell>
          <cell r="G30" t="str">
            <v>2014 Project</v>
          </cell>
          <cell r="H30"/>
          <cell r="I30" t="str">
            <v>V452 - ROCHESTER</v>
          </cell>
        </row>
        <row r="31">
          <cell r="A31" t="str">
            <v>G6302</v>
          </cell>
          <cell r="B31" t="str">
            <v>2013 Project</v>
          </cell>
          <cell r="C31"/>
          <cell r="D31" t="str">
            <v>VNWS - DOWNTOWN NETWORK</v>
          </cell>
          <cell r="F31" t="str">
            <v>G8642</v>
          </cell>
          <cell r="G31" t="str">
            <v>2014 Project</v>
          </cell>
          <cell r="H31" t="str">
            <v>As Builts Required</v>
          </cell>
          <cell r="I31" t="str">
            <v>V452 - ROCHESTER</v>
          </cell>
        </row>
        <row r="32">
          <cell r="A32" t="str">
            <v>G6307</v>
          </cell>
          <cell r="B32" t="str">
            <v>2013 Project</v>
          </cell>
          <cell r="C32"/>
          <cell r="D32" t="str">
            <v>V38H - HARTWELL</v>
          </cell>
          <cell r="F32" t="str">
            <v>G8644</v>
          </cell>
          <cell r="G32" t="str">
            <v>2014 Project</v>
          </cell>
          <cell r="H32" t="str">
            <v>As Builts Required</v>
          </cell>
          <cell r="I32" t="str">
            <v>V542 - NOBLESVILLE</v>
          </cell>
        </row>
        <row r="33">
          <cell r="A33" t="str">
            <v>G6308</v>
          </cell>
          <cell r="B33" t="str">
            <v>2013 Project</v>
          </cell>
          <cell r="C33"/>
          <cell r="D33" t="str">
            <v>V38H - HARTWELL</v>
          </cell>
          <cell r="F33" t="str">
            <v>G9028</v>
          </cell>
          <cell r="G33" t="str">
            <v>2014 Project</v>
          </cell>
          <cell r="H33"/>
          <cell r="I33" t="str">
            <v>V49A - ATTICA</v>
          </cell>
        </row>
        <row r="34">
          <cell r="A34" t="str">
            <v>G6449</v>
          </cell>
          <cell r="B34" t="str">
            <v>2013 Project</v>
          </cell>
          <cell r="C34"/>
          <cell r="D34" t="str">
            <v>VNWS - DOWNTOWN NETWORK</v>
          </cell>
          <cell r="F34" t="str">
            <v>G9406</v>
          </cell>
          <cell r="G34" t="str">
            <v>2014 Project</v>
          </cell>
          <cell r="H34"/>
          <cell r="I34" t="str">
            <v>V552 - NEW CASTLE</v>
          </cell>
        </row>
        <row r="35">
          <cell r="A35" t="str">
            <v>G7011</v>
          </cell>
          <cell r="B35" t="str">
            <v>2013 Project</v>
          </cell>
          <cell r="C35"/>
          <cell r="D35" t="str">
            <v>VNWS - DOWNTOWN NETWORK</v>
          </cell>
          <cell r="F35" t="str">
            <v>G9461</v>
          </cell>
          <cell r="G35" t="str">
            <v>2014 Project</v>
          </cell>
          <cell r="H35"/>
          <cell r="I35" t="str">
            <v>V812 - PRINCETON</v>
          </cell>
        </row>
        <row r="36">
          <cell r="A36" t="str">
            <v>G7418</v>
          </cell>
          <cell r="B36" t="str">
            <v>2013 Project</v>
          </cell>
          <cell r="C36"/>
          <cell r="D36" t="str">
            <v>V492 - HAMLET</v>
          </cell>
          <cell r="F36" t="str">
            <v>G9594</v>
          </cell>
          <cell r="G36" t="str">
            <v>2014 Project</v>
          </cell>
          <cell r="H36"/>
          <cell r="I36" t="str">
            <v>V422 - KOKOMO</v>
          </cell>
        </row>
        <row r="37">
          <cell r="A37" t="str">
            <v>G7539</v>
          </cell>
          <cell r="B37" t="str">
            <v>2013 Project</v>
          </cell>
          <cell r="C37"/>
          <cell r="D37" t="str">
            <v>V38H - HARTWELL</v>
          </cell>
          <cell r="F37" t="str">
            <v>G9906</v>
          </cell>
          <cell r="G37" t="str">
            <v>2014 Project</v>
          </cell>
          <cell r="H37"/>
          <cell r="I37" t="str">
            <v>V812 - PRINCETON</v>
          </cell>
        </row>
        <row r="38">
          <cell r="A38" t="str">
            <v>G7563</v>
          </cell>
          <cell r="B38" t="str">
            <v>2013 Project</v>
          </cell>
          <cell r="C38"/>
          <cell r="D38" t="str">
            <v>VNWS - DOWNTOWN NETWORK</v>
          </cell>
          <cell r="F38" t="str">
            <v>G9919</v>
          </cell>
          <cell r="G38" t="str">
            <v>2014 Project</v>
          </cell>
          <cell r="H38"/>
          <cell r="I38" t="str">
            <v>V422 - KOKOMO</v>
          </cell>
        </row>
        <row r="39">
          <cell r="A39" t="str">
            <v>G8176</v>
          </cell>
          <cell r="B39" t="str">
            <v>2013 Project</v>
          </cell>
          <cell r="C39"/>
          <cell r="D39" t="str">
            <v>V493 - LITTLE MIAMI</v>
          </cell>
          <cell r="F39" t="str">
            <v>G9993</v>
          </cell>
          <cell r="G39" t="str">
            <v>2014 Project</v>
          </cell>
          <cell r="H39"/>
          <cell r="I39" t="str">
            <v>V482 - LAFAYETTE</v>
          </cell>
        </row>
        <row r="40">
          <cell r="A40" t="str">
            <v>G8552</v>
          </cell>
          <cell r="B40" t="str">
            <v>2013 Project</v>
          </cell>
          <cell r="C40"/>
          <cell r="D40" t="str">
            <v>V462 - FAIRFIELD</v>
          </cell>
          <cell r="F40" t="str">
            <v>H0059</v>
          </cell>
          <cell r="G40" t="str">
            <v>2014 Project</v>
          </cell>
          <cell r="H40"/>
          <cell r="I40" t="str">
            <v>V962 - SEYMORE (SEYMOUR)</v>
          </cell>
        </row>
        <row r="41">
          <cell r="A41" t="str">
            <v>G2299</v>
          </cell>
          <cell r="B41" t="str">
            <v>2013 Project</v>
          </cell>
          <cell r="C41"/>
          <cell r="D41" t="str">
            <v>V962 - SEYMORE (SEYMOUR)</v>
          </cell>
          <cell r="F41" t="str">
            <v>H0065</v>
          </cell>
          <cell r="G41" t="str">
            <v>2014 Project</v>
          </cell>
          <cell r="H41"/>
          <cell r="I41" t="str">
            <v>V422 - KOKOMO</v>
          </cell>
        </row>
        <row r="42">
          <cell r="A42" t="str">
            <v>G4694</v>
          </cell>
          <cell r="B42" t="str">
            <v>2013 Project</v>
          </cell>
          <cell r="C42"/>
          <cell r="D42" t="str">
            <v>V542 - NOBLESVILLE</v>
          </cell>
          <cell r="F42" t="str">
            <v>H0175</v>
          </cell>
          <cell r="G42" t="str">
            <v>2014 Project</v>
          </cell>
          <cell r="H42"/>
          <cell r="I42" t="str">
            <v>V742 - BLOOMINGTON</v>
          </cell>
        </row>
        <row r="43">
          <cell r="A43" t="str">
            <v>G6618</v>
          </cell>
          <cell r="B43" t="str">
            <v>2013 Project</v>
          </cell>
          <cell r="C43"/>
          <cell r="D43" t="str">
            <v>V942 - COLUMBUS</v>
          </cell>
          <cell r="F43" t="str">
            <v>H0258</v>
          </cell>
          <cell r="G43" t="str">
            <v>2014 Project</v>
          </cell>
          <cell r="H43"/>
          <cell r="I43" t="str">
            <v>V642 - GREENCASTLE</v>
          </cell>
        </row>
        <row r="44">
          <cell r="A44" t="str">
            <v>G6668</v>
          </cell>
          <cell r="B44" t="str">
            <v>2013 Project</v>
          </cell>
          <cell r="C44"/>
          <cell r="D44" t="str">
            <v>V942 - COLUMBUS</v>
          </cell>
          <cell r="F44" t="str">
            <v>H0593</v>
          </cell>
          <cell r="G44" t="str">
            <v>2014 Project</v>
          </cell>
          <cell r="H44"/>
          <cell r="I44" t="str">
            <v>V562 - CARMEL</v>
          </cell>
        </row>
        <row r="45">
          <cell r="A45" t="str">
            <v>G6980</v>
          </cell>
          <cell r="B45" t="str">
            <v>2013 Project</v>
          </cell>
          <cell r="C45"/>
          <cell r="D45" t="str">
            <v>V962 - SEYMORE (SEYMOUR)</v>
          </cell>
          <cell r="F45" t="str">
            <v>H0956</v>
          </cell>
          <cell r="G45" t="str">
            <v>2014 Project</v>
          </cell>
          <cell r="H45"/>
          <cell r="I45" t="str">
            <v>V842 - CONNERSVILLE</v>
          </cell>
        </row>
        <row r="46">
          <cell r="A46" t="str">
            <v>G7003</v>
          </cell>
          <cell r="B46" t="str">
            <v>2013 Project</v>
          </cell>
          <cell r="C46"/>
          <cell r="D46" t="str">
            <v>V952 - FRANKLIN</v>
          </cell>
          <cell r="F46" t="str">
            <v>H1063</v>
          </cell>
          <cell r="G46" t="str">
            <v>2014 Project</v>
          </cell>
          <cell r="H46"/>
          <cell r="I46" t="str">
            <v>V882 - CLARKSVILLE</v>
          </cell>
        </row>
        <row r="47">
          <cell r="A47" t="str">
            <v>G7060</v>
          </cell>
          <cell r="B47" t="str">
            <v>2013 Project</v>
          </cell>
          <cell r="C47"/>
          <cell r="D47" t="str">
            <v>V962 - SEYMORE (SEYMOUR)</v>
          </cell>
          <cell r="F47" t="str">
            <v>H1232</v>
          </cell>
          <cell r="G47" t="str">
            <v>2014 Project</v>
          </cell>
          <cell r="H47"/>
          <cell r="I47" t="str">
            <v>V952 - FRANKLIN</v>
          </cell>
        </row>
        <row r="48">
          <cell r="A48" t="str">
            <v>G7070</v>
          </cell>
          <cell r="B48" t="str">
            <v>2013 Project</v>
          </cell>
          <cell r="C48"/>
          <cell r="D48" t="str">
            <v>V422 - KOKOMO</v>
          </cell>
          <cell r="F48" t="str">
            <v>G8092</v>
          </cell>
          <cell r="G48" t="str">
            <v>2014 Project</v>
          </cell>
          <cell r="H48" t="str">
            <v>As Builts Required</v>
          </cell>
          <cell r="I48" t="str">
            <v>V492 - HAMLET</v>
          </cell>
        </row>
        <row r="49">
          <cell r="A49" t="str">
            <v>G7098</v>
          </cell>
          <cell r="B49" t="str">
            <v>2013 Project</v>
          </cell>
          <cell r="C49"/>
          <cell r="D49" t="str">
            <v>V962 - SEYMORE (SEYMOUR)</v>
          </cell>
          <cell r="F49" t="str">
            <v>G8431</v>
          </cell>
          <cell r="G49" t="str">
            <v>2014 Project</v>
          </cell>
          <cell r="H49"/>
          <cell r="I49" t="str">
            <v>V40C - QUEENSGATE</v>
          </cell>
        </row>
        <row r="50">
          <cell r="A50" t="str">
            <v>G7108</v>
          </cell>
          <cell r="B50" t="str">
            <v>2013 Project</v>
          </cell>
          <cell r="C50"/>
          <cell r="D50" t="str">
            <v>V952 - FRANKLIN</v>
          </cell>
          <cell r="F50" t="str">
            <v>G8574</v>
          </cell>
          <cell r="G50" t="str">
            <v>2014 Project</v>
          </cell>
          <cell r="H50"/>
          <cell r="I50" t="str">
            <v>V493 - LITTLE MIAMI</v>
          </cell>
        </row>
        <row r="51">
          <cell r="A51" t="str">
            <v>G7342</v>
          </cell>
          <cell r="B51" t="str">
            <v>2013 Project</v>
          </cell>
          <cell r="C51"/>
          <cell r="D51" t="str">
            <v>V962 - SEYMORE (SEYMOUR)</v>
          </cell>
          <cell r="F51" t="str">
            <v>G9970</v>
          </cell>
          <cell r="G51" t="str">
            <v>2014 Project</v>
          </cell>
          <cell r="H51"/>
          <cell r="I51" t="str">
            <v>VMIA - MIAMITOWN</v>
          </cell>
        </row>
        <row r="52">
          <cell r="A52" t="str">
            <v>G7965</v>
          </cell>
          <cell r="B52" t="str">
            <v>2013 Project</v>
          </cell>
          <cell r="C52"/>
          <cell r="D52" t="str">
            <v>V542 - NOBLESVILLE</v>
          </cell>
          <cell r="F52" t="str">
            <v>H0724</v>
          </cell>
          <cell r="G52" t="str">
            <v>2014 Project</v>
          </cell>
          <cell r="H52"/>
          <cell r="I52" t="str">
            <v>V502 - BRECON</v>
          </cell>
        </row>
        <row r="53">
          <cell r="A53" t="str">
            <v>G8243</v>
          </cell>
          <cell r="B53" t="str">
            <v>2013 Project</v>
          </cell>
          <cell r="C53"/>
          <cell r="D53" t="str">
            <v>V942 - COLUMBUS</v>
          </cell>
          <cell r="F53" t="str">
            <v>H0801</v>
          </cell>
          <cell r="G53" t="str">
            <v>2014 Project</v>
          </cell>
          <cell r="H53" t="str">
            <v>As Builts Required</v>
          </cell>
          <cell r="I53" t="str">
            <v>VNWS - DOWNTOWN NETWORK</v>
          </cell>
        </row>
        <row r="54">
          <cell r="A54" t="str">
            <v>G8365</v>
          </cell>
          <cell r="B54" t="str">
            <v>2013 Project</v>
          </cell>
          <cell r="C54"/>
          <cell r="D54" t="str">
            <v>V952 - FRANKLIN</v>
          </cell>
          <cell r="F54" t="str">
            <v>H0819</v>
          </cell>
          <cell r="G54" t="str">
            <v>2014 Project</v>
          </cell>
          <cell r="H54"/>
          <cell r="I54" t="str">
            <v>V462 - FAIRFIELD</v>
          </cell>
        </row>
        <row r="55">
          <cell r="A55" t="str">
            <v>G8403</v>
          </cell>
          <cell r="B55" t="str">
            <v>2013 Project</v>
          </cell>
          <cell r="C55"/>
          <cell r="D55" t="str">
            <v>V962 - SEYMORE (SEYMOUR)</v>
          </cell>
          <cell r="F55" t="str">
            <v>H0957</v>
          </cell>
          <cell r="G55" t="str">
            <v>2014 Project</v>
          </cell>
          <cell r="H55"/>
          <cell r="I55" t="str">
            <v>V492 - HAMLET</v>
          </cell>
        </row>
        <row r="56">
          <cell r="A56" t="str">
            <v>G8850</v>
          </cell>
          <cell r="B56" t="str">
            <v>2013 Project</v>
          </cell>
          <cell r="C56"/>
          <cell r="D56" t="str">
            <v>V422 - KOKOMO</v>
          </cell>
          <cell r="F56" t="str">
            <v>H1078</v>
          </cell>
          <cell r="G56" t="str">
            <v>2014 Project</v>
          </cell>
          <cell r="H56"/>
          <cell r="I56" t="str">
            <v>V461 - TODHUNTER</v>
          </cell>
        </row>
        <row r="57">
          <cell r="A57" t="str">
            <v>G9002</v>
          </cell>
          <cell r="B57" t="str">
            <v>2013 Project</v>
          </cell>
          <cell r="C57"/>
          <cell r="D57" t="str">
            <v>V572 - AVON</v>
          </cell>
          <cell r="F57" t="str">
            <v>H1115</v>
          </cell>
          <cell r="G57" t="str">
            <v>2014 Project</v>
          </cell>
          <cell r="H57"/>
          <cell r="I57" t="str">
            <v>V462 - FAIRFIELD</v>
          </cell>
        </row>
        <row r="58">
          <cell r="A58" t="str">
            <v>SIN1203DC</v>
          </cell>
          <cell r="B58" t="str">
            <v>2013 Project</v>
          </cell>
          <cell r="C58" t="str">
            <v>As Builts Required</v>
          </cell>
          <cell r="D58" t="str">
            <v>VODI - PDMW OTHER DEPT IND</v>
          </cell>
          <cell r="F58" t="str">
            <v>H1144</v>
          </cell>
          <cell r="G58" t="str">
            <v>2014 Project</v>
          </cell>
          <cell r="H58" t="str">
            <v>As Builts Required</v>
          </cell>
          <cell r="I58" t="str">
            <v>V38H - HARTWELL</v>
          </cell>
        </row>
        <row r="59">
          <cell r="A59" t="str">
            <v>G1739</v>
          </cell>
          <cell r="B59" t="str">
            <v>2013 Project</v>
          </cell>
          <cell r="C59"/>
          <cell r="D59" t="str">
            <v>V40C - QUEENSGATE</v>
          </cell>
          <cell r="F59" t="str">
            <v>H1184</v>
          </cell>
          <cell r="G59" t="str">
            <v>2014 Project</v>
          </cell>
          <cell r="H59"/>
          <cell r="I59" t="str">
            <v>VNWS - Dana</v>
          </cell>
        </row>
        <row r="60">
          <cell r="A60" t="str">
            <v>G5456</v>
          </cell>
          <cell r="B60" t="str">
            <v>2013 Project</v>
          </cell>
          <cell r="C60"/>
          <cell r="D60" t="str">
            <v>V461 - TODHUNTER</v>
          </cell>
          <cell r="F60" t="str">
            <v>H1421</v>
          </cell>
          <cell r="G60" t="str">
            <v>2014 Project</v>
          </cell>
          <cell r="H60" t="str">
            <v>As Builts Required</v>
          </cell>
          <cell r="I60" t="str">
            <v>VNWS - DOWNTOWN NETWORK</v>
          </cell>
        </row>
        <row r="61">
          <cell r="A61" t="str">
            <v>G5480</v>
          </cell>
          <cell r="B61" t="str">
            <v>2013 Project</v>
          </cell>
          <cell r="C61"/>
          <cell r="D61" t="str">
            <v>V461 - TODHUNTER</v>
          </cell>
          <cell r="F61" t="str">
            <v>G5675</v>
          </cell>
          <cell r="G61" t="str">
            <v>2014 Project</v>
          </cell>
          <cell r="H61"/>
          <cell r="I61" t="str">
            <v>V642 - GREENCASTLE</v>
          </cell>
        </row>
        <row r="62">
          <cell r="A62" t="str">
            <v>G5678</v>
          </cell>
          <cell r="B62" t="str">
            <v>2013 Project</v>
          </cell>
          <cell r="C62"/>
          <cell r="D62" t="str">
            <v>V502 - BRECON</v>
          </cell>
          <cell r="F62" t="str">
            <v>G7649</v>
          </cell>
          <cell r="G62" t="str">
            <v>2014 Project</v>
          </cell>
          <cell r="H62"/>
          <cell r="I62" t="str">
            <v>V562 - CARMEL</v>
          </cell>
        </row>
        <row r="63">
          <cell r="A63" t="str">
            <v>G8713</v>
          </cell>
          <cell r="B63" t="str">
            <v>2013 Project</v>
          </cell>
          <cell r="C63"/>
          <cell r="D63" t="str">
            <v>V932 - ERLANGER</v>
          </cell>
          <cell r="F63" t="str">
            <v>G7735</v>
          </cell>
          <cell r="G63" t="str">
            <v>2014 Project</v>
          </cell>
          <cell r="H63"/>
          <cell r="I63" t="str">
            <v>V752 - BEDFORD</v>
          </cell>
        </row>
        <row r="64">
          <cell r="A64" t="str">
            <v>G3619</v>
          </cell>
          <cell r="B64" t="str">
            <v>2013 Project</v>
          </cell>
          <cell r="C64"/>
          <cell r="D64" t="str">
            <v>V882 - CLARKSVILLE</v>
          </cell>
          <cell r="F64" t="str">
            <v>G8259</v>
          </cell>
          <cell r="G64" t="str">
            <v>2014 Project</v>
          </cell>
          <cell r="H64"/>
          <cell r="I64" t="str">
            <v>V942 - COLUMBUS</v>
          </cell>
        </row>
        <row r="65">
          <cell r="A65" t="str">
            <v>G4698</v>
          </cell>
          <cell r="B65" t="str">
            <v>2013 Project</v>
          </cell>
          <cell r="C65"/>
          <cell r="D65" t="str">
            <v>V652 - BRAZIL</v>
          </cell>
          <cell r="F65" t="str">
            <v>G8282</v>
          </cell>
          <cell r="G65" t="str">
            <v>2014 Project</v>
          </cell>
          <cell r="H65"/>
          <cell r="I65" t="str">
            <v>V962 - SEYMORE (SEYMOUR)</v>
          </cell>
        </row>
        <row r="66">
          <cell r="A66" t="str">
            <v>G6319</v>
          </cell>
          <cell r="B66" t="str">
            <v>2013 Project</v>
          </cell>
          <cell r="C66"/>
          <cell r="D66" t="str">
            <v>V832 - SHELBYVILLE</v>
          </cell>
          <cell r="F66" t="str">
            <v>G8359</v>
          </cell>
          <cell r="G66" t="str">
            <v>2014 Project</v>
          </cell>
          <cell r="H66"/>
          <cell r="I66" t="str">
            <v>V422 - KOKOMO</v>
          </cell>
        </row>
        <row r="67">
          <cell r="A67" t="str">
            <v>G6403</v>
          </cell>
          <cell r="B67" t="str">
            <v>2013 Project</v>
          </cell>
          <cell r="C67"/>
          <cell r="D67" t="str">
            <v>V832 - SHELBYVILLE</v>
          </cell>
          <cell r="F67" t="str">
            <v>G8403</v>
          </cell>
          <cell r="G67" t="str">
            <v>2014 Project</v>
          </cell>
          <cell r="H67"/>
          <cell r="I67" t="str">
            <v>V962 - SEYMORE (SEYMOUR)</v>
          </cell>
        </row>
        <row r="68">
          <cell r="A68" t="str">
            <v>G6531</v>
          </cell>
          <cell r="B68" t="str">
            <v>2013 Project</v>
          </cell>
          <cell r="C68"/>
          <cell r="D68" t="str">
            <v>V812 - PRINCETON</v>
          </cell>
          <cell r="F68" t="str">
            <v>G8433</v>
          </cell>
          <cell r="G68" t="str">
            <v>2014 Project</v>
          </cell>
          <cell r="H68"/>
          <cell r="I68" t="str">
            <v>V432 - WABASH</v>
          </cell>
        </row>
        <row r="69">
          <cell r="A69" t="str">
            <v>G6563</v>
          </cell>
          <cell r="B69" t="str">
            <v>2013 Project</v>
          </cell>
          <cell r="C69"/>
          <cell r="D69" t="str">
            <v>V742 - BLOOMINGTON</v>
          </cell>
          <cell r="F69" t="str">
            <v>G8465</v>
          </cell>
          <cell r="G69" t="str">
            <v>2014 Project</v>
          </cell>
          <cell r="H69"/>
          <cell r="I69" t="str">
            <v>V862 - AURORA</v>
          </cell>
        </row>
        <row r="70">
          <cell r="A70" t="str">
            <v>G6568</v>
          </cell>
          <cell r="B70" t="str">
            <v>2013 Project</v>
          </cell>
          <cell r="C70"/>
          <cell r="D70" t="str">
            <v>V742 - BLOOMINGTON</v>
          </cell>
          <cell r="F70" t="str">
            <v>G8492</v>
          </cell>
          <cell r="G70" t="str">
            <v>2014 Project</v>
          </cell>
          <cell r="H70"/>
          <cell r="I70" t="str">
            <v>V552 - NEW CASTLE</v>
          </cell>
        </row>
        <row r="71">
          <cell r="A71" t="str">
            <v>G6571</v>
          </cell>
          <cell r="B71" t="str">
            <v>2013 Project</v>
          </cell>
          <cell r="C71"/>
          <cell r="D71" t="str">
            <v>V742 - BLOOMINGTON</v>
          </cell>
          <cell r="F71" t="str">
            <v>G8595</v>
          </cell>
          <cell r="G71" t="str">
            <v>2014 Project</v>
          </cell>
          <cell r="H71" t="str">
            <v>As Builts Required</v>
          </cell>
          <cell r="I71" t="str">
            <v>V562 - CARMEL</v>
          </cell>
        </row>
        <row r="72">
          <cell r="A72" t="str">
            <v>G6595</v>
          </cell>
          <cell r="B72" t="str">
            <v>2013 Project</v>
          </cell>
          <cell r="C72"/>
          <cell r="D72" t="str">
            <v>V952 - FRANKLIN</v>
          </cell>
          <cell r="F72" t="str">
            <v>G8625</v>
          </cell>
          <cell r="G72" t="str">
            <v>2014 Project</v>
          </cell>
          <cell r="H72"/>
          <cell r="I72" t="str">
            <v>V892 - MADISON</v>
          </cell>
        </row>
        <row r="73">
          <cell r="A73" t="str">
            <v>G6647</v>
          </cell>
          <cell r="B73" t="str">
            <v>2013 Project</v>
          </cell>
          <cell r="C73"/>
          <cell r="D73" t="str">
            <v>V622 - TERRE HAUTE</v>
          </cell>
          <cell r="F73" t="str">
            <v>G8628</v>
          </cell>
          <cell r="G73" t="str">
            <v>2014 Project</v>
          </cell>
          <cell r="H73"/>
          <cell r="I73" t="str">
            <v>V892 - MADISON</v>
          </cell>
        </row>
        <row r="74">
          <cell r="A74" t="str">
            <v>G6814</v>
          </cell>
          <cell r="B74" t="str">
            <v>2013 Project</v>
          </cell>
          <cell r="C74"/>
          <cell r="D74" t="str">
            <v>V652 - BRAZIL</v>
          </cell>
          <cell r="F74" t="str">
            <v>G8999</v>
          </cell>
          <cell r="G74" t="str">
            <v>2014 Project</v>
          </cell>
          <cell r="H74" t="str">
            <v>As Builts Required</v>
          </cell>
          <cell r="I74" t="str">
            <v>V752 - BEDFORD</v>
          </cell>
        </row>
        <row r="75">
          <cell r="A75" t="str">
            <v>G6947</v>
          </cell>
          <cell r="B75" t="str">
            <v>2013 Project</v>
          </cell>
          <cell r="C75"/>
          <cell r="D75" t="str">
            <v>V832 - SHELBYVILLE</v>
          </cell>
          <cell r="F75" t="str">
            <v>G9473</v>
          </cell>
          <cell r="G75" t="str">
            <v>2014 Project</v>
          </cell>
          <cell r="H75"/>
          <cell r="I75" t="str">
            <v>V822 - GREENSBURG</v>
          </cell>
        </row>
        <row r="76">
          <cell r="A76" t="str">
            <v>G6981</v>
          </cell>
          <cell r="B76" t="str">
            <v>2013 Project</v>
          </cell>
          <cell r="C76"/>
          <cell r="D76" t="str">
            <v>V542 - NOBLESVILLE</v>
          </cell>
          <cell r="F76" t="str">
            <v>G9496</v>
          </cell>
          <cell r="G76" t="str">
            <v>2014 Project</v>
          </cell>
          <cell r="H76"/>
          <cell r="I76" t="str">
            <v>V552 - NEW CASTLE</v>
          </cell>
        </row>
        <row r="77">
          <cell r="A77" t="str">
            <v>G7242</v>
          </cell>
          <cell r="B77" t="str">
            <v>2013 Project</v>
          </cell>
          <cell r="C77"/>
          <cell r="D77" t="str">
            <v>V952 - FRANKLIN</v>
          </cell>
          <cell r="F77" t="str">
            <v>G9512</v>
          </cell>
          <cell r="G77" t="str">
            <v>2014 Project</v>
          </cell>
          <cell r="H77"/>
          <cell r="I77" t="str">
            <v>V842 - CONNERSVILLE</v>
          </cell>
        </row>
        <row r="78">
          <cell r="A78" t="str">
            <v>G7320</v>
          </cell>
          <cell r="B78" t="str">
            <v>2013 Project</v>
          </cell>
          <cell r="C78"/>
          <cell r="D78" t="str">
            <v>V952 - FRANKLIN</v>
          </cell>
          <cell r="F78" t="str">
            <v>G9585</v>
          </cell>
          <cell r="G78" t="str">
            <v>2014 Project</v>
          </cell>
          <cell r="H78"/>
          <cell r="I78" t="str">
            <v>V542 - NOBLESVILLE</v>
          </cell>
        </row>
        <row r="79">
          <cell r="A79" t="str">
            <v>G7708</v>
          </cell>
          <cell r="B79" t="str">
            <v>2013 Project</v>
          </cell>
          <cell r="C79"/>
          <cell r="D79" t="str">
            <v>V752 - BEDFORD</v>
          </cell>
          <cell r="F79" t="str">
            <v>G9605</v>
          </cell>
          <cell r="G79" t="str">
            <v>2014 Project</v>
          </cell>
          <cell r="H79"/>
          <cell r="I79" t="str">
            <v>V962 - SEYMORE (SEYMOUR)</v>
          </cell>
        </row>
        <row r="80">
          <cell r="A80" t="str">
            <v>G8104</v>
          </cell>
          <cell r="B80" t="str">
            <v>2013 Project</v>
          </cell>
          <cell r="C80"/>
          <cell r="D80" t="str">
            <v>V442 - HUNTINGTON</v>
          </cell>
          <cell r="F80" t="str">
            <v>G9615</v>
          </cell>
          <cell r="G80" t="str">
            <v>2014 Project</v>
          </cell>
          <cell r="H80"/>
          <cell r="I80" t="str">
            <v>V842 - CONNERSVILLE</v>
          </cell>
        </row>
        <row r="81">
          <cell r="A81" t="str">
            <v>G8363</v>
          </cell>
          <cell r="B81" t="str">
            <v>2013 Project</v>
          </cell>
          <cell r="C81"/>
          <cell r="D81" t="str">
            <v>V952 - FRANKLIN</v>
          </cell>
          <cell r="F81" t="str">
            <v>G9622</v>
          </cell>
          <cell r="G81" t="str">
            <v>2014 Project</v>
          </cell>
          <cell r="H81"/>
          <cell r="I81" t="str">
            <v>V542 - NOBLESVILLE</v>
          </cell>
        </row>
        <row r="82">
          <cell r="A82" t="str">
            <v>G8719</v>
          </cell>
          <cell r="B82" t="str">
            <v>2013 Project</v>
          </cell>
          <cell r="C82"/>
          <cell r="D82" t="str">
            <v>V902 - CORYDON</v>
          </cell>
          <cell r="F82" t="str">
            <v>G9779</v>
          </cell>
          <cell r="G82" t="str">
            <v>2014 Project</v>
          </cell>
          <cell r="H82"/>
          <cell r="I82" t="str">
            <v>V542 - NOBLESVILLE</v>
          </cell>
        </row>
        <row r="83">
          <cell r="A83" t="str">
            <v>G8758</v>
          </cell>
          <cell r="B83" t="str">
            <v>2013 Project</v>
          </cell>
          <cell r="C83"/>
          <cell r="D83" t="str">
            <v>V822 - GREENSBURG</v>
          </cell>
          <cell r="F83" t="str">
            <v>G9786</v>
          </cell>
          <cell r="G83" t="str">
            <v>2014 Project</v>
          </cell>
          <cell r="H83"/>
          <cell r="I83" t="str">
            <v>V572 - AVON</v>
          </cell>
        </row>
        <row r="84">
          <cell r="A84" t="str">
            <v>G8762</v>
          </cell>
          <cell r="B84" t="str">
            <v>2013 Project</v>
          </cell>
          <cell r="C84"/>
          <cell r="D84" t="str">
            <v>V822 - GREENSBURG</v>
          </cell>
          <cell r="F84" t="str">
            <v>G9875</v>
          </cell>
          <cell r="G84" t="str">
            <v>2014 Project</v>
          </cell>
          <cell r="H84"/>
          <cell r="I84" t="str">
            <v>V542 - NOBLESVILLE</v>
          </cell>
        </row>
        <row r="85">
          <cell r="A85" t="str">
            <v>G8763</v>
          </cell>
          <cell r="B85" t="str">
            <v>2013 Project</v>
          </cell>
          <cell r="C85"/>
          <cell r="D85" t="str">
            <v>V822 - GREENSBURG</v>
          </cell>
          <cell r="F85" t="str">
            <v>H0102</v>
          </cell>
          <cell r="G85" t="str">
            <v>2014 Project</v>
          </cell>
          <cell r="H85"/>
          <cell r="I85" t="str">
            <v>V422 - KOKOMO</v>
          </cell>
        </row>
        <row r="86">
          <cell r="A86" t="str">
            <v>G9163</v>
          </cell>
          <cell r="B86" t="str">
            <v>2013 Project</v>
          </cell>
          <cell r="C86"/>
          <cell r="D86" t="str">
            <v>V952 - FRANKLIN</v>
          </cell>
          <cell r="F86" t="str">
            <v>H0242</v>
          </cell>
          <cell r="G86" t="str">
            <v>2014 Project</v>
          </cell>
          <cell r="H86"/>
          <cell r="I86" t="str">
            <v>V572 - AVON</v>
          </cell>
        </row>
        <row r="87">
          <cell r="A87" t="str">
            <v>F9165</v>
          </cell>
          <cell r="B87" t="str">
            <v>2013 Project</v>
          </cell>
          <cell r="C87"/>
          <cell r="D87" t="str">
            <v>V461 - TODHUNTER</v>
          </cell>
          <cell r="F87" t="str">
            <v>H0467</v>
          </cell>
          <cell r="G87" t="str">
            <v>2014 Project</v>
          </cell>
          <cell r="H87"/>
          <cell r="I87" t="str">
            <v>V542 - NOBLESVILLE</v>
          </cell>
        </row>
        <row r="88">
          <cell r="A88" t="str">
            <v>G1469</v>
          </cell>
          <cell r="B88" t="str">
            <v>2013 Project</v>
          </cell>
          <cell r="C88" t="str">
            <v>As Builts Required</v>
          </cell>
          <cell r="D88" t="str">
            <v>V40C - QUEENSGATE</v>
          </cell>
          <cell r="F88" t="str">
            <v>H0533</v>
          </cell>
          <cell r="G88" t="str">
            <v>2014 Project</v>
          </cell>
          <cell r="H88"/>
          <cell r="I88" t="str">
            <v>V542 - NOBLESVILLE</v>
          </cell>
        </row>
        <row r="89">
          <cell r="A89" t="str">
            <v>G2394</v>
          </cell>
          <cell r="B89" t="str">
            <v>2013 Project</v>
          </cell>
          <cell r="C89"/>
          <cell r="D89" t="str">
            <v>V462 - FAIRFIELD</v>
          </cell>
          <cell r="F89" t="str">
            <v>H0867</v>
          </cell>
          <cell r="G89" t="str">
            <v>2014 Project</v>
          </cell>
          <cell r="H89"/>
          <cell r="I89" t="str">
            <v>V542 - NOBLESVILLE</v>
          </cell>
        </row>
        <row r="90">
          <cell r="A90" t="str">
            <v>G2434</v>
          </cell>
          <cell r="B90" t="str">
            <v>2013 Project</v>
          </cell>
          <cell r="C90"/>
          <cell r="D90" t="str">
            <v>V40C - QUEENSGATE</v>
          </cell>
          <cell r="F90" t="str">
            <v>H0888</v>
          </cell>
          <cell r="G90" t="str">
            <v>2014 Project</v>
          </cell>
          <cell r="H90"/>
          <cell r="I90" t="str">
            <v>V942 - COLUMBUS</v>
          </cell>
        </row>
        <row r="91">
          <cell r="A91" t="str">
            <v>G2675</v>
          </cell>
          <cell r="B91" t="str">
            <v>2013 Project</v>
          </cell>
          <cell r="C91"/>
          <cell r="D91" t="str">
            <v>V40C - QUEENSGATE</v>
          </cell>
          <cell r="F91" t="str">
            <v>H0993</v>
          </cell>
          <cell r="G91" t="str">
            <v>2014 Project</v>
          </cell>
          <cell r="H91"/>
          <cell r="I91" t="str">
            <v>V762 - MARTINSVILLE</v>
          </cell>
        </row>
        <row r="92">
          <cell r="A92" t="str">
            <v>G2713</v>
          </cell>
          <cell r="B92" t="str">
            <v>2013 Project</v>
          </cell>
          <cell r="C92"/>
          <cell r="D92" t="str">
            <v>V502 - BRECON</v>
          </cell>
          <cell r="F92" t="str">
            <v>G7617</v>
          </cell>
          <cell r="G92" t="str">
            <v>2014 Project</v>
          </cell>
          <cell r="H92"/>
          <cell r="I92" t="str">
            <v>V502 - BRECON</v>
          </cell>
        </row>
        <row r="93">
          <cell r="A93" t="str">
            <v>G2933</v>
          </cell>
          <cell r="B93" t="str">
            <v>2013 Project</v>
          </cell>
          <cell r="C93"/>
          <cell r="D93" t="str">
            <v>V462 - FAIRFIELD</v>
          </cell>
          <cell r="F93" t="str">
            <v>G7618</v>
          </cell>
          <cell r="G93" t="str">
            <v>2014 Project</v>
          </cell>
          <cell r="H93"/>
          <cell r="I93" t="str">
            <v>V502 - BRECON</v>
          </cell>
        </row>
        <row r="94">
          <cell r="A94" t="str">
            <v>G3078</v>
          </cell>
          <cell r="B94" t="str">
            <v>2013 Project</v>
          </cell>
          <cell r="C94"/>
          <cell r="D94" t="str">
            <v>V40C - QUEENSGATE</v>
          </cell>
          <cell r="F94" t="str">
            <v>G9366</v>
          </cell>
          <cell r="G94" t="str">
            <v>2014 Project</v>
          </cell>
          <cell r="H94" t="str">
            <v>As Builts Required</v>
          </cell>
          <cell r="I94" t="str">
            <v>V461 - TODHUNTER</v>
          </cell>
        </row>
        <row r="95">
          <cell r="A95" t="str">
            <v>G3379</v>
          </cell>
          <cell r="B95" t="str">
            <v>2013 Project</v>
          </cell>
          <cell r="C95"/>
          <cell r="D95" t="str">
            <v>V502 - BRECON</v>
          </cell>
          <cell r="F95" t="str">
            <v>G9628</v>
          </cell>
          <cell r="G95" t="str">
            <v>2014 Project</v>
          </cell>
          <cell r="H95"/>
          <cell r="I95" t="str">
            <v>VMTW - Mt. Washington</v>
          </cell>
        </row>
        <row r="96">
          <cell r="A96" t="str">
            <v>G3473</v>
          </cell>
          <cell r="B96" t="str">
            <v>2013 Project</v>
          </cell>
          <cell r="C96"/>
          <cell r="D96" t="str">
            <v>V462 - FAIRFIELD</v>
          </cell>
          <cell r="F96" t="str">
            <v>G9737</v>
          </cell>
          <cell r="G96" t="str">
            <v>2014 Project</v>
          </cell>
          <cell r="H96"/>
          <cell r="I96" t="str">
            <v>V461 - TODHUNTER</v>
          </cell>
        </row>
        <row r="97">
          <cell r="A97" t="str">
            <v>G3617</v>
          </cell>
          <cell r="B97" t="str">
            <v>2013 Project</v>
          </cell>
          <cell r="C97"/>
          <cell r="D97" t="str">
            <v>V492 - HAMLET</v>
          </cell>
          <cell r="F97" t="str">
            <v>G9892</v>
          </cell>
          <cell r="G97" t="str">
            <v>2014 Project</v>
          </cell>
          <cell r="H97" t="str">
            <v>As Builts Required</v>
          </cell>
          <cell r="I97" t="str">
            <v>V38H - HARTWELL</v>
          </cell>
        </row>
        <row r="98">
          <cell r="A98" t="str">
            <v>G3718</v>
          </cell>
          <cell r="B98" t="str">
            <v>2013 Project</v>
          </cell>
          <cell r="C98"/>
          <cell r="D98" t="str">
            <v>V502 - BRECON</v>
          </cell>
          <cell r="F98" t="str">
            <v>H0976</v>
          </cell>
          <cell r="G98" t="str">
            <v>2014 Project</v>
          </cell>
          <cell r="H98"/>
          <cell r="I98" t="str">
            <v>V492 - HAMLET</v>
          </cell>
        </row>
        <row r="99">
          <cell r="A99" t="str">
            <v>G4498</v>
          </cell>
          <cell r="B99" t="str">
            <v>2013 Project</v>
          </cell>
          <cell r="C99"/>
          <cell r="D99" t="str">
            <v>V40C - QUEENSGATE</v>
          </cell>
          <cell r="F99" t="str">
            <v>H1395</v>
          </cell>
          <cell r="G99" t="str">
            <v>2014 Project</v>
          </cell>
          <cell r="H99"/>
          <cell r="I99" t="str">
            <v>V462 - FAIRFIELD</v>
          </cell>
        </row>
        <row r="100">
          <cell r="A100" t="str">
            <v>G4534</v>
          </cell>
          <cell r="B100" t="str">
            <v>2013 Project</v>
          </cell>
          <cell r="C100" t="str">
            <v>As Builts Required</v>
          </cell>
          <cell r="D100" t="str">
            <v>VNWS - DOWNTOWN NETWORK</v>
          </cell>
          <cell r="F100" t="str">
            <v>G9018</v>
          </cell>
          <cell r="G100" t="str">
            <v>2014 Project</v>
          </cell>
          <cell r="H100"/>
          <cell r="I100" t="str">
            <v>V932 - ERLANGER</v>
          </cell>
        </row>
        <row r="101">
          <cell r="A101" t="str">
            <v>G4938</v>
          </cell>
          <cell r="B101" t="str">
            <v>2013 Project</v>
          </cell>
          <cell r="C101"/>
          <cell r="D101" t="str">
            <v>V461 - TODHUNTER</v>
          </cell>
          <cell r="F101" t="str">
            <v>G6581</v>
          </cell>
          <cell r="G101" t="str">
            <v>2014 Project</v>
          </cell>
          <cell r="H101"/>
          <cell r="I101" t="str">
            <v>V482 - LAFAYETTE</v>
          </cell>
        </row>
        <row r="102">
          <cell r="A102" t="str">
            <v>G5922</v>
          </cell>
          <cell r="B102" t="str">
            <v>2013 Project</v>
          </cell>
          <cell r="C102" t="str">
            <v>As Builts Required</v>
          </cell>
          <cell r="D102" t="str">
            <v>VNWS - DOWNTOWN NETWORK</v>
          </cell>
          <cell r="F102" t="str">
            <v>G6628</v>
          </cell>
          <cell r="G102" t="str">
            <v>2014 Project</v>
          </cell>
          <cell r="H102"/>
          <cell r="I102" t="str">
            <v>V892 - MADISON</v>
          </cell>
        </row>
        <row r="103">
          <cell r="A103" t="str">
            <v>G5925</v>
          </cell>
          <cell r="B103" t="str">
            <v>2013 Project</v>
          </cell>
          <cell r="C103"/>
          <cell r="D103" t="str">
            <v>VNWS - DOWNTOWN NETWORK</v>
          </cell>
          <cell r="F103" t="str">
            <v>G6704</v>
          </cell>
          <cell r="G103" t="str">
            <v>2014 Project</v>
          </cell>
          <cell r="H103"/>
          <cell r="I103" t="str">
            <v>V622 - TERRE HAUTE</v>
          </cell>
        </row>
        <row r="104">
          <cell r="A104" t="str">
            <v>G6792</v>
          </cell>
          <cell r="B104" t="str">
            <v>2013 Project</v>
          </cell>
          <cell r="C104"/>
          <cell r="D104" t="str">
            <v>VNWS - DOWNTOWN NETWORK</v>
          </cell>
          <cell r="F104" t="str">
            <v>G7071</v>
          </cell>
          <cell r="G104" t="str">
            <v>2014 Project</v>
          </cell>
          <cell r="H104" t="str">
            <v>As Builts Required</v>
          </cell>
          <cell r="I104" t="str">
            <v>V422 - KOKOMO</v>
          </cell>
        </row>
        <row r="105">
          <cell r="A105" t="str">
            <v>G6978</v>
          </cell>
          <cell r="B105" t="str">
            <v>2013 Project</v>
          </cell>
          <cell r="C105" t="str">
            <v>As Builts Required</v>
          </cell>
          <cell r="D105" t="str">
            <v>V502 - BRECON</v>
          </cell>
          <cell r="F105" t="str">
            <v>G7279</v>
          </cell>
          <cell r="G105" t="str">
            <v>2014 Project</v>
          </cell>
          <cell r="H105"/>
          <cell r="I105" t="str">
            <v>V782 - VINCENNES</v>
          </cell>
        </row>
        <row r="106">
          <cell r="A106" t="str">
            <v>G7613</v>
          </cell>
          <cell r="B106" t="str">
            <v>2013 Project</v>
          </cell>
          <cell r="C106"/>
          <cell r="D106" t="str">
            <v>V40C - QUEENSGATE</v>
          </cell>
          <cell r="F106" t="str">
            <v>G7341</v>
          </cell>
          <cell r="G106" t="str">
            <v>2014 Project</v>
          </cell>
          <cell r="H106"/>
          <cell r="I106" t="str">
            <v>V812 - PRINCETON</v>
          </cell>
        </row>
        <row r="107">
          <cell r="A107" t="str">
            <v>G8890</v>
          </cell>
          <cell r="B107" t="str">
            <v>2013 Project</v>
          </cell>
          <cell r="C107"/>
          <cell r="D107" t="str">
            <v>V38H - HARTWELL</v>
          </cell>
          <cell r="F107" t="str">
            <v>G7405</v>
          </cell>
          <cell r="G107" t="str">
            <v>2014 Project</v>
          </cell>
          <cell r="H107"/>
          <cell r="I107" t="str">
            <v>V882 - CLARKSVILLE</v>
          </cell>
        </row>
        <row r="108">
          <cell r="A108" t="str">
            <v>G8982</v>
          </cell>
          <cell r="B108" t="str">
            <v>2013 Project</v>
          </cell>
          <cell r="C108"/>
          <cell r="D108" t="str">
            <v>V40C - QUEENSGATE</v>
          </cell>
          <cell r="F108" t="str">
            <v>G8100</v>
          </cell>
          <cell r="G108" t="str">
            <v>2014 Project</v>
          </cell>
          <cell r="H108"/>
          <cell r="I108" t="str">
            <v>V952 - FRANKLIN</v>
          </cell>
        </row>
        <row r="109">
          <cell r="A109" t="str">
            <v>G9241</v>
          </cell>
          <cell r="B109" t="str">
            <v>2013 Project</v>
          </cell>
          <cell r="C109"/>
          <cell r="D109" t="str">
            <v>VNWS - DOWNTOWN NETWORK</v>
          </cell>
          <cell r="F109" t="str">
            <v>G8187</v>
          </cell>
          <cell r="G109" t="str">
            <v>2014 Project</v>
          </cell>
          <cell r="H109"/>
          <cell r="I109" t="str">
            <v>V642 - GREENCASTLE</v>
          </cell>
        </row>
        <row r="110">
          <cell r="A110" t="str">
            <v>G9388</v>
          </cell>
          <cell r="B110" t="str">
            <v>2013 Project</v>
          </cell>
          <cell r="C110"/>
          <cell r="D110" t="str">
            <v>V40C - QUEENSGATE</v>
          </cell>
          <cell r="F110" t="str">
            <v>G8208</v>
          </cell>
          <cell r="G110" t="str">
            <v>2014 Project</v>
          </cell>
          <cell r="H110"/>
          <cell r="I110" t="str">
            <v>V482 - LAFAYETTE</v>
          </cell>
        </row>
        <row r="111">
          <cell r="A111" t="str">
            <v>SGSHT28</v>
          </cell>
          <cell r="B111" t="str">
            <v>2013 Project</v>
          </cell>
          <cell r="C111"/>
          <cell r="D111" t="str">
            <v>VODO - PDMW OTHER DEPT OHIO</v>
          </cell>
          <cell r="F111" t="str">
            <v>G8240</v>
          </cell>
          <cell r="G111" t="str">
            <v>2014 Project</v>
          </cell>
          <cell r="H111"/>
          <cell r="I111" t="str">
            <v>V622 - TERRE HAUTE</v>
          </cell>
        </row>
        <row r="112">
          <cell r="A112" t="str">
            <v>SOH1203DC</v>
          </cell>
          <cell r="B112" t="str">
            <v>2013 Project</v>
          </cell>
          <cell r="C112" t="str">
            <v>As Builts Required</v>
          </cell>
          <cell r="D112" t="str">
            <v>VODO - PDMW OTHER DEPT OHIO</v>
          </cell>
          <cell r="F112" t="str">
            <v>G8251</v>
          </cell>
          <cell r="G112" t="str">
            <v>2014 Project</v>
          </cell>
          <cell r="H112"/>
          <cell r="I112" t="str">
            <v>V792 - SULLIVAN</v>
          </cell>
        </row>
        <row r="113">
          <cell r="A113" t="str">
            <v>G3647</v>
          </cell>
          <cell r="B113" t="str">
            <v>2013 Project</v>
          </cell>
          <cell r="C113"/>
          <cell r="D113" t="str">
            <v>V932 - ERLANGER</v>
          </cell>
          <cell r="F113" t="str">
            <v>G8483</v>
          </cell>
          <cell r="G113" t="str">
            <v>2014 Project</v>
          </cell>
          <cell r="H113"/>
          <cell r="I113" t="str">
            <v>V752 - BEDFORD</v>
          </cell>
        </row>
        <row r="114">
          <cell r="A114" t="str">
            <v>G3736</v>
          </cell>
          <cell r="B114" t="str">
            <v>2013 Project</v>
          </cell>
          <cell r="C114"/>
          <cell r="D114" t="str">
            <v>V932 - ERLANGER</v>
          </cell>
          <cell r="F114" t="str">
            <v>G8567</v>
          </cell>
          <cell r="G114" t="str">
            <v>2014 Project</v>
          </cell>
          <cell r="H114"/>
          <cell r="I114" t="str">
            <v>V832 - SHELBYVILLE</v>
          </cell>
        </row>
        <row r="115">
          <cell r="A115" t="str">
            <v>G6716</v>
          </cell>
          <cell r="B115" t="str">
            <v>2013 Project</v>
          </cell>
          <cell r="C115" t="str">
            <v>As Builts Required</v>
          </cell>
          <cell r="D115" t="str">
            <v>V932 - ERLANGER</v>
          </cell>
          <cell r="F115" t="str">
            <v>G8568</v>
          </cell>
          <cell r="G115" t="str">
            <v>2014 Project</v>
          </cell>
          <cell r="H115"/>
          <cell r="I115" t="str">
            <v>V482 - LAFAYETTE</v>
          </cell>
        </row>
        <row r="116">
          <cell r="A116" t="str">
            <v>G9056</v>
          </cell>
          <cell r="B116" t="str">
            <v>2013 Project</v>
          </cell>
          <cell r="C116"/>
          <cell r="D116" t="str">
            <v>V932 - ERLANGER</v>
          </cell>
          <cell r="F116" t="str">
            <v>G8596</v>
          </cell>
          <cell r="G116" t="str">
            <v>2014 Project</v>
          </cell>
          <cell r="H116"/>
          <cell r="I116" t="str">
            <v>V562 - CARMEL</v>
          </cell>
        </row>
        <row r="117">
          <cell r="A117" t="str">
            <v>G9171</v>
          </cell>
          <cell r="B117" t="str">
            <v>2013 Project</v>
          </cell>
          <cell r="C117"/>
          <cell r="D117" t="str">
            <v>V932 - ERLANGER</v>
          </cell>
          <cell r="F117" t="str">
            <v>G8714</v>
          </cell>
          <cell r="G117" t="str">
            <v>2014 Project</v>
          </cell>
          <cell r="H117"/>
          <cell r="I117" t="str">
            <v>V542 - NOBLESVILLE</v>
          </cell>
        </row>
        <row r="118">
          <cell r="A118" t="str">
            <v>F4092</v>
          </cell>
          <cell r="B118" t="str">
            <v>2013 Project</v>
          </cell>
          <cell r="C118"/>
          <cell r="D118" t="str">
            <v>V632 - CLINTON</v>
          </cell>
          <cell r="F118" t="str">
            <v>G8717</v>
          </cell>
          <cell r="G118" t="str">
            <v>2014 Project</v>
          </cell>
          <cell r="H118"/>
          <cell r="I118" t="str">
            <v>V842 - CONNERSVILLE</v>
          </cell>
        </row>
        <row r="119">
          <cell r="A119" t="str">
            <v>F4524</v>
          </cell>
          <cell r="B119" t="str">
            <v>2013 Project</v>
          </cell>
          <cell r="C119"/>
          <cell r="D119" t="str">
            <v>V742 - BLOOMINGTON</v>
          </cell>
          <cell r="F119" t="str">
            <v>G8754</v>
          </cell>
          <cell r="G119" t="str">
            <v>2014 Project</v>
          </cell>
          <cell r="H119"/>
          <cell r="I119" t="str">
            <v>V822 - GREENSBURG</v>
          </cell>
        </row>
        <row r="120">
          <cell r="A120" t="str">
            <v>F4525</v>
          </cell>
          <cell r="B120" t="str">
            <v>2013 Project</v>
          </cell>
          <cell r="C120" t="str">
            <v>As Builts Required</v>
          </cell>
          <cell r="D120" t="str">
            <v>V742 - BLOOMINGTON</v>
          </cell>
          <cell r="F120" t="str">
            <v>G8765</v>
          </cell>
          <cell r="G120" t="str">
            <v>2014 Project</v>
          </cell>
          <cell r="H120"/>
          <cell r="I120" t="str">
            <v>V542 - NOBLESVILLE</v>
          </cell>
        </row>
        <row r="121">
          <cell r="A121" t="str">
            <v>F8324</v>
          </cell>
          <cell r="B121" t="str">
            <v>2013 Project</v>
          </cell>
          <cell r="C121"/>
          <cell r="D121" t="str">
            <v>V742 - BLOOMINGTON</v>
          </cell>
          <cell r="F121" t="str">
            <v>G8860</v>
          </cell>
          <cell r="G121" t="str">
            <v>2014 Project</v>
          </cell>
          <cell r="H121"/>
          <cell r="I121" t="str">
            <v>V632 - CLINTON</v>
          </cell>
        </row>
        <row r="122">
          <cell r="A122" t="str">
            <v>F9664</v>
          </cell>
          <cell r="B122" t="str">
            <v>2013 Project</v>
          </cell>
          <cell r="C122"/>
          <cell r="D122" t="str">
            <v>V782 - VINCENNES</v>
          </cell>
          <cell r="F122" t="str">
            <v>G8900</v>
          </cell>
          <cell r="G122" t="str">
            <v>2014 Project</v>
          </cell>
          <cell r="H122"/>
          <cell r="I122" t="str">
            <v>V752 - BEDFORD</v>
          </cell>
        </row>
        <row r="123">
          <cell r="A123" t="str">
            <v>F9784</v>
          </cell>
          <cell r="B123" t="str">
            <v>2013 Project</v>
          </cell>
          <cell r="C123"/>
          <cell r="D123" t="str">
            <v>V882 - CLARKSVILLE</v>
          </cell>
          <cell r="F123" t="str">
            <v>G8998</v>
          </cell>
          <cell r="G123" t="str">
            <v>2014 Project</v>
          </cell>
          <cell r="H123"/>
          <cell r="I123" t="str">
            <v>V482 - LAFAYETTE</v>
          </cell>
        </row>
        <row r="124">
          <cell r="A124" t="str">
            <v>G0504</v>
          </cell>
          <cell r="B124" t="str">
            <v>2013 Project</v>
          </cell>
          <cell r="C124" t="str">
            <v>As Builts Required</v>
          </cell>
          <cell r="D124" t="str">
            <v>V422 - KOKOMO</v>
          </cell>
          <cell r="F124" t="str">
            <v>G9397</v>
          </cell>
          <cell r="G124" t="str">
            <v>2014 Project</v>
          </cell>
          <cell r="H124"/>
          <cell r="I124" t="str">
            <v>V892 - MADISON</v>
          </cell>
        </row>
        <row r="125">
          <cell r="A125" t="str">
            <v>G0507</v>
          </cell>
          <cell r="B125" t="str">
            <v>2013 Project</v>
          </cell>
          <cell r="C125"/>
          <cell r="D125" t="str">
            <v>V882 - CLARKSVILLE</v>
          </cell>
          <cell r="F125" t="str">
            <v>G9398</v>
          </cell>
          <cell r="G125" t="str">
            <v>2014 Project</v>
          </cell>
          <cell r="H125"/>
          <cell r="I125" t="str">
            <v>V892 - MADISON</v>
          </cell>
        </row>
        <row r="126">
          <cell r="A126" t="str">
            <v>G1688</v>
          </cell>
          <cell r="B126" t="str">
            <v>2013 Project</v>
          </cell>
          <cell r="C126"/>
          <cell r="D126" t="str">
            <v>V742 - BLOOMINGTON</v>
          </cell>
          <cell r="F126" t="str">
            <v>G9423</v>
          </cell>
          <cell r="G126" t="str">
            <v>2014 Project</v>
          </cell>
          <cell r="H126"/>
          <cell r="I126" t="str">
            <v>V542 - NOBLESVILLE</v>
          </cell>
        </row>
        <row r="127">
          <cell r="A127" t="str">
            <v>G1689</v>
          </cell>
          <cell r="B127" t="str">
            <v>2013 Project</v>
          </cell>
          <cell r="C127"/>
          <cell r="D127" t="str">
            <v>V752 - BEDFORD</v>
          </cell>
          <cell r="F127" t="str">
            <v>G9456</v>
          </cell>
          <cell r="G127" t="str">
            <v>2014 Project</v>
          </cell>
          <cell r="H127"/>
          <cell r="I127" t="str">
            <v>V832 - SHELBYVILLE</v>
          </cell>
        </row>
        <row r="128">
          <cell r="A128" t="str">
            <v>G1735</v>
          </cell>
          <cell r="B128" t="str">
            <v>2013 Project</v>
          </cell>
          <cell r="C128"/>
          <cell r="D128" t="str">
            <v>V952 - FRANKLIN</v>
          </cell>
          <cell r="F128" t="str">
            <v>G9492</v>
          </cell>
          <cell r="G128" t="str">
            <v>2014 Project</v>
          </cell>
          <cell r="H128"/>
          <cell r="I128" t="str">
            <v>V652 - BRAZIL</v>
          </cell>
        </row>
        <row r="129">
          <cell r="A129" t="str">
            <v>G1833</v>
          </cell>
          <cell r="B129" t="str">
            <v>2013 Project</v>
          </cell>
          <cell r="C129"/>
          <cell r="D129" t="str">
            <v>V752 - BEDFORD</v>
          </cell>
          <cell r="F129" t="str">
            <v>G9502</v>
          </cell>
          <cell r="G129" t="str">
            <v>2014 Project</v>
          </cell>
          <cell r="H129"/>
          <cell r="I129" t="str">
            <v>V812 - PRINCETON</v>
          </cell>
        </row>
        <row r="130">
          <cell r="A130" t="str">
            <v>G1834</v>
          </cell>
          <cell r="B130" t="str">
            <v>2013 Project</v>
          </cell>
          <cell r="C130"/>
          <cell r="D130" t="str">
            <v>V752 - BEDFORD</v>
          </cell>
          <cell r="F130" t="str">
            <v>G9564</v>
          </cell>
          <cell r="G130" t="str">
            <v>2014 Project</v>
          </cell>
          <cell r="H130"/>
          <cell r="I130" t="str">
            <v>V792 - SULLIVAN</v>
          </cell>
        </row>
        <row r="131">
          <cell r="A131" t="str">
            <v>G2093</v>
          </cell>
          <cell r="B131" t="str">
            <v>2013 Project</v>
          </cell>
          <cell r="C131"/>
          <cell r="D131" t="str">
            <v>V812 - PRINCETON</v>
          </cell>
          <cell r="F131" t="str">
            <v>G9670</v>
          </cell>
          <cell r="G131" t="str">
            <v>2014 Project</v>
          </cell>
          <cell r="H131"/>
          <cell r="I131" t="str">
            <v>V652 - BRAZIL</v>
          </cell>
        </row>
        <row r="132">
          <cell r="A132" t="str">
            <v>G2343</v>
          </cell>
          <cell r="B132" t="str">
            <v>2013 Project</v>
          </cell>
          <cell r="C132"/>
          <cell r="D132" t="str">
            <v>V622 - TERRE HAUTE</v>
          </cell>
          <cell r="F132" t="str">
            <v>G9694</v>
          </cell>
          <cell r="G132" t="str">
            <v>2014 Project</v>
          </cell>
          <cell r="H132"/>
          <cell r="I132" t="str">
            <v>V652 - BRAZIL</v>
          </cell>
        </row>
        <row r="133">
          <cell r="A133" t="str">
            <v>G2344</v>
          </cell>
          <cell r="B133" t="str">
            <v>2013 Project</v>
          </cell>
          <cell r="C133"/>
          <cell r="D133" t="str">
            <v>V622 - TERRE HAUTE</v>
          </cell>
          <cell r="F133" t="str">
            <v>G9848</v>
          </cell>
          <cell r="G133" t="str">
            <v>2014 Project</v>
          </cell>
          <cell r="H133"/>
          <cell r="I133" t="str">
            <v>V422 - KOKOMO</v>
          </cell>
        </row>
        <row r="134">
          <cell r="A134" t="str">
            <v>G2376</v>
          </cell>
          <cell r="B134" t="str">
            <v>2013 Project</v>
          </cell>
          <cell r="C134"/>
          <cell r="D134" t="str">
            <v>V782 - VINCENNES</v>
          </cell>
          <cell r="F134" t="str">
            <v>G9969</v>
          </cell>
          <cell r="G134" t="str">
            <v>2014 Project</v>
          </cell>
          <cell r="H134"/>
          <cell r="I134" t="str">
            <v>V952 - FRANKLIN</v>
          </cell>
        </row>
        <row r="135">
          <cell r="A135" t="str">
            <v>G2435</v>
          </cell>
          <cell r="B135" t="str">
            <v>2013 Project</v>
          </cell>
          <cell r="C135"/>
          <cell r="D135" t="str">
            <v>V642 - GREENCASTLE</v>
          </cell>
          <cell r="F135" t="str">
            <v>H0028</v>
          </cell>
          <cell r="G135" t="str">
            <v>2014 Project</v>
          </cell>
          <cell r="H135"/>
          <cell r="I135" t="str">
            <v>V812 - PRINCETON</v>
          </cell>
        </row>
        <row r="136">
          <cell r="A136" t="str">
            <v>G2835</v>
          </cell>
          <cell r="B136" t="str">
            <v>2013 Project</v>
          </cell>
          <cell r="C136"/>
          <cell r="D136" t="str">
            <v>V952 - FRANKLIN</v>
          </cell>
          <cell r="F136" t="str">
            <v>H0081</v>
          </cell>
          <cell r="G136" t="str">
            <v>2014 Project</v>
          </cell>
          <cell r="H136"/>
          <cell r="I136" t="str">
            <v>V782 - VINCENNES</v>
          </cell>
        </row>
        <row r="137">
          <cell r="A137" t="str">
            <v>G2897</v>
          </cell>
          <cell r="B137" t="str">
            <v>2013 Project</v>
          </cell>
          <cell r="C137"/>
          <cell r="D137" t="str">
            <v>V622 - TERRE HAUTE</v>
          </cell>
          <cell r="F137" t="str">
            <v>H0194</v>
          </cell>
          <cell r="G137" t="str">
            <v>2014 Project</v>
          </cell>
          <cell r="H137"/>
          <cell r="I137" t="str">
            <v>V882 - CLARKSVILLE</v>
          </cell>
        </row>
        <row r="138">
          <cell r="A138" t="str">
            <v>G2898</v>
          </cell>
          <cell r="B138" t="str">
            <v>2013 Project</v>
          </cell>
          <cell r="C138"/>
          <cell r="D138" t="str">
            <v>V622 - TERRE HAUTE</v>
          </cell>
          <cell r="F138" t="str">
            <v>H0201</v>
          </cell>
          <cell r="G138" t="str">
            <v>2014 Project</v>
          </cell>
          <cell r="H138"/>
          <cell r="I138" t="str">
            <v>V942 - COLUMBUS</v>
          </cell>
        </row>
        <row r="139">
          <cell r="A139" t="str">
            <v>G3046</v>
          </cell>
          <cell r="B139" t="str">
            <v>2013 Project</v>
          </cell>
          <cell r="C139"/>
          <cell r="D139" t="str">
            <v>V962 - SEYMORE (SEYMOUR)</v>
          </cell>
          <cell r="F139" t="str">
            <v>H0559</v>
          </cell>
          <cell r="G139" t="str">
            <v>2014 Project</v>
          </cell>
          <cell r="H139"/>
          <cell r="I139" t="str">
            <v>V812 - PRINCETON</v>
          </cell>
        </row>
        <row r="140">
          <cell r="A140" t="str">
            <v>G3049</v>
          </cell>
          <cell r="B140" t="str">
            <v>2013 Project</v>
          </cell>
          <cell r="C140"/>
          <cell r="D140" t="str">
            <v>V812 - PRINCETON</v>
          </cell>
          <cell r="F140" t="str">
            <v>H0871</v>
          </cell>
          <cell r="G140" t="str">
            <v>2014 Project</v>
          </cell>
          <cell r="H140"/>
          <cell r="I140" t="str">
            <v>VODI - PDMW OTHER DEPT IND</v>
          </cell>
        </row>
        <row r="141">
          <cell r="A141" t="str">
            <v>G3195</v>
          </cell>
          <cell r="B141" t="str">
            <v>2013 Project</v>
          </cell>
          <cell r="C141"/>
          <cell r="D141" t="str">
            <v>V882 - CLARKSVILLE</v>
          </cell>
          <cell r="F141" t="str">
            <v>H0966</v>
          </cell>
          <cell r="G141" t="str">
            <v>2014 Project</v>
          </cell>
          <cell r="H141"/>
          <cell r="I141" t="str">
            <v>V622 - TERRE HAUTE</v>
          </cell>
        </row>
        <row r="142">
          <cell r="A142" t="str">
            <v>G3534</v>
          </cell>
          <cell r="B142" t="str">
            <v>2013 Project</v>
          </cell>
          <cell r="C142"/>
          <cell r="D142" t="str">
            <v>V562 - CARMEL</v>
          </cell>
          <cell r="F142" t="str">
            <v>H0984</v>
          </cell>
          <cell r="G142" t="str">
            <v>2014 Project</v>
          </cell>
          <cell r="H142"/>
          <cell r="I142" t="str">
            <v>V542 - NOBLESVILLE</v>
          </cell>
        </row>
        <row r="143">
          <cell r="A143" t="str">
            <v>G3538</v>
          </cell>
          <cell r="B143" t="str">
            <v>2013 Project</v>
          </cell>
          <cell r="C143"/>
          <cell r="D143" t="str">
            <v>V752 - BEDFORD</v>
          </cell>
          <cell r="F143" t="str">
            <v>H0998</v>
          </cell>
          <cell r="G143" t="str">
            <v>2014 Project</v>
          </cell>
          <cell r="H143"/>
          <cell r="I143" t="str">
            <v>V482 - LAFAYETTE</v>
          </cell>
        </row>
        <row r="144">
          <cell r="A144" t="str">
            <v>G3709</v>
          </cell>
          <cell r="B144" t="str">
            <v>2013 Project</v>
          </cell>
          <cell r="C144"/>
          <cell r="D144" t="str">
            <v>V742 - BLOOMINGTON</v>
          </cell>
          <cell r="F144" t="str">
            <v>H1007</v>
          </cell>
          <cell r="G144" t="str">
            <v>2014 Project</v>
          </cell>
          <cell r="H144"/>
          <cell r="I144" t="str">
            <v>V482 - LAFAYETTE</v>
          </cell>
        </row>
        <row r="145">
          <cell r="A145" t="str">
            <v>G3814</v>
          </cell>
          <cell r="B145" t="str">
            <v>2013 Project</v>
          </cell>
          <cell r="C145" t="str">
            <v>As Builts Required</v>
          </cell>
          <cell r="D145" t="str">
            <v>V752 - BEDFORD</v>
          </cell>
          <cell r="F145" t="str">
            <v>H1118</v>
          </cell>
          <cell r="G145" t="str">
            <v>2014 Project</v>
          </cell>
          <cell r="H145"/>
          <cell r="I145" t="str">
            <v>V882 - CLARKSVILLE</v>
          </cell>
        </row>
        <row r="146">
          <cell r="A146" t="str">
            <v>G3902</v>
          </cell>
          <cell r="B146" t="str">
            <v>2013 Project</v>
          </cell>
          <cell r="C146"/>
          <cell r="D146" t="str">
            <v>V622 - TERRE HAUTE</v>
          </cell>
          <cell r="F146" t="str">
            <v>H1195</v>
          </cell>
          <cell r="G146" t="str">
            <v>2014 Project</v>
          </cell>
          <cell r="H146"/>
          <cell r="I146" t="str">
            <v>V882 - CLARKSVILLE</v>
          </cell>
        </row>
        <row r="147">
          <cell r="A147" t="str">
            <v>G3973</v>
          </cell>
          <cell r="B147" t="str">
            <v>2013 Project</v>
          </cell>
          <cell r="C147"/>
          <cell r="D147" t="str">
            <v>V742 - BLOOMINGTON</v>
          </cell>
          <cell r="F147" t="str">
            <v>H1312</v>
          </cell>
          <cell r="G147" t="str">
            <v>2014 Project</v>
          </cell>
          <cell r="H147"/>
          <cell r="I147" t="str">
            <v>V422 - KOKOMO</v>
          </cell>
        </row>
        <row r="148">
          <cell r="A148" t="str">
            <v>G4143</v>
          </cell>
          <cell r="B148" t="str">
            <v>2013 Project</v>
          </cell>
          <cell r="C148"/>
          <cell r="D148" t="str">
            <v>V622 - TERRE HAUTE</v>
          </cell>
          <cell r="F148" t="str">
            <v>H9104</v>
          </cell>
          <cell r="G148" t="str">
            <v>2014 Project</v>
          </cell>
          <cell r="H148"/>
          <cell r="I148" t="str">
            <v>V742 - BLOOMINGTON</v>
          </cell>
        </row>
        <row r="149">
          <cell r="A149" t="str">
            <v>G4237</v>
          </cell>
          <cell r="B149" t="str">
            <v>2013 Project</v>
          </cell>
          <cell r="C149"/>
          <cell r="D149" t="str">
            <v>V782 - VINCENNES</v>
          </cell>
          <cell r="F149" t="str">
            <v>G0004</v>
          </cell>
          <cell r="G149" t="str">
            <v>2014 Project</v>
          </cell>
          <cell r="H149" t="str">
            <v>As Builts Required</v>
          </cell>
          <cell r="I149" t="str">
            <v>V812 - PRINCETON</v>
          </cell>
        </row>
        <row r="150">
          <cell r="A150" t="str">
            <v>G4253</v>
          </cell>
          <cell r="B150" t="str">
            <v>2013 Project</v>
          </cell>
          <cell r="C150"/>
          <cell r="D150" t="str">
            <v>V812 - PRINCETON</v>
          </cell>
          <cell r="F150" t="str">
            <v>G4937</v>
          </cell>
          <cell r="G150" t="str">
            <v>2014 Project</v>
          </cell>
          <cell r="H150"/>
          <cell r="I150" t="str">
            <v>V832 - SHELBYVILLE</v>
          </cell>
        </row>
        <row r="151">
          <cell r="A151" t="str">
            <v>G4359</v>
          </cell>
          <cell r="B151" t="str">
            <v>2013 Project</v>
          </cell>
          <cell r="C151"/>
          <cell r="D151" t="str">
            <v>V812 - PRINCETON</v>
          </cell>
          <cell r="F151" t="str">
            <v>G7182</v>
          </cell>
          <cell r="G151" t="str">
            <v>2014 Project</v>
          </cell>
          <cell r="H151"/>
          <cell r="I151" t="str">
            <v>V832 - SHELBYVILLE</v>
          </cell>
        </row>
        <row r="152">
          <cell r="A152" t="str">
            <v>G4442</v>
          </cell>
          <cell r="B152" t="str">
            <v>2013 Project</v>
          </cell>
          <cell r="C152"/>
          <cell r="D152" t="str">
            <v>V902 - CORYDON</v>
          </cell>
          <cell r="F152" t="str">
            <v>G9074</v>
          </cell>
          <cell r="G152" t="str">
            <v>2014 Project</v>
          </cell>
          <cell r="H152"/>
          <cell r="I152" t="str">
            <v>V892 - MADISON</v>
          </cell>
        </row>
        <row r="153">
          <cell r="A153" t="str">
            <v>G5087</v>
          </cell>
          <cell r="B153" t="str">
            <v>2013 Project</v>
          </cell>
          <cell r="C153"/>
          <cell r="D153" t="str">
            <v>V452 - ROCHESTER</v>
          </cell>
          <cell r="F153" t="str">
            <v>G9546</v>
          </cell>
          <cell r="G153" t="str">
            <v>2014 Project</v>
          </cell>
          <cell r="H153" t="str">
            <v>As Builts Required</v>
          </cell>
          <cell r="I153" t="str">
            <v>V622 - TERRE HAUTE</v>
          </cell>
        </row>
        <row r="154">
          <cell r="A154" t="str">
            <v>G5401</v>
          </cell>
          <cell r="B154" t="str">
            <v>2013 Project</v>
          </cell>
          <cell r="C154"/>
          <cell r="D154" t="str">
            <v>V812 - PRINCETON</v>
          </cell>
          <cell r="F154" t="str">
            <v>G9630</v>
          </cell>
          <cell r="G154" t="str">
            <v>2014 Project</v>
          </cell>
          <cell r="H154"/>
          <cell r="I154" t="str">
            <v>V952 - FRANKLIN</v>
          </cell>
        </row>
        <row r="155">
          <cell r="A155" t="str">
            <v>G5485</v>
          </cell>
          <cell r="B155" t="str">
            <v>2013 Project</v>
          </cell>
          <cell r="C155" t="str">
            <v>As Builts Required</v>
          </cell>
          <cell r="D155" t="str">
            <v>V742 - BLOOMINGTON</v>
          </cell>
          <cell r="F155" t="str">
            <v>G9952</v>
          </cell>
          <cell r="G155" t="str">
            <v>2014 Project</v>
          </cell>
          <cell r="H155"/>
          <cell r="I155" t="str">
            <v>V962 - SEYMORE (SEYMOUR)</v>
          </cell>
        </row>
        <row r="156">
          <cell r="A156" t="str">
            <v>G6235</v>
          </cell>
          <cell r="B156" t="str">
            <v>2013 Project</v>
          </cell>
          <cell r="C156"/>
          <cell r="D156" t="str">
            <v>V952 - FRANKLIN</v>
          </cell>
          <cell r="F156" t="str">
            <v>H0347</v>
          </cell>
          <cell r="G156" t="str">
            <v>2014 Project</v>
          </cell>
          <cell r="H156"/>
          <cell r="I156" t="str">
            <v>V542 - NOBLESVILLE</v>
          </cell>
        </row>
        <row r="157">
          <cell r="A157" t="str">
            <v>G6312</v>
          </cell>
          <cell r="B157" t="str">
            <v>2013 Project</v>
          </cell>
          <cell r="C157"/>
          <cell r="D157" t="str">
            <v>V642 - GREENCASTLE</v>
          </cell>
          <cell r="F157" t="str">
            <v>H0600</v>
          </cell>
          <cell r="G157" t="str">
            <v>2014 Project</v>
          </cell>
          <cell r="H157"/>
          <cell r="I157" t="str">
            <v>V892 - MADISON</v>
          </cell>
        </row>
        <row r="158">
          <cell r="A158" t="str">
            <v>G6434</v>
          </cell>
          <cell r="B158" t="str">
            <v>2013 Project</v>
          </cell>
          <cell r="C158"/>
          <cell r="D158" t="str">
            <v>V642 - GREENCASTLE</v>
          </cell>
          <cell r="F158" t="str">
            <v>H0624</v>
          </cell>
          <cell r="G158" t="str">
            <v>2014 Project</v>
          </cell>
          <cell r="H158"/>
          <cell r="I158" t="str">
            <v>V742 - BLOOMINGTON</v>
          </cell>
        </row>
        <row r="159">
          <cell r="A159" t="str">
            <v>G6458</v>
          </cell>
          <cell r="B159" t="str">
            <v>2013 Project</v>
          </cell>
          <cell r="C159"/>
          <cell r="D159" t="str">
            <v>V842 - CONNERSVILLE</v>
          </cell>
          <cell r="F159" t="str">
            <v>H0721</v>
          </cell>
          <cell r="G159" t="str">
            <v>2014 Project</v>
          </cell>
          <cell r="H159"/>
          <cell r="I159" t="str">
            <v>V482 - LAFAYETTE</v>
          </cell>
        </row>
        <row r="160">
          <cell r="A160" t="str">
            <v>G6503</v>
          </cell>
          <cell r="B160" t="str">
            <v>2013 Project</v>
          </cell>
          <cell r="C160"/>
          <cell r="D160" t="str">
            <v>V752 - BEDFORD</v>
          </cell>
          <cell r="F160" t="str">
            <v>H1210</v>
          </cell>
          <cell r="G160" t="str">
            <v>2014 Project</v>
          </cell>
          <cell r="H160"/>
          <cell r="I160" t="str">
            <v>V742 - BLOOMINGTON</v>
          </cell>
        </row>
        <row r="161">
          <cell r="A161" t="str">
            <v>G6516</v>
          </cell>
          <cell r="B161" t="str">
            <v>2013 Project</v>
          </cell>
          <cell r="C161"/>
          <cell r="D161" t="str">
            <v>V642 - GREENCASTLE</v>
          </cell>
          <cell r="F161" t="str">
            <v>G9364</v>
          </cell>
          <cell r="G161" t="str">
            <v>2014 Project</v>
          </cell>
          <cell r="H161"/>
          <cell r="I161" t="str">
            <v>V462 - FAIRFIELD</v>
          </cell>
        </row>
        <row r="162">
          <cell r="A162" t="str">
            <v>G6519</v>
          </cell>
          <cell r="B162" t="str">
            <v>2013 Project</v>
          </cell>
          <cell r="C162" t="str">
            <v>As Builts Required</v>
          </cell>
          <cell r="D162" t="str">
            <v>V482 - LAFAYETTE</v>
          </cell>
          <cell r="F162" t="str">
            <v>H0083</v>
          </cell>
          <cell r="G162" t="str">
            <v>2014 Project</v>
          </cell>
          <cell r="H162"/>
          <cell r="I162" t="str">
            <v>V461 - TODHUNTER</v>
          </cell>
        </row>
        <row r="163">
          <cell r="A163" t="str">
            <v>G6525</v>
          </cell>
          <cell r="B163" t="str">
            <v>2013 Project</v>
          </cell>
          <cell r="C163"/>
          <cell r="D163" t="str">
            <v>V562 - CARMEL</v>
          </cell>
          <cell r="F163" t="str">
            <v>H0391</v>
          </cell>
          <cell r="G163" t="str">
            <v>2014 Project</v>
          </cell>
          <cell r="H163"/>
          <cell r="I163" t="str">
            <v>V462 - FAIRFIELD</v>
          </cell>
        </row>
        <row r="164">
          <cell r="A164" t="str">
            <v>G6532</v>
          </cell>
          <cell r="B164" t="str">
            <v>2013 Project</v>
          </cell>
          <cell r="C164"/>
          <cell r="D164" t="str">
            <v>V812 - PRINCETON</v>
          </cell>
          <cell r="F164" t="str">
            <v>H0680</v>
          </cell>
          <cell r="G164" t="str">
            <v>2014 Project</v>
          </cell>
          <cell r="H164" t="str">
            <v>As Builts Required</v>
          </cell>
          <cell r="I164" t="str">
            <v>VNWS - Dana</v>
          </cell>
        </row>
        <row r="165">
          <cell r="A165" t="str">
            <v>G6535</v>
          </cell>
          <cell r="B165" t="str">
            <v>2013 Project</v>
          </cell>
          <cell r="C165"/>
          <cell r="D165" t="str">
            <v>V902 - CORYDON</v>
          </cell>
          <cell r="F165" t="str">
            <v>H0968</v>
          </cell>
          <cell r="G165" t="str">
            <v>2014 Project</v>
          </cell>
          <cell r="H165"/>
          <cell r="I165" t="str">
            <v>V461 - TODHUNTER</v>
          </cell>
        </row>
        <row r="166">
          <cell r="A166" t="str">
            <v>G6537</v>
          </cell>
          <cell r="B166" t="str">
            <v>2013 Project</v>
          </cell>
          <cell r="C166"/>
          <cell r="D166" t="str">
            <v>V742 - BLOOMINGTON</v>
          </cell>
          <cell r="F166" t="str">
            <v>H1544</v>
          </cell>
          <cell r="G166" t="str">
            <v>2014 Project</v>
          </cell>
          <cell r="H166" t="str">
            <v>As Builts Required</v>
          </cell>
          <cell r="I166" t="str">
            <v>V40C - QUEENSGATE</v>
          </cell>
        </row>
        <row r="167">
          <cell r="A167" t="str">
            <v>G6570</v>
          </cell>
          <cell r="B167" t="str">
            <v>2013 Project</v>
          </cell>
          <cell r="C167"/>
          <cell r="D167" t="str">
            <v>V742 - BLOOMINGTON</v>
          </cell>
          <cell r="F167" t="str">
            <v>H1575</v>
          </cell>
          <cell r="G167" t="str">
            <v>2014 Project</v>
          </cell>
          <cell r="H167"/>
          <cell r="I167" t="str">
            <v>VNWS - Dana</v>
          </cell>
        </row>
        <row r="168">
          <cell r="A168" t="str">
            <v>G6579</v>
          </cell>
          <cell r="B168" t="str">
            <v>2013 Project</v>
          </cell>
          <cell r="C168"/>
          <cell r="D168" t="str">
            <v>V832 - SHELBYVILLE</v>
          </cell>
          <cell r="F168" t="str">
            <v>H1680</v>
          </cell>
          <cell r="G168" t="str">
            <v>2014 Project</v>
          </cell>
          <cell r="H168"/>
          <cell r="I168" t="str">
            <v>VNWS - DOWNTOWN NETWORK</v>
          </cell>
        </row>
        <row r="169">
          <cell r="A169" t="str">
            <v>G6583</v>
          </cell>
          <cell r="B169" t="str">
            <v>2013 Project</v>
          </cell>
          <cell r="C169"/>
          <cell r="D169" t="str">
            <v>V832 - SHELBYVILLE</v>
          </cell>
          <cell r="F169" t="str">
            <v>H2062</v>
          </cell>
          <cell r="G169" t="str">
            <v>2014 Project</v>
          </cell>
          <cell r="H169" t="str">
            <v>As Builts Required</v>
          </cell>
          <cell r="I169" t="str">
            <v>V461 - TODHUNTER</v>
          </cell>
        </row>
        <row r="170">
          <cell r="A170" t="str">
            <v>G6632</v>
          </cell>
          <cell r="B170" t="str">
            <v>2013 Project</v>
          </cell>
          <cell r="C170" t="str">
            <v>As Builts Required</v>
          </cell>
          <cell r="D170" t="str">
            <v>V882 - CLARKSVILLE</v>
          </cell>
          <cell r="F170" t="str">
            <v>H2112</v>
          </cell>
          <cell r="G170" t="str">
            <v>2014 Project</v>
          </cell>
          <cell r="H170" t="str">
            <v>As Builts Required</v>
          </cell>
          <cell r="I170" t="str">
            <v>VNWS - Dana</v>
          </cell>
        </row>
        <row r="171">
          <cell r="A171" t="str">
            <v>G6633</v>
          </cell>
          <cell r="B171" t="str">
            <v>2013 Project</v>
          </cell>
          <cell r="C171"/>
          <cell r="D171" t="str">
            <v>V542 - NOBLESVILLE</v>
          </cell>
          <cell r="F171" t="str">
            <v>H3106</v>
          </cell>
          <cell r="G171" t="str">
            <v>2014 Project</v>
          </cell>
          <cell r="H171" t="str">
            <v>As Builts Required</v>
          </cell>
          <cell r="I171" t="str">
            <v>VNWS - DOWNTOWN NETWORK</v>
          </cell>
        </row>
        <row r="172">
          <cell r="A172" t="str">
            <v>G6651</v>
          </cell>
          <cell r="B172" t="str">
            <v>2013 Project</v>
          </cell>
          <cell r="C172"/>
          <cell r="D172" t="str">
            <v>V862 - AURORA</v>
          </cell>
          <cell r="F172" t="str">
            <v>I5104</v>
          </cell>
          <cell r="G172" t="str">
            <v>2014 Project</v>
          </cell>
          <cell r="H172" t="str">
            <v>As Builts Required</v>
          </cell>
          <cell r="I172" t="str">
            <v>V932 - ERLANGER</v>
          </cell>
        </row>
        <row r="173">
          <cell r="A173" t="str">
            <v>G6707</v>
          </cell>
          <cell r="B173" t="str">
            <v>2013 Project</v>
          </cell>
          <cell r="C173"/>
          <cell r="D173" t="str">
            <v>V862 - AURORA</v>
          </cell>
          <cell r="F173" t="str">
            <v>ADELDL12</v>
          </cell>
          <cell r="G173" t="str">
            <v>2014 Project</v>
          </cell>
          <cell r="H173"/>
          <cell r="I173" t="str">
            <v>V40C - QUEENSGATE</v>
          </cell>
        </row>
        <row r="174">
          <cell r="A174" t="str">
            <v>G6735</v>
          </cell>
          <cell r="B174" t="str">
            <v>2013 Project</v>
          </cell>
          <cell r="C174"/>
          <cell r="D174" t="str">
            <v>V632 - CLINTON</v>
          </cell>
          <cell r="F174" t="str">
            <v>G0822</v>
          </cell>
          <cell r="G174" t="str">
            <v>2014 Project</v>
          </cell>
          <cell r="H174" t="str">
            <v>As Builts Required</v>
          </cell>
          <cell r="I174" t="str">
            <v>VNWS - DOWNTOWN NETWORK</v>
          </cell>
        </row>
        <row r="175">
          <cell r="A175" t="str">
            <v>G6740</v>
          </cell>
          <cell r="B175" t="str">
            <v>2013 Project</v>
          </cell>
          <cell r="C175"/>
          <cell r="D175" t="str">
            <v>V952 - FRANKLIN</v>
          </cell>
          <cell r="F175" t="str">
            <v>G9499</v>
          </cell>
          <cell r="G175" t="str">
            <v>2014 Project</v>
          </cell>
          <cell r="H175"/>
          <cell r="I175" t="str">
            <v>V492 - HAMLET</v>
          </cell>
        </row>
        <row r="176">
          <cell r="A176" t="str">
            <v>G6872</v>
          </cell>
          <cell r="B176" t="str">
            <v>2013 Project</v>
          </cell>
          <cell r="C176"/>
          <cell r="D176" t="str">
            <v>V812 - PRINCETON</v>
          </cell>
          <cell r="F176" t="str">
            <v>G9717</v>
          </cell>
          <cell r="G176" t="str">
            <v>2014 Project</v>
          </cell>
          <cell r="H176"/>
          <cell r="I176" t="str">
            <v>V461 - TODHUNTER</v>
          </cell>
        </row>
        <row r="177">
          <cell r="A177" t="str">
            <v>G6873</v>
          </cell>
          <cell r="B177" t="str">
            <v>2013 Project</v>
          </cell>
          <cell r="C177"/>
          <cell r="D177" t="str">
            <v>V812 - PRINCETON</v>
          </cell>
          <cell r="F177" t="str">
            <v>G9917</v>
          </cell>
          <cell r="G177" t="str">
            <v>2014 Project</v>
          </cell>
          <cell r="H177"/>
          <cell r="I177" t="str">
            <v>VNWS - Dana</v>
          </cell>
        </row>
        <row r="178">
          <cell r="A178" t="str">
            <v>G6874</v>
          </cell>
          <cell r="B178" t="str">
            <v>2013 Project</v>
          </cell>
          <cell r="C178"/>
          <cell r="D178" t="str">
            <v>V812 - PRINCETON</v>
          </cell>
          <cell r="F178" t="str">
            <v>H0191</v>
          </cell>
          <cell r="G178" t="str">
            <v>2014 Project</v>
          </cell>
          <cell r="H178"/>
          <cell r="I178" t="str">
            <v>V493 - LITTLE MIAMI</v>
          </cell>
        </row>
        <row r="179">
          <cell r="A179" t="str">
            <v>G6956</v>
          </cell>
          <cell r="B179" t="str">
            <v>2013 Project</v>
          </cell>
          <cell r="C179"/>
          <cell r="D179" t="str">
            <v>V942 - COLUMBUS</v>
          </cell>
          <cell r="F179" t="str">
            <v>H0395</v>
          </cell>
          <cell r="G179" t="str">
            <v>2014 Project</v>
          </cell>
          <cell r="H179" t="str">
            <v>As Builts Required</v>
          </cell>
          <cell r="I179" t="str">
            <v>V502 - BRECON</v>
          </cell>
        </row>
        <row r="180">
          <cell r="A180" t="str">
            <v>G7038</v>
          </cell>
          <cell r="B180" t="str">
            <v>2013 Project</v>
          </cell>
          <cell r="C180"/>
          <cell r="D180" t="str">
            <v>V752 - BEDFORD</v>
          </cell>
          <cell r="F180" t="str">
            <v>H0468</v>
          </cell>
          <cell r="G180" t="str">
            <v>2014 Project</v>
          </cell>
          <cell r="H180" t="str">
            <v>As Builts Required</v>
          </cell>
          <cell r="I180" t="str">
            <v>V40C - QUEENSGATE</v>
          </cell>
        </row>
        <row r="181">
          <cell r="A181" t="str">
            <v>G7041</v>
          </cell>
          <cell r="B181" t="str">
            <v>2013 Project</v>
          </cell>
          <cell r="C181"/>
          <cell r="D181" t="str">
            <v>V782 - VINCENNES</v>
          </cell>
          <cell r="F181" t="str">
            <v>H0514</v>
          </cell>
          <cell r="G181" t="str">
            <v>2014 Project</v>
          </cell>
          <cell r="H181" t="str">
            <v>As Builts Required</v>
          </cell>
          <cell r="I181" t="str">
            <v>V502 - BRECON</v>
          </cell>
        </row>
        <row r="182">
          <cell r="A182" t="str">
            <v>G7250</v>
          </cell>
          <cell r="B182" t="str">
            <v>2013 Project</v>
          </cell>
          <cell r="C182" t="str">
            <v>As Builts Required</v>
          </cell>
          <cell r="D182" t="str">
            <v>V742 - BLOOMINGTON</v>
          </cell>
          <cell r="F182" t="str">
            <v>H0639</v>
          </cell>
          <cell r="G182" t="str">
            <v>2014 Project</v>
          </cell>
          <cell r="H182" t="str">
            <v>As Builts Required</v>
          </cell>
          <cell r="I182" t="str">
            <v>V462 - FAIRFIELD</v>
          </cell>
        </row>
        <row r="183">
          <cell r="A183" t="str">
            <v>G8275</v>
          </cell>
          <cell r="B183" t="str">
            <v>2013 Project</v>
          </cell>
          <cell r="C183"/>
          <cell r="D183" t="str">
            <v>V882 - CLARKSVILLE</v>
          </cell>
          <cell r="F183" t="str">
            <v>H0942</v>
          </cell>
          <cell r="G183" t="str">
            <v>2014 Project</v>
          </cell>
          <cell r="H183"/>
          <cell r="I183" t="str">
            <v>V502 - BRECON</v>
          </cell>
        </row>
        <row r="184">
          <cell r="A184" t="str">
            <v>G8406</v>
          </cell>
          <cell r="B184" t="str">
            <v>2013 Project</v>
          </cell>
          <cell r="C184"/>
          <cell r="D184" t="str">
            <v>V542 - NOBLESVILLE</v>
          </cell>
          <cell r="F184" t="str">
            <v>H0975</v>
          </cell>
          <cell r="G184" t="str">
            <v>2014 Project</v>
          </cell>
          <cell r="H184"/>
          <cell r="I184" t="str">
            <v>V492 - HAMLET</v>
          </cell>
        </row>
        <row r="185">
          <cell r="A185" t="str">
            <v>G8478</v>
          </cell>
          <cell r="B185" t="str">
            <v>2013 Project</v>
          </cell>
          <cell r="C185"/>
          <cell r="D185" t="str">
            <v>V882 - CLARKSVILLE</v>
          </cell>
          <cell r="F185" t="str">
            <v>H1022</v>
          </cell>
          <cell r="G185" t="str">
            <v>2014 Project</v>
          </cell>
          <cell r="H185" t="str">
            <v>As Builts Required</v>
          </cell>
          <cell r="I185" t="str">
            <v>VMIA - MIAMITOWN</v>
          </cell>
        </row>
        <row r="186">
          <cell r="A186" t="str">
            <v>G8590</v>
          </cell>
          <cell r="B186" t="str">
            <v>2013 Project</v>
          </cell>
          <cell r="C186"/>
          <cell r="D186" t="str">
            <v>V882 - CLARKSVILLE</v>
          </cell>
          <cell r="F186" t="str">
            <v>H1151</v>
          </cell>
          <cell r="G186" t="str">
            <v>2014 Project</v>
          </cell>
          <cell r="H186"/>
          <cell r="I186" t="str">
            <v>V462 - FAIRFIELD</v>
          </cell>
        </row>
        <row r="187">
          <cell r="A187" t="str">
            <v>G8591</v>
          </cell>
          <cell r="B187" t="str">
            <v>2013 Project</v>
          </cell>
          <cell r="C187"/>
          <cell r="D187" t="str">
            <v>V482 - LAFAYETTE</v>
          </cell>
          <cell r="F187" t="str">
            <v>H1175</v>
          </cell>
          <cell r="G187" t="str">
            <v>2014 Project</v>
          </cell>
          <cell r="H187" t="str">
            <v>As Builts Required</v>
          </cell>
          <cell r="I187" t="str">
            <v>VNWS - DOWNTOWN NETWORK</v>
          </cell>
        </row>
        <row r="188">
          <cell r="A188" t="str">
            <v>G8707</v>
          </cell>
          <cell r="B188" t="str">
            <v>2013 Project</v>
          </cell>
          <cell r="C188"/>
          <cell r="D188" t="str">
            <v>V752 - BEDFORD</v>
          </cell>
          <cell r="F188" t="str">
            <v>H1261</v>
          </cell>
          <cell r="G188" t="str">
            <v>2014 Project</v>
          </cell>
          <cell r="H188"/>
          <cell r="I188" t="str">
            <v>V40C - QUEENSGATE</v>
          </cell>
        </row>
        <row r="189">
          <cell r="A189" t="str">
            <v>G9034</v>
          </cell>
          <cell r="B189" t="str">
            <v>2013 Project</v>
          </cell>
          <cell r="C189"/>
          <cell r="D189" t="str">
            <v>V742 - BLOOMINGTON</v>
          </cell>
          <cell r="F189" t="str">
            <v>H1492</v>
          </cell>
          <cell r="G189" t="str">
            <v>2014 Project</v>
          </cell>
          <cell r="H189" t="str">
            <v>As Builts Required</v>
          </cell>
          <cell r="I189" t="str">
            <v>V40C - QUEENSGATE</v>
          </cell>
        </row>
        <row r="190">
          <cell r="A190" t="str">
            <v>G9077</v>
          </cell>
          <cell r="B190" t="str">
            <v>2013 Project</v>
          </cell>
          <cell r="C190"/>
          <cell r="D190" t="str">
            <v>V652 - BRAZIL</v>
          </cell>
          <cell r="F190" t="str">
            <v>H1962</v>
          </cell>
          <cell r="G190" t="str">
            <v>2014 Project</v>
          </cell>
          <cell r="H190" t="str">
            <v>As Builts Required</v>
          </cell>
          <cell r="I190" t="str">
            <v>V502 - BRECON</v>
          </cell>
        </row>
        <row r="191">
          <cell r="A191" t="str">
            <v>G9216</v>
          </cell>
          <cell r="B191" t="str">
            <v>2013 Project</v>
          </cell>
          <cell r="C191"/>
          <cell r="D191" t="str">
            <v>V562 - CARMEL</v>
          </cell>
          <cell r="F191" t="str">
            <v>H1984</v>
          </cell>
          <cell r="G191" t="str">
            <v>2014 Project</v>
          </cell>
          <cell r="H191" t="str">
            <v>As Builts Required</v>
          </cell>
          <cell r="I191" t="str">
            <v>VNWS - Dana</v>
          </cell>
        </row>
        <row r="192">
          <cell r="A192" t="str">
            <v>G9482</v>
          </cell>
          <cell r="B192" t="str">
            <v>2013 Project</v>
          </cell>
          <cell r="C192"/>
          <cell r="D192" t="str">
            <v>V482 - LAFAYETTE</v>
          </cell>
          <cell r="F192" t="str">
            <v>I6118</v>
          </cell>
          <cell r="G192" t="str">
            <v>2014 Project</v>
          </cell>
          <cell r="H192" t="str">
            <v>As Builts Required</v>
          </cell>
          <cell r="I192" t="str">
            <v>VNWS - Dana</v>
          </cell>
        </row>
        <row r="193">
          <cell r="A193" t="str">
            <v>SIN1203TC</v>
          </cell>
          <cell r="B193" t="str">
            <v>2013 Project</v>
          </cell>
          <cell r="C193" t="str">
            <v>As Builts Required</v>
          </cell>
          <cell r="D193" t="str">
            <v>VOTI - PDMW OTHER IND</v>
          </cell>
          <cell r="F193" t="str">
            <v>K0122</v>
          </cell>
          <cell r="G193" t="str">
            <v>2014 Project</v>
          </cell>
          <cell r="H193" t="str">
            <v>As Builts Required</v>
          </cell>
          <cell r="I193" t="str">
            <v>V40C - QUEENSGATE</v>
          </cell>
        </row>
        <row r="194">
          <cell r="A194" t="str">
            <v>G4936</v>
          </cell>
          <cell r="B194" t="str">
            <v>2013 Project</v>
          </cell>
          <cell r="C194"/>
          <cell r="D194" t="str">
            <v>V462 - FAIRFIELD</v>
          </cell>
          <cell r="F194" t="str">
            <v>H0503</v>
          </cell>
          <cell r="G194" t="str">
            <v>2014 Project</v>
          </cell>
          <cell r="H194" t="str">
            <v>As Builts Required</v>
          </cell>
          <cell r="I194" t="str">
            <v>V932 - ERLANGER</v>
          </cell>
        </row>
        <row r="195">
          <cell r="A195" t="str">
            <v>G7204</v>
          </cell>
          <cell r="B195" t="str">
            <v>2013 Project</v>
          </cell>
          <cell r="C195" t="str">
            <v>As Builts Required</v>
          </cell>
          <cell r="D195" t="str">
            <v>VNWS - DOWNTOWN NETWORK</v>
          </cell>
          <cell r="F195" t="str">
            <v>H0638</v>
          </cell>
          <cell r="G195" t="str">
            <v>2014 Project</v>
          </cell>
          <cell r="H195"/>
          <cell r="I195" t="str">
            <v>V932 - ERLANGER</v>
          </cell>
        </row>
        <row r="196">
          <cell r="A196" t="str">
            <v>G7422</v>
          </cell>
          <cell r="B196" t="str">
            <v>2013 Project</v>
          </cell>
          <cell r="C196"/>
          <cell r="D196" t="str">
            <v>V40C - QUEENSGATE</v>
          </cell>
          <cell r="F196" t="str">
            <v>H0669</v>
          </cell>
          <cell r="G196" t="str">
            <v>2014 Project</v>
          </cell>
          <cell r="H196" t="str">
            <v>As Builts Required</v>
          </cell>
          <cell r="I196" t="str">
            <v>V932 - ERLANGER</v>
          </cell>
        </row>
        <row r="197">
          <cell r="A197" t="str">
            <v>G8181</v>
          </cell>
          <cell r="B197" t="str">
            <v>2013 Project</v>
          </cell>
          <cell r="C197"/>
          <cell r="D197" t="str">
            <v>V40C - QUEENSGATE</v>
          </cell>
          <cell r="F197" t="str">
            <v>H1381</v>
          </cell>
          <cell r="G197" t="str">
            <v>2014 Project</v>
          </cell>
          <cell r="H197"/>
          <cell r="I197" t="str">
            <v>V932 - ERLANGER</v>
          </cell>
        </row>
        <row r="198">
          <cell r="A198" t="str">
            <v>G8192</v>
          </cell>
          <cell r="B198" t="str">
            <v>2013 Project</v>
          </cell>
          <cell r="C198"/>
          <cell r="D198" t="str">
            <v>V38H - HARTWELL</v>
          </cell>
          <cell r="F198" t="str">
            <v>H1382</v>
          </cell>
          <cell r="G198" t="str">
            <v>2014 Project</v>
          </cell>
          <cell r="H198" t="str">
            <v>As Builts Required</v>
          </cell>
          <cell r="I198" t="str">
            <v>V932 - ERLANGER</v>
          </cell>
        </row>
        <row r="199">
          <cell r="A199" t="str">
            <v>G8582</v>
          </cell>
          <cell r="B199" t="str">
            <v>2013 Project</v>
          </cell>
          <cell r="C199" t="str">
            <v>As Builts Required</v>
          </cell>
          <cell r="D199" t="str">
            <v>V40C - QUEENSGATE</v>
          </cell>
          <cell r="F199" t="str">
            <v>F5765</v>
          </cell>
          <cell r="G199" t="str">
            <v>2014 Project</v>
          </cell>
          <cell r="H199" t="str">
            <v>As Builts Required</v>
          </cell>
          <cell r="I199" t="str">
            <v>V442 - HUNTINGTON</v>
          </cell>
        </row>
        <row r="200">
          <cell r="A200" t="str">
            <v>G9023</v>
          </cell>
          <cell r="B200" t="str">
            <v>2013 Project</v>
          </cell>
          <cell r="C200"/>
          <cell r="D200" t="str">
            <v>V40C - QUEENSGATE</v>
          </cell>
          <cell r="F200" t="str">
            <v>F5784</v>
          </cell>
          <cell r="G200" t="str">
            <v>2014 Project</v>
          </cell>
          <cell r="H200" t="str">
            <v>As Builts Required</v>
          </cell>
          <cell r="I200" t="str">
            <v>V432 - WABASH</v>
          </cell>
        </row>
        <row r="201">
          <cell r="A201" t="str">
            <v>G9307</v>
          </cell>
          <cell r="B201" t="str">
            <v>2013 Project</v>
          </cell>
          <cell r="C201"/>
          <cell r="D201" t="str">
            <v>V493 - LITTLE MIAMI</v>
          </cell>
          <cell r="F201" t="str">
            <v>F5904</v>
          </cell>
          <cell r="G201" t="str">
            <v>2014 Project</v>
          </cell>
          <cell r="H201" t="str">
            <v>As Builts Required</v>
          </cell>
          <cell r="I201" t="str">
            <v>V432 - WABASH</v>
          </cell>
        </row>
        <row r="202">
          <cell r="A202" t="str">
            <v>SGSHT29</v>
          </cell>
          <cell r="B202" t="str">
            <v>2013 Project</v>
          </cell>
          <cell r="C202"/>
          <cell r="D202" t="str">
            <v>VODO - PDMW OTHER DEPT OHIO</v>
          </cell>
          <cell r="F202" t="str">
            <v>F5905</v>
          </cell>
          <cell r="G202" t="str">
            <v>2014 Project</v>
          </cell>
          <cell r="H202" t="str">
            <v>As Builts Required</v>
          </cell>
          <cell r="I202" t="str">
            <v>V442 - HUNTINGTON</v>
          </cell>
        </row>
        <row r="203">
          <cell r="A203" t="str">
            <v>SGSHT30</v>
          </cell>
          <cell r="B203" t="str">
            <v>2013 Project</v>
          </cell>
          <cell r="C203"/>
          <cell r="D203" t="str">
            <v>VODO - PDMW OTHER DEPT OHIO</v>
          </cell>
          <cell r="F203" t="str">
            <v>G1267</v>
          </cell>
          <cell r="G203" t="str">
            <v>2014 Project</v>
          </cell>
          <cell r="H203"/>
          <cell r="I203" t="str">
            <v>V622 - TERRE HAUTE</v>
          </cell>
        </row>
        <row r="204">
          <cell r="A204" t="str">
            <v>G8553</v>
          </cell>
          <cell r="B204" t="str">
            <v>2013 Project</v>
          </cell>
          <cell r="C204"/>
          <cell r="D204" t="str">
            <v>V932 - ERLANGER</v>
          </cell>
          <cell r="F204" t="str">
            <v>G2345</v>
          </cell>
          <cell r="G204" t="str">
            <v>2014 Project</v>
          </cell>
          <cell r="H204" t="str">
            <v>As Builts Required</v>
          </cell>
          <cell r="I204" t="str">
            <v>V622 - TERRE HAUTE</v>
          </cell>
        </row>
        <row r="205">
          <cell r="A205" t="str">
            <v>STKYT34</v>
          </cell>
          <cell r="B205" t="str">
            <v>2013 Project</v>
          </cell>
          <cell r="C205"/>
          <cell r="D205" t="str">
            <v>VODK - PDMW OTHER DEPT KEN</v>
          </cell>
          <cell r="F205" t="str">
            <v>G6727</v>
          </cell>
          <cell r="G205" t="str">
            <v>2014 Project</v>
          </cell>
          <cell r="H205"/>
          <cell r="I205" t="str">
            <v>V572 - AVON</v>
          </cell>
        </row>
        <row r="206">
          <cell r="A206" t="str">
            <v>E4612</v>
          </cell>
          <cell r="B206" t="str">
            <v>2013 Project</v>
          </cell>
          <cell r="C206"/>
          <cell r="D206" t="str">
            <v>V742 - BLOOMINGTON</v>
          </cell>
          <cell r="F206" t="str">
            <v>G6775</v>
          </cell>
          <cell r="G206" t="str">
            <v>2014 Project</v>
          </cell>
          <cell r="H206"/>
          <cell r="I206" t="str">
            <v>V622 - TERRE HAUTE</v>
          </cell>
        </row>
        <row r="207">
          <cell r="A207" t="str">
            <v>G5053</v>
          </cell>
          <cell r="B207" t="str">
            <v>2013 Project</v>
          </cell>
          <cell r="C207"/>
          <cell r="D207" t="str">
            <v>V622 - TERRE HAUTE</v>
          </cell>
          <cell r="F207" t="str">
            <v>G6979</v>
          </cell>
          <cell r="G207" t="str">
            <v>2014 Project</v>
          </cell>
          <cell r="H207"/>
          <cell r="I207" t="str">
            <v>V542 - NOBLESVILLE</v>
          </cell>
        </row>
        <row r="208">
          <cell r="A208" t="str">
            <v>G6697</v>
          </cell>
          <cell r="B208" t="str">
            <v>2013 Project</v>
          </cell>
          <cell r="C208"/>
          <cell r="D208" t="str">
            <v>V892 - MADISON</v>
          </cell>
          <cell r="F208" t="str">
            <v>G8216</v>
          </cell>
          <cell r="G208" t="str">
            <v>2014 Project</v>
          </cell>
          <cell r="H208" t="str">
            <v>As Builts Required</v>
          </cell>
          <cell r="I208" t="str">
            <v>V652 - BRAZIL</v>
          </cell>
        </row>
        <row r="209">
          <cell r="A209" t="str">
            <v>G7373</v>
          </cell>
          <cell r="B209" t="str">
            <v>2013 Project</v>
          </cell>
          <cell r="C209"/>
          <cell r="D209" t="str">
            <v>V962 - SEYMORE (SEYMOUR)</v>
          </cell>
          <cell r="F209" t="str">
            <v>G8220</v>
          </cell>
          <cell r="G209" t="str">
            <v>2014 Project</v>
          </cell>
          <cell r="H209"/>
          <cell r="I209" t="str">
            <v>V622 - TERRE HAUTE</v>
          </cell>
        </row>
        <row r="210">
          <cell r="A210" t="str">
            <v>G8222</v>
          </cell>
          <cell r="B210" t="str">
            <v>2013 Project</v>
          </cell>
          <cell r="C210"/>
          <cell r="D210" t="str">
            <v>V962 - SEYMORE (SEYMOUR)</v>
          </cell>
          <cell r="F210" t="str">
            <v>G8228</v>
          </cell>
          <cell r="G210" t="str">
            <v>2014 Project</v>
          </cell>
          <cell r="H210" t="str">
            <v>As Builts Required</v>
          </cell>
          <cell r="I210" t="str">
            <v>V942 - COLUMBUS</v>
          </cell>
        </row>
        <row r="211">
          <cell r="A211" t="str">
            <v>G8264</v>
          </cell>
          <cell r="B211" t="str">
            <v>2013 Project</v>
          </cell>
          <cell r="C211" t="str">
            <v>As Builts Required</v>
          </cell>
          <cell r="D211" t="str">
            <v>V812 - PRINCETON</v>
          </cell>
          <cell r="F211" t="str">
            <v>G8257</v>
          </cell>
          <cell r="G211" t="str">
            <v>2014 Project</v>
          </cell>
          <cell r="H211"/>
          <cell r="I211" t="str">
            <v>V822 - GREENSBURG</v>
          </cell>
        </row>
        <row r="212">
          <cell r="A212" t="str">
            <v>G8305</v>
          </cell>
          <cell r="B212" t="str">
            <v>2013 Project</v>
          </cell>
          <cell r="C212"/>
          <cell r="D212" t="str">
            <v>V962 - SEYMORE (SEYMOUR)</v>
          </cell>
          <cell r="F212" t="str">
            <v>G8404</v>
          </cell>
          <cell r="G212" t="str">
            <v>2014 Project</v>
          </cell>
          <cell r="H212" t="str">
            <v>As Builts Required</v>
          </cell>
          <cell r="I212" t="str">
            <v>V832 - SHELBYVILLE</v>
          </cell>
        </row>
        <row r="213">
          <cell r="A213" t="str">
            <v>G8342</v>
          </cell>
          <cell r="B213" t="str">
            <v>2013 Project</v>
          </cell>
          <cell r="C213"/>
          <cell r="D213" t="str">
            <v>V962 - SEYMORE (SEYMOUR)</v>
          </cell>
          <cell r="F213" t="str">
            <v>G8705</v>
          </cell>
          <cell r="G213" t="str">
            <v>2014 Project</v>
          </cell>
          <cell r="H213"/>
          <cell r="I213" t="str">
            <v>V842 - CONNERSVILLE</v>
          </cell>
        </row>
        <row r="214">
          <cell r="A214" t="str">
            <v>G8367</v>
          </cell>
          <cell r="B214" t="str">
            <v>2013 Project</v>
          </cell>
          <cell r="C214"/>
          <cell r="D214" t="str">
            <v>V962 - SEYMORE (SEYMOUR)</v>
          </cell>
          <cell r="F214" t="str">
            <v>G8953</v>
          </cell>
          <cell r="G214" t="str">
            <v>2014 Project</v>
          </cell>
          <cell r="H214" t="str">
            <v>As Builts Required</v>
          </cell>
          <cell r="I214" t="str">
            <v>V632 - CLINTON</v>
          </cell>
        </row>
        <row r="215">
          <cell r="A215" t="str">
            <v>G8832</v>
          </cell>
          <cell r="B215" t="str">
            <v>2013 Project</v>
          </cell>
          <cell r="C215" t="str">
            <v>As Builts Required</v>
          </cell>
          <cell r="D215" t="str">
            <v>V962 - SEYMORE (SEYMOUR)</v>
          </cell>
          <cell r="F215" t="str">
            <v>G9024</v>
          </cell>
          <cell r="G215" t="str">
            <v>2014 Project</v>
          </cell>
          <cell r="H215" t="str">
            <v>As Builts Required</v>
          </cell>
          <cell r="I215" t="str">
            <v>V482 - LAFAYETTE</v>
          </cell>
        </row>
        <row r="216">
          <cell r="A216" t="str">
            <v>G9031</v>
          </cell>
          <cell r="B216" t="str">
            <v>2013 Project</v>
          </cell>
          <cell r="C216"/>
          <cell r="D216" t="str">
            <v>V542 - NOBLESVILLE</v>
          </cell>
          <cell r="F216" t="str">
            <v>G9467</v>
          </cell>
          <cell r="G216" t="str">
            <v>2014 Project</v>
          </cell>
          <cell r="H216"/>
          <cell r="I216" t="str">
            <v>V842 - CONNERSVILLE</v>
          </cell>
        </row>
        <row r="217">
          <cell r="A217" t="str">
            <v>G9079</v>
          </cell>
          <cell r="B217" t="str">
            <v>2013 Project</v>
          </cell>
          <cell r="C217"/>
          <cell r="D217" t="str">
            <v>V482 - LAFAYETTE</v>
          </cell>
          <cell r="F217" t="str">
            <v>G9574</v>
          </cell>
          <cell r="G217" t="str">
            <v>2014 Project</v>
          </cell>
          <cell r="H217"/>
          <cell r="I217" t="str">
            <v>V892 - MADISON</v>
          </cell>
        </row>
        <row r="218">
          <cell r="A218" t="str">
            <v>G9252</v>
          </cell>
          <cell r="B218" t="str">
            <v>2013 Project</v>
          </cell>
          <cell r="C218"/>
          <cell r="D218" t="str">
            <v>V542 - NOBLESVILLE</v>
          </cell>
          <cell r="F218" t="str">
            <v>G9588</v>
          </cell>
          <cell r="G218" t="str">
            <v>2014 Project</v>
          </cell>
          <cell r="H218"/>
          <cell r="I218" t="str">
            <v>V572 - AVON</v>
          </cell>
        </row>
        <row r="219">
          <cell r="A219" t="str">
            <v>G9634</v>
          </cell>
          <cell r="B219" t="str">
            <v>2013 Project</v>
          </cell>
          <cell r="C219"/>
          <cell r="D219" t="str">
            <v>V962 - SEYMORE (SEYMOUR)</v>
          </cell>
          <cell r="F219" t="str">
            <v>G9612</v>
          </cell>
          <cell r="G219" t="str">
            <v>2014 Project</v>
          </cell>
          <cell r="H219"/>
          <cell r="I219" t="str">
            <v>V812 - PRINCETON</v>
          </cell>
        </row>
        <row r="220">
          <cell r="A220" t="str">
            <v>G9668</v>
          </cell>
          <cell r="B220" t="str">
            <v>2013 Project</v>
          </cell>
          <cell r="C220"/>
          <cell r="D220" t="str">
            <v>V542 - NOBLESVILLE</v>
          </cell>
          <cell r="F220" t="str">
            <v>G9672</v>
          </cell>
          <cell r="G220" t="str">
            <v>2014 Project</v>
          </cell>
          <cell r="H220"/>
          <cell r="I220" t="str">
            <v>V632 - CLINTON</v>
          </cell>
        </row>
        <row r="221">
          <cell r="A221" t="str">
            <v>H0052</v>
          </cell>
          <cell r="B221" t="str">
            <v>2013 Project</v>
          </cell>
          <cell r="C221"/>
          <cell r="D221" t="str">
            <v>V882 - CLARKSVILLE</v>
          </cell>
          <cell r="F221" t="str">
            <v>G9691</v>
          </cell>
          <cell r="G221" t="str">
            <v>2014 Project</v>
          </cell>
          <cell r="H221"/>
          <cell r="I221" t="str">
            <v>V832 - SHELBYVILLE</v>
          </cell>
        </row>
        <row r="222">
          <cell r="A222" t="str">
            <v>G7187</v>
          </cell>
          <cell r="B222" t="str">
            <v>2013 Project</v>
          </cell>
          <cell r="C222"/>
          <cell r="D222" t="str">
            <v>V462 - FAIRFIELD</v>
          </cell>
          <cell r="F222" t="str">
            <v>G9782</v>
          </cell>
          <cell r="G222" t="str">
            <v>2014 Project</v>
          </cell>
          <cell r="H222"/>
          <cell r="I222" t="str">
            <v>V902 - CORYDON</v>
          </cell>
        </row>
        <row r="223">
          <cell r="A223" t="str">
            <v>G7188</v>
          </cell>
          <cell r="B223" t="str">
            <v>2013 Project</v>
          </cell>
          <cell r="C223"/>
          <cell r="D223" t="str">
            <v>V462 - FAIRFIELD</v>
          </cell>
          <cell r="F223" t="str">
            <v>G9905</v>
          </cell>
          <cell r="G223" t="str">
            <v>2014 Project</v>
          </cell>
          <cell r="H223"/>
          <cell r="I223" t="str">
            <v>V812 - PRINCETON</v>
          </cell>
        </row>
        <row r="224">
          <cell r="A224" t="str">
            <v>G7699</v>
          </cell>
          <cell r="B224" t="str">
            <v>2013 Project</v>
          </cell>
          <cell r="C224" t="str">
            <v>As Builts Required</v>
          </cell>
          <cell r="D224" t="str">
            <v>V461 - TODHUNTER</v>
          </cell>
          <cell r="F224" t="str">
            <v>G9941</v>
          </cell>
          <cell r="G224" t="str">
            <v>2014 Project</v>
          </cell>
          <cell r="H224"/>
          <cell r="I224" t="str">
            <v>V952 - FRANKLIN</v>
          </cell>
        </row>
        <row r="225">
          <cell r="A225" t="str">
            <v>G9223</v>
          </cell>
          <cell r="B225" t="str">
            <v>2013 Project</v>
          </cell>
          <cell r="C225"/>
          <cell r="D225" t="str">
            <v>V461 - TODHUNTER</v>
          </cell>
          <cell r="F225" t="str">
            <v>H0135</v>
          </cell>
          <cell r="G225" t="str">
            <v>2014 Project</v>
          </cell>
          <cell r="H225"/>
          <cell r="I225" t="str">
            <v>V572 - AVON</v>
          </cell>
        </row>
        <row r="226">
          <cell r="A226" t="str">
            <v>G9707</v>
          </cell>
          <cell r="B226" t="str">
            <v>2013 Project</v>
          </cell>
          <cell r="C226" t="str">
            <v>As Builts Required</v>
          </cell>
          <cell r="D226" t="str">
            <v>VNWS - DOWNTOWN NETWORK</v>
          </cell>
          <cell r="F226" t="str">
            <v>H0172</v>
          </cell>
          <cell r="G226" t="str">
            <v>2014 Project</v>
          </cell>
          <cell r="H226"/>
          <cell r="I226" t="str">
            <v>V882 - CLARKSVILLE</v>
          </cell>
        </row>
        <row r="227">
          <cell r="A227" t="str">
            <v>F5946</v>
          </cell>
          <cell r="B227" t="str">
            <v>2013 Project</v>
          </cell>
          <cell r="C227" t="str">
            <v>As Builts Required</v>
          </cell>
          <cell r="D227" t="str">
            <v>V752 - BEDFORD</v>
          </cell>
          <cell r="F227" t="str">
            <v>H0181</v>
          </cell>
          <cell r="G227" t="str">
            <v>2014 Project</v>
          </cell>
          <cell r="H227"/>
          <cell r="I227" t="str">
            <v>V832 - SHELBYVILLE</v>
          </cell>
        </row>
        <row r="228">
          <cell r="A228" t="str">
            <v>G2899</v>
          </cell>
          <cell r="B228" t="str">
            <v>2013 Project</v>
          </cell>
          <cell r="C228"/>
          <cell r="D228" t="str">
            <v>V562 - CARMEL</v>
          </cell>
          <cell r="F228" t="str">
            <v>H0229</v>
          </cell>
          <cell r="G228" t="str">
            <v>2014 Project</v>
          </cell>
          <cell r="H228"/>
          <cell r="I228" t="str">
            <v>V952 - FRANKLIN</v>
          </cell>
        </row>
        <row r="229">
          <cell r="A229" t="str">
            <v>G5342</v>
          </cell>
          <cell r="B229" t="str">
            <v>2013 Project</v>
          </cell>
          <cell r="C229"/>
          <cell r="D229" t="str">
            <v>V902 - CORYDON</v>
          </cell>
          <cell r="F229" t="str">
            <v>H0237</v>
          </cell>
          <cell r="G229" t="str">
            <v>2014 Project</v>
          </cell>
          <cell r="H229"/>
          <cell r="I229" t="str">
            <v>V962 - SEYMORE (SEYMOUR)</v>
          </cell>
        </row>
        <row r="230">
          <cell r="A230" t="str">
            <v>G6960</v>
          </cell>
          <cell r="B230" t="str">
            <v>2013 Project</v>
          </cell>
          <cell r="C230"/>
          <cell r="D230" t="str">
            <v>V432 - WABASH</v>
          </cell>
          <cell r="F230" t="str">
            <v>H0323</v>
          </cell>
          <cell r="G230" t="str">
            <v>2014 Project</v>
          </cell>
          <cell r="H230"/>
          <cell r="I230" t="str">
            <v>V482 - LAFAYETTE</v>
          </cell>
        </row>
        <row r="231">
          <cell r="A231" t="str">
            <v>G7209</v>
          </cell>
          <cell r="B231" t="str">
            <v>2013 Project</v>
          </cell>
          <cell r="C231"/>
          <cell r="D231" t="str">
            <v>V752 - BEDFORD</v>
          </cell>
          <cell r="F231" t="str">
            <v>H0404</v>
          </cell>
          <cell r="G231" t="str">
            <v>2014 Project</v>
          </cell>
          <cell r="H231"/>
          <cell r="I231" t="str">
            <v>V652 - BRAZIL</v>
          </cell>
        </row>
        <row r="232">
          <cell r="A232" t="str">
            <v>G8197</v>
          </cell>
          <cell r="B232" t="str">
            <v>2013 Project</v>
          </cell>
          <cell r="C232"/>
          <cell r="D232" t="str">
            <v>V622 - TERRE HAUTE</v>
          </cell>
          <cell r="F232" t="str">
            <v>H0406</v>
          </cell>
          <cell r="G232" t="str">
            <v>2014 Project</v>
          </cell>
          <cell r="H232" t="str">
            <v>As Builts Required</v>
          </cell>
          <cell r="I232" t="str">
            <v>V442 - HUNTINGTON</v>
          </cell>
        </row>
        <row r="233">
          <cell r="A233" t="str">
            <v>G8295</v>
          </cell>
          <cell r="B233" t="str">
            <v>2013 Project</v>
          </cell>
          <cell r="C233"/>
          <cell r="D233" t="str">
            <v>V752 - BEDFORD</v>
          </cell>
          <cell r="F233" t="str">
            <v>H0418</v>
          </cell>
          <cell r="G233" t="str">
            <v>2014 Project</v>
          </cell>
          <cell r="H233"/>
          <cell r="I233" t="str">
            <v>V742 - BLOOMINGTON</v>
          </cell>
        </row>
        <row r="234">
          <cell r="A234" t="str">
            <v>G8300</v>
          </cell>
          <cell r="B234" t="str">
            <v>2013 Project</v>
          </cell>
          <cell r="C234"/>
          <cell r="D234" t="str">
            <v>V752 - BEDFORD</v>
          </cell>
          <cell r="F234" t="str">
            <v>H0466</v>
          </cell>
          <cell r="G234" t="str">
            <v>2014 Project</v>
          </cell>
          <cell r="H234"/>
          <cell r="I234" t="str">
            <v>V562 - CARMEL</v>
          </cell>
        </row>
        <row r="235">
          <cell r="A235" t="str">
            <v>G8544</v>
          </cell>
          <cell r="B235" t="str">
            <v>2013 Project</v>
          </cell>
          <cell r="C235"/>
          <cell r="D235" t="str">
            <v>V742 - BLOOMINGTON</v>
          </cell>
          <cell r="F235" t="str">
            <v>H0530</v>
          </cell>
          <cell r="G235" t="str">
            <v>2014 Project</v>
          </cell>
          <cell r="H235" t="str">
            <v>As Builts Required</v>
          </cell>
          <cell r="I235" t="str">
            <v>V782 - VINCENNES</v>
          </cell>
        </row>
        <row r="236">
          <cell r="A236" t="str">
            <v>G9004</v>
          </cell>
          <cell r="B236" t="str">
            <v>2013 Project</v>
          </cell>
          <cell r="C236"/>
          <cell r="D236" t="str">
            <v>V542 - NOBLESVILLE</v>
          </cell>
          <cell r="F236" t="str">
            <v>H0543</v>
          </cell>
          <cell r="G236" t="str">
            <v>2014 Project</v>
          </cell>
          <cell r="H236"/>
          <cell r="I236" t="str">
            <v>V542 - NOBLESVILLE</v>
          </cell>
        </row>
        <row r="237">
          <cell r="A237" t="str">
            <v>G9347</v>
          </cell>
          <cell r="B237" t="str">
            <v>2013 Project</v>
          </cell>
          <cell r="C237"/>
          <cell r="D237" t="str">
            <v>V442 - HUNTINGTON</v>
          </cell>
          <cell r="F237" t="str">
            <v>H0889</v>
          </cell>
          <cell r="G237" t="str">
            <v>2014 Project</v>
          </cell>
          <cell r="H237"/>
          <cell r="I237" t="str">
            <v>V572 - PLAINFIELD/DANVILLE</v>
          </cell>
        </row>
        <row r="238">
          <cell r="A238" t="str">
            <v>G9607</v>
          </cell>
          <cell r="B238" t="str">
            <v>2013 Project</v>
          </cell>
          <cell r="C238"/>
          <cell r="D238" t="str">
            <v>V442 - HUNTINGTON</v>
          </cell>
          <cell r="F238" t="str">
            <v>H0969</v>
          </cell>
          <cell r="G238" t="str">
            <v>2014 Project</v>
          </cell>
          <cell r="H238"/>
          <cell r="I238" t="str">
            <v>V542 - NOBLESVILLE</v>
          </cell>
        </row>
        <row r="239">
          <cell r="A239" t="str">
            <v>G9740</v>
          </cell>
          <cell r="B239" t="str">
            <v>2013 Project</v>
          </cell>
          <cell r="C239"/>
          <cell r="D239" t="str">
            <v>V642 - GREENCASTLE</v>
          </cell>
          <cell r="F239" t="str">
            <v>H0985</v>
          </cell>
          <cell r="G239" t="str">
            <v>2014 Project</v>
          </cell>
          <cell r="H239" t="str">
            <v>As Builts Required</v>
          </cell>
          <cell r="I239" t="str">
            <v>V752 - BEDFORD</v>
          </cell>
        </row>
        <row r="240">
          <cell r="A240" t="str">
            <v>STINT913</v>
          </cell>
          <cell r="B240" t="str">
            <v>2013 Project</v>
          </cell>
          <cell r="C240"/>
          <cell r="D240" t="str">
            <v>VODI - PDMW OTHER DEPT IND</v>
          </cell>
          <cell r="F240" t="str">
            <v>H1026</v>
          </cell>
          <cell r="G240" t="str">
            <v>2014 Project</v>
          </cell>
          <cell r="H240"/>
          <cell r="I240" t="str">
            <v>V962 - SEYMORE (SEYMOUR)</v>
          </cell>
        </row>
        <row r="241">
          <cell r="A241" t="str">
            <v>G0756</v>
          </cell>
          <cell r="B241" t="str">
            <v>2013 Project</v>
          </cell>
          <cell r="C241"/>
          <cell r="D241" t="str">
            <v>V862 - AURORA</v>
          </cell>
          <cell r="F241" t="str">
            <v>H1052</v>
          </cell>
          <cell r="G241" t="str">
            <v>2014 Project</v>
          </cell>
          <cell r="H241" t="str">
            <v>As Builts Required</v>
          </cell>
          <cell r="I241" t="str">
            <v>V562 - CARMEL</v>
          </cell>
        </row>
        <row r="242">
          <cell r="A242" t="str">
            <v>G2293</v>
          </cell>
          <cell r="B242" t="str">
            <v>2013 Project</v>
          </cell>
          <cell r="C242"/>
          <cell r="D242" t="str">
            <v>V942 - COLUMBUS</v>
          </cell>
          <cell r="F242" t="str">
            <v>H1053</v>
          </cell>
          <cell r="G242" t="str">
            <v>2014 Project</v>
          </cell>
          <cell r="H242"/>
          <cell r="I242" t="str">
            <v>V562 - CARMEL</v>
          </cell>
        </row>
        <row r="243">
          <cell r="A243" t="str">
            <v>G2975</v>
          </cell>
          <cell r="B243" t="str">
            <v>2013 Project</v>
          </cell>
          <cell r="C243"/>
          <cell r="D243" t="str">
            <v>V542 - NOBLESVILLE</v>
          </cell>
          <cell r="F243" t="str">
            <v>H1112</v>
          </cell>
          <cell r="G243" t="str">
            <v>2014 Project</v>
          </cell>
          <cell r="H243"/>
          <cell r="I243" t="str">
            <v>V862 - AURORA</v>
          </cell>
        </row>
        <row r="244">
          <cell r="A244" t="str">
            <v>G6437</v>
          </cell>
          <cell r="B244" t="str">
            <v>2013 Project</v>
          </cell>
          <cell r="C244"/>
          <cell r="D244" t="str">
            <v>V752 - BEDFORD</v>
          </cell>
          <cell r="F244" t="str">
            <v>H1114</v>
          </cell>
          <cell r="G244" t="str">
            <v>2014 Project</v>
          </cell>
          <cell r="H244"/>
          <cell r="I244" t="str">
            <v>V882 - CLARKSVILLE</v>
          </cell>
        </row>
        <row r="245">
          <cell r="A245" t="str">
            <v>G6438</v>
          </cell>
          <cell r="B245" t="str">
            <v>2013 Project</v>
          </cell>
          <cell r="C245"/>
          <cell r="D245" t="str">
            <v>V742 - BLOOMINGTON</v>
          </cell>
          <cell r="F245" t="str">
            <v>H1119</v>
          </cell>
          <cell r="G245" t="str">
            <v>2014 Project</v>
          </cell>
          <cell r="H245"/>
          <cell r="I245" t="str">
            <v>V882 - CLARKSVILLE</v>
          </cell>
        </row>
        <row r="246">
          <cell r="A246" t="str">
            <v>G6440</v>
          </cell>
          <cell r="B246" t="str">
            <v>2013 Project</v>
          </cell>
          <cell r="C246"/>
          <cell r="D246" t="str">
            <v>V742 - BLOOMINGTON</v>
          </cell>
          <cell r="F246" t="str">
            <v>H1208</v>
          </cell>
          <cell r="G246" t="str">
            <v>2014 Project</v>
          </cell>
          <cell r="H246"/>
          <cell r="I246" t="str">
            <v>V902 - CORYDON</v>
          </cell>
        </row>
        <row r="247">
          <cell r="A247" t="str">
            <v>G6883</v>
          </cell>
          <cell r="B247" t="str">
            <v>2013 Project</v>
          </cell>
          <cell r="C247" t="str">
            <v>As Builts Required</v>
          </cell>
          <cell r="D247" t="str">
            <v>V822 - GREENSBURG</v>
          </cell>
          <cell r="F247" t="str">
            <v>H1214</v>
          </cell>
          <cell r="G247" t="str">
            <v>2014 Project</v>
          </cell>
          <cell r="H247"/>
          <cell r="I247" t="str">
            <v>V542 - NOBLESVILLE</v>
          </cell>
        </row>
        <row r="248">
          <cell r="A248" t="str">
            <v>G7347</v>
          </cell>
          <cell r="B248" t="str">
            <v>2013 Project</v>
          </cell>
          <cell r="C248"/>
          <cell r="D248" t="str">
            <v>V962 - SEYMORE (SEYMOUR)</v>
          </cell>
          <cell r="F248" t="str">
            <v>H1273</v>
          </cell>
          <cell r="G248" t="str">
            <v>2014 Project</v>
          </cell>
          <cell r="H248"/>
          <cell r="I248" t="str">
            <v>V542 - NOBLESVILLE</v>
          </cell>
        </row>
        <row r="249">
          <cell r="A249" t="str">
            <v>G7384</v>
          </cell>
          <cell r="B249" t="str">
            <v>2013 Project</v>
          </cell>
          <cell r="C249"/>
          <cell r="D249" t="str">
            <v>V822 - GREENSBURG</v>
          </cell>
          <cell r="F249" t="str">
            <v>H1343</v>
          </cell>
          <cell r="G249" t="str">
            <v>2014 Project</v>
          </cell>
          <cell r="H249"/>
          <cell r="I249" t="str">
            <v>V882 - CLARKSVILLE</v>
          </cell>
        </row>
        <row r="250">
          <cell r="A250" t="str">
            <v>G8078</v>
          </cell>
          <cell r="B250" t="str">
            <v>2013 Project</v>
          </cell>
          <cell r="C250"/>
          <cell r="D250" t="str">
            <v>V962 - SEYMORE (SEYMOUR)</v>
          </cell>
          <cell r="F250" t="str">
            <v>H1445</v>
          </cell>
          <cell r="G250" t="str">
            <v>2014 Project</v>
          </cell>
          <cell r="H250"/>
          <cell r="I250" t="str">
            <v>V742 - BLOOMINGTON</v>
          </cell>
        </row>
        <row r="251">
          <cell r="A251" t="str">
            <v>G8315</v>
          </cell>
          <cell r="B251" t="str">
            <v>2013 Project</v>
          </cell>
          <cell r="C251"/>
          <cell r="D251" t="str">
            <v>V962 - SEYMORE (SEYMOUR)</v>
          </cell>
          <cell r="F251" t="str">
            <v>H1506</v>
          </cell>
          <cell r="G251" t="str">
            <v>2014 Project</v>
          </cell>
          <cell r="H251"/>
          <cell r="I251" t="str">
            <v>V942 - COLUMBUS</v>
          </cell>
        </row>
        <row r="252">
          <cell r="A252" t="str">
            <v>G8358</v>
          </cell>
          <cell r="B252" t="str">
            <v>2013 Project</v>
          </cell>
          <cell r="C252"/>
          <cell r="D252" t="str">
            <v>V542 - NOBLESVILLE</v>
          </cell>
          <cell r="F252" t="str">
            <v>H1650</v>
          </cell>
          <cell r="G252" t="str">
            <v>2014 Project</v>
          </cell>
          <cell r="H252"/>
          <cell r="I252" t="str">
            <v>V572 - AVON</v>
          </cell>
        </row>
        <row r="253">
          <cell r="A253" t="str">
            <v>G8451</v>
          </cell>
          <cell r="B253" t="str">
            <v>2013 Project</v>
          </cell>
          <cell r="C253"/>
          <cell r="D253" t="str">
            <v>V542 - NOBLESVILLE</v>
          </cell>
          <cell r="F253" t="str">
            <v>H1944</v>
          </cell>
          <cell r="G253" t="str">
            <v>2014 Project</v>
          </cell>
          <cell r="H253"/>
          <cell r="I253" t="str">
            <v>V482 - LAFAYETTE</v>
          </cell>
        </row>
        <row r="254">
          <cell r="A254" t="str">
            <v>G8573</v>
          </cell>
          <cell r="B254" t="str">
            <v>2013 Project</v>
          </cell>
          <cell r="C254"/>
          <cell r="D254" t="str">
            <v>V882 - CLARKSVILLE</v>
          </cell>
          <cell r="F254" t="str">
            <v>H9103</v>
          </cell>
          <cell r="G254" t="str">
            <v>2014 Project</v>
          </cell>
          <cell r="H254"/>
          <cell r="I254" t="str">
            <v>V622 - TERRE HAUTE</v>
          </cell>
        </row>
        <row r="255">
          <cell r="A255" t="str">
            <v>G8728</v>
          </cell>
          <cell r="B255" t="str">
            <v>2013 Project</v>
          </cell>
          <cell r="C255"/>
          <cell r="D255" t="str">
            <v>V942 - COLUMBUS</v>
          </cell>
          <cell r="F255" t="str">
            <v>J2106</v>
          </cell>
          <cell r="G255" t="str">
            <v>2014 Project</v>
          </cell>
          <cell r="H255"/>
          <cell r="I255" t="str">
            <v>V552 - NEW CASTLE</v>
          </cell>
        </row>
        <row r="256">
          <cell r="A256" t="str">
            <v>G8810</v>
          </cell>
          <cell r="B256" t="str">
            <v>2013 Project</v>
          </cell>
          <cell r="C256"/>
          <cell r="D256" t="str">
            <v>V422 - KOKOMO</v>
          </cell>
          <cell r="F256" t="str">
            <v>J4107</v>
          </cell>
          <cell r="G256" t="str">
            <v>2014 Project</v>
          </cell>
          <cell r="H256"/>
          <cell r="I256" t="str">
            <v>V552 - NEW CASTLE</v>
          </cell>
        </row>
        <row r="257">
          <cell r="A257" t="str">
            <v>G8811</v>
          </cell>
          <cell r="B257" t="str">
            <v>2013 Project</v>
          </cell>
          <cell r="C257" t="str">
            <v>As Builts Required</v>
          </cell>
          <cell r="D257" t="str">
            <v>V422 - KOKOMO</v>
          </cell>
          <cell r="F257" t="str">
            <v>E7764</v>
          </cell>
          <cell r="G257" t="str">
            <v>2014 Project</v>
          </cell>
          <cell r="H257" t="str">
            <v>As Builts Required</v>
          </cell>
          <cell r="I257" t="str">
            <v>V492 - HAMLET</v>
          </cell>
        </row>
        <row r="258">
          <cell r="A258" t="str">
            <v>G8847</v>
          </cell>
          <cell r="B258" t="str">
            <v>2013 Project</v>
          </cell>
          <cell r="C258"/>
          <cell r="D258" t="str">
            <v>V542 - NOBLESVILLE</v>
          </cell>
          <cell r="F258" t="str">
            <v>G4119</v>
          </cell>
          <cell r="G258" t="str">
            <v>2014 Project</v>
          </cell>
          <cell r="H258"/>
          <cell r="I258" t="str">
            <v>VSOH - MW SS OPS OHIO</v>
          </cell>
        </row>
        <row r="259">
          <cell r="A259" t="str">
            <v>G8992</v>
          </cell>
          <cell r="B259" t="str">
            <v>2013 Project</v>
          </cell>
          <cell r="C259"/>
          <cell r="D259" t="str">
            <v>V742 - BLOOMINGTON</v>
          </cell>
          <cell r="F259" t="str">
            <v>G4155</v>
          </cell>
          <cell r="G259" t="str">
            <v>2014 Project</v>
          </cell>
          <cell r="H259"/>
          <cell r="I259" t="str">
            <v>VSOH - MW SS OPS OHIO</v>
          </cell>
        </row>
        <row r="260">
          <cell r="A260" t="str">
            <v>G9103</v>
          </cell>
          <cell r="B260" t="str">
            <v>2013 Project</v>
          </cell>
          <cell r="C260"/>
          <cell r="D260" t="str">
            <v>V422 - KOKOMO</v>
          </cell>
          <cell r="F260" t="str">
            <v>G4996</v>
          </cell>
          <cell r="G260" t="str">
            <v>2014 Project</v>
          </cell>
          <cell r="H260"/>
          <cell r="I260" t="str">
            <v>V461 - TODHUNTER</v>
          </cell>
        </row>
        <row r="261">
          <cell r="A261" t="str">
            <v>G9312</v>
          </cell>
          <cell r="B261" t="str">
            <v>2013 Project</v>
          </cell>
          <cell r="C261"/>
          <cell r="D261" t="str">
            <v>V542 - NOBLESVILLE</v>
          </cell>
          <cell r="F261" t="str">
            <v>G5481</v>
          </cell>
          <cell r="G261" t="str">
            <v>2014 Project</v>
          </cell>
          <cell r="H261" t="str">
            <v>As Builts Required</v>
          </cell>
          <cell r="I261" t="str">
            <v>V502 - BRECON</v>
          </cell>
        </row>
        <row r="262">
          <cell r="A262" t="str">
            <v>G9320</v>
          </cell>
          <cell r="B262" t="str">
            <v>2013 Project</v>
          </cell>
          <cell r="C262"/>
          <cell r="D262" t="str">
            <v>V562 - CARMEL</v>
          </cell>
          <cell r="F262" t="str">
            <v>G9209</v>
          </cell>
          <cell r="G262" t="str">
            <v>2014 Project</v>
          </cell>
          <cell r="H262"/>
          <cell r="I262" t="str">
            <v>V40C - QUEENSGATE</v>
          </cell>
        </row>
        <row r="263">
          <cell r="A263" t="str">
            <v>G9491</v>
          </cell>
          <cell r="B263" t="str">
            <v>2013 Project</v>
          </cell>
          <cell r="C263"/>
          <cell r="D263" t="str">
            <v>V882 - CLARKSVILLE</v>
          </cell>
          <cell r="F263" t="str">
            <v>G9669</v>
          </cell>
          <cell r="G263" t="str">
            <v>2014 Project</v>
          </cell>
          <cell r="H263" t="str">
            <v>As Builts Required</v>
          </cell>
          <cell r="I263" t="str">
            <v>V40C - QUEENSGATE</v>
          </cell>
        </row>
        <row r="264">
          <cell r="A264" t="str">
            <v>G9520</v>
          </cell>
          <cell r="B264" t="str">
            <v>2013 Project</v>
          </cell>
          <cell r="C264"/>
          <cell r="D264" t="str">
            <v>V552 - NEW CASTLE</v>
          </cell>
          <cell r="F264" t="str">
            <v>H0880</v>
          </cell>
          <cell r="G264" t="str">
            <v>2014 Project</v>
          </cell>
          <cell r="H264"/>
          <cell r="I264" t="str">
            <v>V462 - FAIRFIELD</v>
          </cell>
        </row>
        <row r="265">
          <cell r="A265" t="str">
            <v>G9575</v>
          </cell>
          <cell r="B265" t="str">
            <v>2013 Project</v>
          </cell>
          <cell r="C265"/>
          <cell r="D265" t="str">
            <v>V542 - NOBLESVILLE</v>
          </cell>
          <cell r="F265" t="str">
            <v>H0965</v>
          </cell>
          <cell r="G265" t="str">
            <v>2014 Project</v>
          </cell>
          <cell r="H265" t="str">
            <v>As Builts Required</v>
          </cell>
          <cell r="I265" t="str">
            <v>V38H - HARTWELL</v>
          </cell>
        </row>
        <row r="266">
          <cell r="A266" t="str">
            <v>G9656</v>
          </cell>
          <cell r="B266" t="str">
            <v>2013 Project</v>
          </cell>
          <cell r="C266"/>
          <cell r="D266" t="str">
            <v>V422 - KOKOMO</v>
          </cell>
          <cell r="F266" t="str">
            <v>H1009</v>
          </cell>
          <cell r="G266" t="str">
            <v>2014 Project</v>
          </cell>
          <cell r="H266" t="str">
            <v>As Builts Required</v>
          </cell>
          <cell r="I266" t="str">
            <v>V492 - HAMLET</v>
          </cell>
        </row>
        <row r="267">
          <cell r="A267" t="str">
            <v>G9750</v>
          </cell>
          <cell r="B267" t="str">
            <v>2013 Project</v>
          </cell>
          <cell r="C267"/>
          <cell r="D267" t="str">
            <v>V842 - CONNERSVILLE</v>
          </cell>
          <cell r="F267" t="str">
            <v>H1215</v>
          </cell>
          <cell r="G267" t="str">
            <v>2014 Project</v>
          </cell>
          <cell r="H267" t="str">
            <v>As Builts Required</v>
          </cell>
          <cell r="I267" t="str">
            <v>V462 - FAIRFIELD</v>
          </cell>
        </row>
        <row r="268">
          <cell r="A268" t="str">
            <v>G9776</v>
          </cell>
          <cell r="B268" t="str">
            <v>2013 Project</v>
          </cell>
          <cell r="C268"/>
          <cell r="D268" t="str">
            <v>V542 - NOBLESVILLE</v>
          </cell>
          <cell r="F268" t="str">
            <v>H1552</v>
          </cell>
          <cell r="G268" t="str">
            <v>2014 Project</v>
          </cell>
          <cell r="H268"/>
          <cell r="I268" t="str">
            <v>V493 - LITTLE MIAMI</v>
          </cell>
        </row>
        <row r="269">
          <cell r="A269" t="str">
            <v>G9784</v>
          </cell>
          <cell r="B269" t="str">
            <v>2013 Project</v>
          </cell>
          <cell r="C269"/>
          <cell r="D269" t="str">
            <v>V902 - CORYDON</v>
          </cell>
          <cell r="F269" t="str">
            <v>H1566</v>
          </cell>
          <cell r="G269" t="str">
            <v>2014 Project</v>
          </cell>
          <cell r="H269" t="str">
            <v>As Builts Required</v>
          </cell>
          <cell r="I269" t="str">
            <v>VNWS - Dana</v>
          </cell>
        </row>
        <row r="270">
          <cell r="A270" t="str">
            <v>G9785</v>
          </cell>
          <cell r="B270" t="str">
            <v>2013 Project</v>
          </cell>
          <cell r="C270"/>
          <cell r="D270" t="str">
            <v>V882 - CLARKSVILLE</v>
          </cell>
          <cell r="F270" t="str">
            <v>H1703</v>
          </cell>
          <cell r="G270" t="str">
            <v>2014 Project</v>
          </cell>
          <cell r="H270" t="str">
            <v>As Builts Required</v>
          </cell>
          <cell r="I270" t="str">
            <v>V492 - HAMLET</v>
          </cell>
        </row>
        <row r="271">
          <cell r="A271" t="str">
            <v>G9829</v>
          </cell>
          <cell r="B271" t="str">
            <v>2013 Project</v>
          </cell>
          <cell r="C271"/>
          <cell r="D271" t="str">
            <v>V902 - CORYDON</v>
          </cell>
          <cell r="F271" t="str">
            <v>H2104</v>
          </cell>
          <cell r="G271" t="str">
            <v>2014 Project</v>
          </cell>
          <cell r="H271" t="str">
            <v>As Builts Required</v>
          </cell>
          <cell r="I271" t="str">
            <v>V40C - QUEENSGATE</v>
          </cell>
        </row>
        <row r="272">
          <cell r="A272" t="str">
            <v>G9830</v>
          </cell>
          <cell r="B272" t="str">
            <v>2013 Project</v>
          </cell>
          <cell r="C272"/>
          <cell r="D272" t="str">
            <v>V432 - WABASH</v>
          </cell>
          <cell r="F272" t="str">
            <v>ELASTIMOL</v>
          </cell>
          <cell r="G272" t="str">
            <v>2014 Project</v>
          </cell>
          <cell r="H272" t="str">
            <v>As Builts Required</v>
          </cell>
          <cell r="I272" t="str">
            <v>VODK - PDMW OTHER DEPT KEN</v>
          </cell>
        </row>
        <row r="273">
          <cell r="A273" t="str">
            <v>G9846</v>
          </cell>
          <cell r="B273" t="str">
            <v>2013 Project</v>
          </cell>
          <cell r="C273"/>
          <cell r="D273" t="str">
            <v>V942 - COLUMBUS</v>
          </cell>
          <cell r="F273" t="str">
            <v>G9119</v>
          </cell>
          <cell r="G273" t="str">
            <v>2014 Project</v>
          </cell>
          <cell r="H273" t="str">
            <v>As Builts Required</v>
          </cell>
          <cell r="I273" t="str">
            <v>V932 - ERLANGER</v>
          </cell>
        </row>
        <row r="274">
          <cell r="A274" t="str">
            <v>G9966</v>
          </cell>
          <cell r="B274" t="str">
            <v>2013 Project</v>
          </cell>
          <cell r="C274"/>
          <cell r="D274" t="str">
            <v>V742 - BLOOMINGTON</v>
          </cell>
          <cell r="F274" t="str">
            <v>H0444</v>
          </cell>
          <cell r="G274" t="str">
            <v>2014 Project</v>
          </cell>
          <cell r="H274"/>
          <cell r="I274" t="str">
            <v>V932 - ERLANGER</v>
          </cell>
        </row>
        <row r="275">
          <cell r="A275" t="str">
            <v>H0044</v>
          </cell>
          <cell r="B275" t="str">
            <v>2013 Project</v>
          </cell>
          <cell r="C275"/>
          <cell r="D275" t="str">
            <v>V842 - CONNERSVILLE</v>
          </cell>
          <cell r="F275" t="str">
            <v>H1679</v>
          </cell>
          <cell r="G275" t="str">
            <v>2014 Project</v>
          </cell>
          <cell r="H275" t="str">
            <v>As Builts Required</v>
          </cell>
          <cell r="I275" t="str">
            <v>V932 - ERLANGER</v>
          </cell>
        </row>
        <row r="276">
          <cell r="A276" t="str">
            <v>STINT1013</v>
          </cell>
          <cell r="B276" t="str">
            <v>2013 Project</v>
          </cell>
          <cell r="C276"/>
          <cell r="D276" t="str">
            <v>VODI - PDMW OTHER DEPT IND</v>
          </cell>
          <cell r="F276" t="str">
            <v>E1994</v>
          </cell>
          <cell r="G276" t="str">
            <v>2014 Project</v>
          </cell>
          <cell r="H276"/>
          <cell r="I276" t="str">
            <v>V952 - FRANKLIN</v>
          </cell>
        </row>
        <row r="277">
          <cell r="A277" t="str">
            <v>G5903</v>
          </cell>
          <cell r="B277" t="str">
            <v>2013 Project</v>
          </cell>
          <cell r="C277" t="str">
            <v>As Builts Required</v>
          </cell>
          <cell r="D277" t="str">
            <v>VNWS - DOWNTOWN NETWORK</v>
          </cell>
          <cell r="F277" t="str">
            <v>G5681</v>
          </cell>
          <cell r="G277" t="str">
            <v>2014 Project</v>
          </cell>
          <cell r="H277"/>
          <cell r="I277" t="str">
            <v>V652 - BRAZIL</v>
          </cell>
        </row>
        <row r="278">
          <cell r="A278" t="str">
            <v>G6506</v>
          </cell>
          <cell r="B278" t="str">
            <v>2013 Project</v>
          </cell>
          <cell r="C278"/>
          <cell r="D278" t="str">
            <v>V462 - FAIRFIELD</v>
          </cell>
          <cell r="F278" t="str">
            <v>G6097</v>
          </cell>
          <cell r="G278" t="str">
            <v>2014 Project</v>
          </cell>
          <cell r="H278" t="str">
            <v>As Builts Required</v>
          </cell>
          <cell r="I278" t="str">
            <v>V882 - CLARKSVILLE</v>
          </cell>
        </row>
        <row r="279">
          <cell r="A279" t="str">
            <v>G6724</v>
          </cell>
          <cell r="B279" t="str">
            <v>2013 Project</v>
          </cell>
          <cell r="C279" t="str">
            <v>As Builts Required</v>
          </cell>
          <cell r="D279" t="str">
            <v>VNWS - DOWNTOWN NETWORK</v>
          </cell>
          <cell r="F279" t="str">
            <v>G6400</v>
          </cell>
          <cell r="G279" t="str">
            <v>2014 Project</v>
          </cell>
          <cell r="H279"/>
          <cell r="I279" t="str">
            <v>V49A - ATTICA</v>
          </cell>
        </row>
        <row r="280">
          <cell r="A280" t="str">
            <v>G6725</v>
          </cell>
          <cell r="B280" t="str">
            <v>2013 Project</v>
          </cell>
          <cell r="C280" t="str">
            <v>As Builts Required</v>
          </cell>
          <cell r="D280" t="str">
            <v>VNWS - DOWNTOWN NETWORK</v>
          </cell>
          <cell r="F280" t="str">
            <v>G6415</v>
          </cell>
          <cell r="G280" t="str">
            <v>2014 Project</v>
          </cell>
          <cell r="H280" t="str">
            <v>As Builts Required</v>
          </cell>
          <cell r="I280" t="str">
            <v>V882 - CLARKSVILLE</v>
          </cell>
        </row>
        <row r="281">
          <cell r="A281" t="str">
            <v>G7073</v>
          </cell>
          <cell r="B281" t="str">
            <v>2013 Project</v>
          </cell>
          <cell r="C281"/>
          <cell r="D281" t="str">
            <v>VNWS - DOWNTOWN NETWORK</v>
          </cell>
          <cell r="F281" t="str">
            <v>G6443</v>
          </cell>
          <cell r="G281" t="str">
            <v>2014 Project</v>
          </cell>
          <cell r="H281"/>
          <cell r="I281" t="str">
            <v>V422 - KOKOMO</v>
          </cell>
        </row>
        <row r="282">
          <cell r="A282" t="str">
            <v>G9208</v>
          </cell>
          <cell r="B282" t="str">
            <v>2013 Project</v>
          </cell>
          <cell r="C282"/>
          <cell r="D282" t="str">
            <v>V40C - QUEENSGATE</v>
          </cell>
          <cell r="F282" t="str">
            <v>G6627</v>
          </cell>
          <cell r="G282" t="str">
            <v>2014 Project</v>
          </cell>
          <cell r="H282"/>
          <cell r="I282" t="str">
            <v>V892 - MADISON</v>
          </cell>
        </row>
        <row r="283">
          <cell r="A283" t="str">
            <v>G9276</v>
          </cell>
          <cell r="B283" t="str">
            <v>2013 Project</v>
          </cell>
          <cell r="C283"/>
          <cell r="D283" t="str">
            <v>V40C - QUEENSGATE</v>
          </cell>
          <cell r="F283" t="str">
            <v>G6729</v>
          </cell>
          <cell r="G283" t="str">
            <v>2014 Project</v>
          </cell>
          <cell r="H283"/>
          <cell r="I283" t="str">
            <v>V782 - VINCENNES</v>
          </cell>
        </row>
        <row r="284">
          <cell r="A284" t="str">
            <v>G9362</v>
          </cell>
          <cell r="B284" t="str">
            <v>2013 Project</v>
          </cell>
          <cell r="C284"/>
          <cell r="D284" t="str">
            <v>V462 - FAIRFIELD</v>
          </cell>
          <cell r="F284" t="str">
            <v>G7499</v>
          </cell>
          <cell r="G284" t="str">
            <v>2014 Project</v>
          </cell>
          <cell r="H284"/>
          <cell r="I284" t="str">
            <v>V482 - LAFAYETTE</v>
          </cell>
        </row>
        <row r="285">
          <cell r="A285" t="str">
            <v>G9764</v>
          </cell>
          <cell r="B285" t="str">
            <v>2013 Project</v>
          </cell>
          <cell r="C285"/>
          <cell r="D285" t="str">
            <v>V461 - TODHUNTER</v>
          </cell>
          <cell r="F285" t="str">
            <v>G7843</v>
          </cell>
          <cell r="G285" t="str">
            <v>2014 Project</v>
          </cell>
          <cell r="H285"/>
          <cell r="I285" t="str">
            <v>V842 - CONNERSVILLE</v>
          </cell>
        </row>
        <row r="286">
          <cell r="A286" t="str">
            <v>G9886</v>
          </cell>
          <cell r="B286" t="str">
            <v>2013 Project</v>
          </cell>
          <cell r="C286"/>
          <cell r="D286" t="str">
            <v>V40C - QUEENSGATE</v>
          </cell>
          <cell r="F286" t="str">
            <v>G8019</v>
          </cell>
          <cell r="G286" t="str">
            <v>2014 Project</v>
          </cell>
          <cell r="H286"/>
          <cell r="I286" t="str">
            <v>V762 - MARTINSVILLE</v>
          </cell>
        </row>
        <row r="287">
          <cell r="A287" t="str">
            <v>G9928</v>
          </cell>
          <cell r="B287" t="str">
            <v>2013 Project</v>
          </cell>
          <cell r="C287"/>
          <cell r="D287" t="str">
            <v>V40C - QUEENSGATE</v>
          </cell>
          <cell r="F287" t="str">
            <v>G8164</v>
          </cell>
          <cell r="G287" t="str">
            <v>2014 Project</v>
          </cell>
          <cell r="H287"/>
          <cell r="I287" t="str">
            <v>V642 - GREENCASTLE</v>
          </cell>
        </row>
        <row r="288">
          <cell r="A288" t="str">
            <v>G9948</v>
          </cell>
          <cell r="B288" t="str">
            <v>2013 Project</v>
          </cell>
          <cell r="C288" t="str">
            <v>As Builts Required</v>
          </cell>
          <cell r="D288" t="str">
            <v>VNWS - DOWNTOWN NETWORK</v>
          </cell>
          <cell r="F288" t="str">
            <v>G8182</v>
          </cell>
          <cell r="G288" t="str">
            <v>2014 Project</v>
          </cell>
          <cell r="H288"/>
          <cell r="I288" t="str">
            <v>V902 - CORYDON</v>
          </cell>
        </row>
        <row r="289">
          <cell r="A289" t="str">
            <v>G5924</v>
          </cell>
          <cell r="B289" t="str">
            <v>2013 Project</v>
          </cell>
          <cell r="C289" t="str">
            <v>As Builts Required</v>
          </cell>
          <cell r="D289" t="str">
            <v>VNWS - DOWNTOWN NETWORK</v>
          </cell>
          <cell r="F289" t="str">
            <v>G8990</v>
          </cell>
          <cell r="G289" t="str">
            <v>2014 Project</v>
          </cell>
          <cell r="H289"/>
          <cell r="I289" t="str">
            <v>V642 - GREENCASTLE</v>
          </cell>
        </row>
        <row r="290">
          <cell r="A290" t="str">
            <v>G6300</v>
          </cell>
          <cell r="B290" t="str">
            <v>2013 Project</v>
          </cell>
          <cell r="C290"/>
          <cell r="D290" t="str">
            <v>V493 - LITTLE MIAMI</v>
          </cell>
          <cell r="F290" t="str">
            <v>G9365</v>
          </cell>
          <cell r="G290" t="str">
            <v>2014 Project</v>
          </cell>
          <cell r="H290" t="str">
            <v>As Builts Required</v>
          </cell>
          <cell r="I290" t="str">
            <v>V902 - CORYDON</v>
          </cell>
        </row>
        <row r="291">
          <cell r="A291" t="str">
            <v>G6305</v>
          </cell>
          <cell r="B291" t="str">
            <v>2013 Project</v>
          </cell>
          <cell r="C291"/>
          <cell r="D291" t="str">
            <v>V493 - LITTLE MIAMI</v>
          </cell>
          <cell r="F291" t="str">
            <v>G9632</v>
          </cell>
          <cell r="G291" t="str">
            <v>2014 Project</v>
          </cell>
          <cell r="H291"/>
          <cell r="I291" t="str">
            <v>V642 - GREENCASTLE</v>
          </cell>
        </row>
        <row r="292">
          <cell r="A292" t="str">
            <v>G8601</v>
          </cell>
          <cell r="B292" t="str">
            <v>2013 Project</v>
          </cell>
          <cell r="C292"/>
          <cell r="D292" t="str">
            <v>V462 - FAIRFIELD</v>
          </cell>
          <cell r="F292" t="str">
            <v>G9692</v>
          </cell>
          <cell r="G292" t="str">
            <v>2014 Project</v>
          </cell>
          <cell r="H292"/>
          <cell r="I292" t="str">
            <v>V952 - FRANKLIN</v>
          </cell>
        </row>
        <row r="293">
          <cell r="A293" t="str">
            <v>G8861</v>
          </cell>
          <cell r="B293" t="str">
            <v>2013 Project</v>
          </cell>
          <cell r="C293"/>
          <cell r="D293" t="str">
            <v>V40C - QUEENSGATE</v>
          </cell>
          <cell r="F293" t="str">
            <v>G9695</v>
          </cell>
          <cell r="G293" t="str">
            <v>2014 Project</v>
          </cell>
          <cell r="H293"/>
          <cell r="I293" t="str">
            <v>V742 - BLOOMINGTON</v>
          </cell>
        </row>
        <row r="294">
          <cell r="A294" t="str">
            <v>G9021</v>
          </cell>
          <cell r="B294" t="str">
            <v>2013 Project</v>
          </cell>
          <cell r="C294" t="str">
            <v>As Builts Required</v>
          </cell>
          <cell r="D294" t="str">
            <v>VNWS - DOWNTOWN NETWORK</v>
          </cell>
          <cell r="F294" t="str">
            <v>G9854</v>
          </cell>
          <cell r="G294" t="str">
            <v>2014 Project</v>
          </cell>
          <cell r="H294"/>
          <cell r="I294" t="str">
            <v>V952 - FRANKLIN</v>
          </cell>
        </row>
        <row r="295">
          <cell r="A295" t="str">
            <v>G9061</v>
          </cell>
          <cell r="B295" t="str">
            <v>2013 Project</v>
          </cell>
          <cell r="C295" t="str">
            <v>As Builts Required</v>
          </cell>
          <cell r="D295" t="str">
            <v>V38H - HARTWELL</v>
          </cell>
          <cell r="F295" t="str">
            <v>G9910</v>
          </cell>
          <cell r="G295" t="str">
            <v>2014 Project</v>
          </cell>
          <cell r="H295" t="str">
            <v>As Builts Required</v>
          </cell>
          <cell r="I295" t="str">
            <v>V49A - ATTICA</v>
          </cell>
        </row>
        <row r="296">
          <cell r="A296" t="str">
            <v>H0173</v>
          </cell>
          <cell r="B296" t="str">
            <v>2013 Project</v>
          </cell>
          <cell r="C296"/>
          <cell r="D296" t="str">
            <v>VNWS - Dana</v>
          </cell>
          <cell r="F296" t="str">
            <v>H0209</v>
          </cell>
          <cell r="G296" t="str">
            <v>2014 Project</v>
          </cell>
          <cell r="H296"/>
          <cell r="I296" t="str">
            <v>VSIE - MW SS OPS INDIANA EAST</v>
          </cell>
        </row>
        <row r="297">
          <cell r="A297" t="str">
            <v>H0446</v>
          </cell>
          <cell r="B297" t="str">
            <v>2013 Project</v>
          </cell>
          <cell r="C297"/>
          <cell r="D297" t="str">
            <v>VNWS - DOWNTOWN NETWORK</v>
          </cell>
          <cell r="F297" t="str">
            <v>H0212</v>
          </cell>
          <cell r="G297" t="str">
            <v>2014 Project</v>
          </cell>
          <cell r="H297"/>
          <cell r="I297" t="str">
            <v>V882 - CLARKSVILLE</v>
          </cell>
        </row>
        <row r="298">
          <cell r="A298" t="str">
            <v>SGSHT31</v>
          </cell>
          <cell r="B298" t="str">
            <v>2013 Project</v>
          </cell>
          <cell r="C298"/>
          <cell r="D298" t="str">
            <v>VODO - PDMW OTHER DEPT OHIO</v>
          </cell>
          <cell r="F298" t="str">
            <v>H0223</v>
          </cell>
          <cell r="G298" t="str">
            <v>2014 Project</v>
          </cell>
          <cell r="H298"/>
          <cell r="I298" t="str">
            <v>V752 - BEDFORD</v>
          </cell>
        </row>
        <row r="299">
          <cell r="A299" t="str">
            <v>G9304</v>
          </cell>
          <cell r="B299" t="str">
            <v>2013 Project</v>
          </cell>
          <cell r="C299"/>
          <cell r="D299" t="str">
            <v>V932 - ERLANGER</v>
          </cell>
          <cell r="F299" t="str">
            <v>H0271</v>
          </cell>
          <cell r="G299" t="str">
            <v>2014 Project</v>
          </cell>
          <cell r="H299"/>
          <cell r="I299" t="str">
            <v>VSIE - MW SS OPS INDIANA EAST</v>
          </cell>
        </row>
        <row r="300">
          <cell r="A300" t="str">
            <v>H0049</v>
          </cell>
          <cell r="B300" t="str">
            <v>2013 Project</v>
          </cell>
          <cell r="C300"/>
          <cell r="D300" t="str">
            <v>V932 - ERLANGER</v>
          </cell>
          <cell r="F300" t="str">
            <v>H0363</v>
          </cell>
          <cell r="G300" t="str">
            <v>2014 Project</v>
          </cell>
          <cell r="H300"/>
          <cell r="I300" t="str">
            <v>V542 - NOBLESVILLE</v>
          </cell>
        </row>
        <row r="301">
          <cell r="A301" t="str">
            <v>G8033</v>
          </cell>
          <cell r="B301" t="str">
            <v>2013 Project</v>
          </cell>
          <cell r="C301"/>
          <cell r="D301" t="str">
            <v>V562 - CARMEL</v>
          </cell>
          <cell r="F301" t="str">
            <v>H0509</v>
          </cell>
          <cell r="G301" t="str">
            <v>2014 Project</v>
          </cell>
          <cell r="H301" t="str">
            <v>As Builts Required</v>
          </cell>
          <cell r="I301" t="str">
            <v>V622 - TERRE HAUTE</v>
          </cell>
        </row>
        <row r="302">
          <cell r="A302" t="str">
            <v>G8035</v>
          </cell>
          <cell r="B302" t="str">
            <v>2013 Project</v>
          </cell>
          <cell r="C302"/>
          <cell r="D302" t="str">
            <v>V962 - SEYMORE (SEYMOUR)</v>
          </cell>
          <cell r="F302" t="str">
            <v>H0541</v>
          </cell>
          <cell r="G302" t="str">
            <v>2014 Project</v>
          </cell>
          <cell r="H302" t="str">
            <v>As Builts Required</v>
          </cell>
          <cell r="I302" t="str">
            <v>V902 - CORYDON</v>
          </cell>
        </row>
        <row r="303">
          <cell r="A303" t="str">
            <v>G8135</v>
          </cell>
          <cell r="B303" t="str">
            <v>2013 Project</v>
          </cell>
          <cell r="C303"/>
          <cell r="D303" t="str">
            <v>V622 - TERRE HAUTE</v>
          </cell>
          <cell r="F303" t="str">
            <v>H0698</v>
          </cell>
          <cell r="G303" t="str">
            <v>2014 Project</v>
          </cell>
          <cell r="H303"/>
          <cell r="I303" t="str">
            <v>V942 - COLUMBUS</v>
          </cell>
        </row>
        <row r="304">
          <cell r="A304" t="str">
            <v>G8323</v>
          </cell>
          <cell r="B304" t="str">
            <v>2013 Project</v>
          </cell>
          <cell r="C304"/>
          <cell r="D304" t="str">
            <v>V892 - MADISON</v>
          </cell>
          <cell r="F304" t="str">
            <v>H0752</v>
          </cell>
          <cell r="G304" t="str">
            <v>2014 Project</v>
          </cell>
          <cell r="H304"/>
          <cell r="I304" t="str">
            <v>V882 - CLARKSVILLE</v>
          </cell>
        </row>
        <row r="305">
          <cell r="A305" t="str">
            <v>G8335</v>
          </cell>
          <cell r="B305" t="str">
            <v>2013 Project</v>
          </cell>
          <cell r="C305"/>
          <cell r="D305" t="str">
            <v>V882 - CLARKSVILLE</v>
          </cell>
          <cell r="F305" t="str">
            <v>H0882</v>
          </cell>
          <cell r="G305" t="str">
            <v>2014 Project</v>
          </cell>
          <cell r="H305"/>
          <cell r="I305" t="str">
            <v>V622 - TERRE HAUTE</v>
          </cell>
        </row>
        <row r="306">
          <cell r="A306" t="str">
            <v>G8480</v>
          </cell>
          <cell r="B306" t="str">
            <v>2013 Project</v>
          </cell>
          <cell r="C306"/>
          <cell r="D306" t="str">
            <v>V882 - CLARKSVILLE</v>
          </cell>
          <cell r="F306" t="str">
            <v>H1344</v>
          </cell>
          <cell r="G306" t="str">
            <v>2014 Project</v>
          </cell>
          <cell r="H306"/>
          <cell r="I306" t="str">
            <v>V572 - AVON</v>
          </cell>
        </row>
        <row r="307">
          <cell r="A307" t="str">
            <v>G8481</v>
          </cell>
          <cell r="B307" t="str">
            <v>2013 Project</v>
          </cell>
          <cell r="C307"/>
          <cell r="D307" t="str">
            <v>V882 - CLARKSVILLE</v>
          </cell>
          <cell r="F307" t="str">
            <v>H1466</v>
          </cell>
          <cell r="G307" t="str">
            <v>2014 Project</v>
          </cell>
          <cell r="H307"/>
          <cell r="I307" t="str">
            <v>V572 - AVON</v>
          </cell>
        </row>
        <row r="308">
          <cell r="A308" t="str">
            <v>G8575</v>
          </cell>
          <cell r="B308" t="str">
            <v>2013 Project</v>
          </cell>
          <cell r="C308"/>
          <cell r="D308" t="str">
            <v>V902 - CORYDON</v>
          </cell>
          <cell r="F308" t="str">
            <v>H1622</v>
          </cell>
          <cell r="G308" t="str">
            <v>2014 Project</v>
          </cell>
          <cell r="H308"/>
          <cell r="I308" t="str">
            <v>V542 - NOBLESVILLE</v>
          </cell>
        </row>
        <row r="309">
          <cell r="A309" t="str">
            <v>G8624</v>
          </cell>
          <cell r="B309" t="str">
            <v>2013 Project</v>
          </cell>
          <cell r="C309"/>
          <cell r="D309" t="str">
            <v>V892 - MADISON</v>
          </cell>
          <cell r="F309" t="str">
            <v>H1690</v>
          </cell>
          <cell r="G309" t="str">
            <v>2014 Project</v>
          </cell>
          <cell r="H309"/>
          <cell r="I309" t="str">
            <v>V882 - CLARKSVILLE</v>
          </cell>
        </row>
        <row r="310">
          <cell r="A310" t="str">
            <v>G8627</v>
          </cell>
          <cell r="B310" t="str">
            <v>2013 Project</v>
          </cell>
          <cell r="C310"/>
          <cell r="D310" t="str">
            <v>V892 - MADISON</v>
          </cell>
          <cell r="F310" t="str">
            <v>H1694</v>
          </cell>
          <cell r="G310" t="str">
            <v>2014 Project</v>
          </cell>
          <cell r="H310"/>
          <cell r="I310" t="str">
            <v>V942 - COLUMBUS</v>
          </cell>
        </row>
        <row r="311">
          <cell r="A311" t="str">
            <v>G8718</v>
          </cell>
          <cell r="B311" t="str">
            <v>2013 Project</v>
          </cell>
          <cell r="C311"/>
          <cell r="D311" t="str">
            <v>V742 - BLOOMINGTON</v>
          </cell>
          <cell r="F311" t="str">
            <v>H1910</v>
          </cell>
          <cell r="G311" t="str">
            <v>2014 Project</v>
          </cell>
          <cell r="H311"/>
          <cell r="I311" t="str">
            <v>V882 - CLARKSVILLE</v>
          </cell>
        </row>
        <row r="312">
          <cell r="A312" t="str">
            <v>G8767</v>
          </cell>
          <cell r="B312" t="str">
            <v>2013 Project</v>
          </cell>
          <cell r="C312"/>
          <cell r="D312" t="str">
            <v>V902 - CORYDON</v>
          </cell>
          <cell r="F312" t="str">
            <v>J0115</v>
          </cell>
          <cell r="G312" t="str">
            <v>2014 Project</v>
          </cell>
          <cell r="H312"/>
          <cell r="I312" t="str">
            <v>V542 - NOBLESVILLE</v>
          </cell>
        </row>
        <row r="313">
          <cell r="A313" t="str">
            <v>G9076</v>
          </cell>
          <cell r="B313" t="str">
            <v>2013 Project</v>
          </cell>
          <cell r="C313" t="str">
            <v>As Builts Required</v>
          </cell>
          <cell r="D313" t="str">
            <v>V762 - MARTINSVILLE</v>
          </cell>
          <cell r="F313" t="str">
            <v>J2103</v>
          </cell>
          <cell r="G313" t="str">
            <v>2014 Project</v>
          </cell>
          <cell r="H313"/>
          <cell r="I313" t="str">
            <v>V842 - CONNERSVILLE</v>
          </cell>
        </row>
        <row r="314">
          <cell r="A314" t="str">
            <v>G9306</v>
          </cell>
          <cell r="B314" t="str">
            <v>2013 Project</v>
          </cell>
          <cell r="C314"/>
          <cell r="D314" t="str">
            <v>V632 - CLINTON</v>
          </cell>
          <cell r="F314" t="str">
            <v>J2104</v>
          </cell>
          <cell r="G314" t="str">
            <v>2014 Project</v>
          </cell>
          <cell r="H314"/>
          <cell r="I314" t="str">
            <v>V552 - NEW CASTLE</v>
          </cell>
        </row>
        <row r="315">
          <cell r="A315" t="str">
            <v>G9451</v>
          </cell>
          <cell r="B315" t="str">
            <v>2013 Project</v>
          </cell>
          <cell r="C315"/>
          <cell r="D315" t="str">
            <v>V902 - CORYDON</v>
          </cell>
        </row>
        <row r="316">
          <cell r="A316" t="str">
            <v>G9460</v>
          </cell>
          <cell r="B316" t="str">
            <v>2013 Project</v>
          </cell>
          <cell r="C316"/>
          <cell r="D316" t="str">
            <v>V882 - CLARKSVILLE</v>
          </cell>
        </row>
        <row r="317">
          <cell r="A317" t="str">
            <v>G9483</v>
          </cell>
          <cell r="B317" t="str">
            <v>2013 Project</v>
          </cell>
          <cell r="C317"/>
          <cell r="D317" t="str">
            <v>V742 - BLOOMINGTON</v>
          </cell>
        </row>
        <row r="318">
          <cell r="A318" t="str">
            <v>G9627</v>
          </cell>
          <cell r="B318" t="str">
            <v>2013 Project</v>
          </cell>
          <cell r="C318"/>
          <cell r="D318" t="str">
            <v>V542 - NOBLESVILLE</v>
          </cell>
        </row>
        <row r="319">
          <cell r="A319" t="str">
            <v>G9646</v>
          </cell>
          <cell r="B319" t="str">
            <v>2013 Project</v>
          </cell>
          <cell r="C319"/>
          <cell r="D319" t="str">
            <v>V742 - BLOOMINGTON</v>
          </cell>
        </row>
        <row r="320">
          <cell r="A320" t="str">
            <v>G9664</v>
          </cell>
          <cell r="B320" t="str">
            <v>2013 Project</v>
          </cell>
          <cell r="C320"/>
          <cell r="D320" t="str">
            <v>V552 - NEW CASTLE</v>
          </cell>
        </row>
        <row r="321">
          <cell r="A321" t="str">
            <v>G9811</v>
          </cell>
          <cell r="B321" t="str">
            <v>2013 Project</v>
          </cell>
          <cell r="C321"/>
          <cell r="D321" t="str">
            <v>V832 - SHELBYVILLE</v>
          </cell>
        </row>
        <row r="322">
          <cell r="A322" t="str">
            <v>G9827</v>
          </cell>
          <cell r="B322" t="str">
            <v>2013 Project</v>
          </cell>
          <cell r="C322"/>
          <cell r="D322" t="str">
            <v>V902 - CORYDON</v>
          </cell>
        </row>
        <row r="323">
          <cell r="A323" t="str">
            <v>G9845</v>
          </cell>
          <cell r="B323" t="str">
            <v>2013 Project</v>
          </cell>
          <cell r="C323"/>
          <cell r="D323" t="str">
            <v>V892 - MADISON</v>
          </cell>
        </row>
        <row r="324">
          <cell r="A324" t="str">
            <v>G9867</v>
          </cell>
          <cell r="B324" t="str">
            <v>2013 Project</v>
          </cell>
          <cell r="C324"/>
          <cell r="D324" t="str">
            <v>V482 - LAFAYETTE</v>
          </cell>
        </row>
        <row r="325">
          <cell r="A325" t="str">
            <v>G9882</v>
          </cell>
          <cell r="B325" t="str">
            <v>2013 Project</v>
          </cell>
          <cell r="C325"/>
          <cell r="D325" t="str">
            <v>V542 - NOBLESVILLE</v>
          </cell>
        </row>
        <row r="326">
          <cell r="A326" t="str">
            <v>G9883</v>
          </cell>
          <cell r="B326" t="str">
            <v>2013 Project</v>
          </cell>
          <cell r="C326"/>
          <cell r="D326" t="str">
            <v>V542 - NOBLESVILLE</v>
          </cell>
        </row>
        <row r="327">
          <cell r="A327" t="str">
            <v>G9898</v>
          </cell>
          <cell r="B327" t="str">
            <v>2013 Project</v>
          </cell>
          <cell r="C327"/>
          <cell r="D327" t="str">
            <v>V742 - BLOOMINGTON</v>
          </cell>
        </row>
        <row r="328">
          <cell r="A328" t="str">
            <v>G9904</v>
          </cell>
          <cell r="B328" t="str">
            <v>2013 Project</v>
          </cell>
          <cell r="C328"/>
          <cell r="D328" t="str">
            <v>V482 - LAFAYETTE</v>
          </cell>
        </row>
        <row r="329">
          <cell r="A329" t="str">
            <v>G9907</v>
          </cell>
          <cell r="B329" t="str">
            <v>2013 Project</v>
          </cell>
          <cell r="C329"/>
          <cell r="D329" t="str">
            <v>V882 - CLARKSVILLE</v>
          </cell>
        </row>
        <row r="330">
          <cell r="A330" t="str">
            <v>H0067</v>
          </cell>
          <cell r="B330" t="str">
            <v>2013 Project</v>
          </cell>
          <cell r="C330"/>
          <cell r="D330" t="str">
            <v>V902 - CORYDON</v>
          </cell>
        </row>
        <row r="331">
          <cell r="A331" t="str">
            <v>H0113</v>
          </cell>
          <cell r="B331" t="str">
            <v>2013 Project</v>
          </cell>
          <cell r="C331"/>
          <cell r="D331" t="str">
            <v>V432 - WABASH</v>
          </cell>
        </row>
        <row r="332">
          <cell r="A332" t="str">
            <v>H0132</v>
          </cell>
          <cell r="B332" t="str">
            <v>2013 Project</v>
          </cell>
          <cell r="C332"/>
          <cell r="D332" t="str">
            <v>V432 - WABASH</v>
          </cell>
        </row>
        <row r="333">
          <cell r="A333" t="str">
            <v>H0189</v>
          </cell>
          <cell r="B333" t="str">
            <v>2013 Project</v>
          </cell>
          <cell r="C333"/>
          <cell r="D333" t="str">
            <v>V882 - CLARKSVILLE</v>
          </cell>
        </row>
        <row r="334">
          <cell r="A334" t="str">
            <v>H0305</v>
          </cell>
          <cell r="B334" t="str">
            <v>2013 Project</v>
          </cell>
          <cell r="C334"/>
          <cell r="D334" t="str">
            <v>V552 - NEW CASTLE</v>
          </cell>
        </row>
        <row r="335">
          <cell r="A335" t="str">
            <v>H0402</v>
          </cell>
          <cell r="B335" t="str">
            <v>2013 Project</v>
          </cell>
          <cell r="C335"/>
          <cell r="D335" t="str">
            <v>V572 - AVON</v>
          </cell>
        </row>
        <row r="336">
          <cell r="A336" t="str">
            <v>H0439</v>
          </cell>
          <cell r="B336" t="str">
            <v>2013 Project</v>
          </cell>
          <cell r="C336"/>
          <cell r="D336" t="str">
            <v>V742 - BLOOMINGTON</v>
          </cell>
        </row>
        <row r="337">
          <cell r="A337" t="str">
            <v>G7338</v>
          </cell>
          <cell r="B337" t="str">
            <v>2013 Project</v>
          </cell>
          <cell r="C337"/>
          <cell r="D337" t="str">
            <v>VNWS - DOWNTOWN NETWORK</v>
          </cell>
        </row>
        <row r="338">
          <cell r="A338" t="str">
            <v>G8932</v>
          </cell>
          <cell r="B338" t="str">
            <v>2013 Project</v>
          </cell>
          <cell r="C338"/>
          <cell r="D338" t="str">
            <v>V502 - BRECON</v>
          </cell>
        </row>
        <row r="339">
          <cell r="A339" t="str">
            <v>G9015</v>
          </cell>
          <cell r="B339" t="str">
            <v>2013 Project</v>
          </cell>
          <cell r="C339"/>
          <cell r="D339" t="str">
            <v>V462 - FAIRFIELD</v>
          </cell>
        </row>
        <row r="340">
          <cell r="A340" t="str">
            <v>G9449</v>
          </cell>
          <cell r="B340" t="str">
            <v>2013 Project</v>
          </cell>
          <cell r="C340"/>
          <cell r="D340" t="str">
            <v>V38H - HARTWELL</v>
          </cell>
        </row>
        <row r="341">
          <cell r="A341" t="str">
            <v>G9872</v>
          </cell>
          <cell r="B341" t="str">
            <v>2013 Project</v>
          </cell>
          <cell r="C341"/>
          <cell r="D341" t="str">
            <v>V461 - TODHUNTER</v>
          </cell>
        </row>
        <row r="342">
          <cell r="A342" t="str">
            <v>H0307</v>
          </cell>
          <cell r="B342" t="str">
            <v>2013 Project</v>
          </cell>
          <cell r="C342"/>
          <cell r="D342" t="str">
            <v>V40C - QUEENSGATE</v>
          </cell>
        </row>
        <row r="343">
          <cell r="A343" t="str">
            <v>SGSHT33</v>
          </cell>
          <cell r="B343" t="str">
            <v>2013 Project</v>
          </cell>
          <cell r="C343"/>
          <cell r="D343" t="str">
            <v>VODO - PDMW OTHER DEPT OHIO</v>
          </cell>
        </row>
        <row r="344">
          <cell r="A344" t="str">
            <v>SOH1302DC</v>
          </cell>
          <cell r="B344" t="str">
            <v>2013 Project</v>
          </cell>
          <cell r="C344"/>
          <cell r="D344" t="str">
            <v>VODO - PDMW OTHER DEPT OHIO</v>
          </cell>
        </row>
        <row r="345">
          <cell r="A345" t="str">
            <v>STORM2TO</v>
          </cell>
          <cell r="B345" t="str">
            <v>2013 Project</v>
          </cell>
          <cell r="C345" t="str">
            <v>As Builts Required</v>
          </cell>
          <cell r="D345" t="str">
            <v>STFS - STF - Stuart-Foster-Line 4511</v>
          </cell>
        </row>
        <row r="346">
          <cell r="A346" t="str">
            <v>G9849</v>
          </cell>
          <cell r="B346" t="str">
            <v>2013 Project</v>
          </cell>
          <cell r="C346"/>
          <cell r="D346" t="str">
            <v>V932 - ERLANGER</v>
          </cell>
        </row>
        <row r="347">
          <cell r="A347" t="str">
            <v>H0104</v>
          </cell>
          <cell r="B347" t="str">
            <v>2013 Project</v>
          </cell>
          <cell r="C347"/>
          <cell r="D347" t="str">
            <v>V932 - ERLANGER</v>
          </cell>
        </row>
        <row r="348">
          <cell r="A348" t="str">
            <v>D2150</v>
          </cell>
          <cell r="B348" t="str">
            <v>2013 Project</v>
          </cell>
          <cell r="C348"/>
          <cell r="D348" t="str">
            <v>VODI - PDMW OTHER DEPT IND</v>
          </cell>
        </row>
        <row r="349">
          <cell r="A349" t="str">
            <v>G6728</v>
          </cell>
          <cell r="B349" t="str">
            <v>2013 Project</v>
          </cell>
          <cell r="C349"/>
          <cell r="D349" t="str">
            <v>V782 - VINCENNES</v>
          </cell>
        </row>
        <row r="350">
          <cell r="A350" t="str">
            <v>G7064</v>
          </cell>
          <cell r="B350" t="str">
            <v>2013 Project</v>
          </cell>
          <cell r="C350"/>
          <cell r="D350" t="str">
            <v>V622 - TERRE HAUTE</v>
          </cell>
        </row>
        <row r="351">
          <cell r="A351" t="str">
            <v>G7190</v>
          </cell>
          <cell r="B351" t="str">
            <v>2013 Project</v>
          </cell>
          <cell r="C351"/>
          <cell r="D351" t="str">
            <v>V962 - SEYMORE (SEYMOUR)</v>
          </cell>
        </row>
        <row r="352">
          <cell r="A352" t="str">
            <v>G7200</v>
          </cell>
          <cell r="B352" t="str">
            <v>2013 Project</v>
          </cell>
          <cell r="C352"/>
          <cell r="D352" t="str">
            <v>V762 - MARTINSVILLE</v>
          </cell>
        </row>
        <row r="353">
          <cell r="A353" t="str">
            <v>G8084</v>
          </cell>
          <cell r="B353" t="str">
            <v>2013 Project</v>
          </cell>
          <cell r="C353"/>
          <cell r="D353" t="str">
            <v>V782 - VINCENNES</v>
          </cell>
        </row>
        <row r="354">
          <cell r="A354" t="str">
            <v>G8088</v>
          </cell>
          <cell r="B354" t="str">
            <v>2013 Project</v>
          </cell>
          <cell r="C354"/>
          <cell r="D354" t="str">
            <v>V742 - BLOOMINGTON</v>
          </cell>
        </row>
        <row r="355">
          <cell r="A355" t="str">
            <v>G8089</v>
          </cell>
          <cell r="B355" t="str">
            <v>2013 Project</v>
          </cell>
          <cell r="C355"/>
          <cell r="D355" t="str">
            <v>V742 - BLOOMINGTON</v>
          </cell>
        </row>
        <row r="356">
          <cell r="A356" t="str">
            <v>G8102</v>
          </cell>
          <cell r="B356" t="str">
            <v>2013 Project</v>
          </cell>
          <cell r="C356"/>
          <cell r="D356" t="str">
            <v>V742 - BLOOMINGTON</v>
          </cell>
        </row>
        <row r="357">
          <cell r="A357" t="str">
            <v>G8123</v>
          </cell>
          <cell r="B357" t="str">
            <v>2013 Project</v>
          </cell>
          <cell r="C357"/>
          <cell r="D357" t="str">
            <v>V742 - BLOOMINGTON</v>
          </cell>
        </row>
        <row r="358">
          <cell r="A358" t="str">
            <v>G8126</v>
          </cell>
          <cell r="B358" t="str">
            <v>2013 Project</v>
          </cell>
          <cell r="C358"/>
          <cell r="D358" t="str">
            <v>V742 - BLOOMINGTON</v>
          </cell>
        </row>
        <row r="359">
          <cell r="A359" t="str">
            <v>G8139</v>
          </cell>
          <cell r="B359" t="str">
            <v>2013 Project</v>
          </cell>
          <cell r="C359"/>
          <cell r="D359" t="str">
            <v>V782 - VINCENNES</v>
          </cell>
        </row>
        <row r="360">
          <cell r="A360" t="str">
            <v>G8833</v>
          </cell>
          <cell r="B360" t="str">
            <v>2013 Project</v>
          </cell>
          <cell r="C360"/>
          <cell r="D360" t="str">
            <v>V962 - SEYMORE (SEYMOUR)</v>
          </cell>
        </row>
        <row r="361">
          <cell r="A361" t="str">
            <v>G9323</v>
          </cell>
          <cell r="B361" t="str">
            <v>2013 Project</v>
          </cell>
          <cell r="C361"/>
          <cell r="D361" t="str">
            <v>V862 - AURORA</v>
          </cell>
        </row>
        <row r="362">
          <cell r="A362" t="str">
            <v>G9394</v>
          </cell>
          <cell r="B362" t="str">
            <v>2013 Project</v>
          </cell>
          <cell r="C362"/>
          <cell r="D362" t="str">
            <v>V882 - CLARKSVILLE</v>
          </cell>
        </row>
        <row r="363">
          <cell r="A363" t="str">
            <v>G9484</v>
          </cell>
          <cell r="B363" t="str">
            <v>2013 Project</v>
          </cell>
          <cell r="C363"/>
          <cell r="D363" t="str">
            <v>V482 - LAFAYETTE</v>
          </cell>
        </row>
        <row r="364">
          <cell r="A364" t="str">
            <v>G9587</v>
          </cell>
          <cell r="B364" t="str">
            <v>2013 Project</v>
          </cell>
          <cell r="C364"/>
          <cell r="D364" t="str">
            <v>V622 - TERRE HAUTE</v>
          </cell>
        </row>
        <row r="365">
          <cell r="A365" t="str">
            <v>G9595</v>
          </cell>
          <cell r="B365" t="str">
            <v>2013 Project</v>
          </cell>
          <cell r="C365"/>
          <cell r="D365" t="str">
            <v>V652 - BRAZIL</v>
          </cell>
        </row>
        <row r="366">
          <cell r="A366" t="str">
            <v>G9601</v>
          </cell>
          <cell r="B366" t="str">
            <v>2013 Project</v>
          </cell>
          <cell r="C366" t="str">
            <v>As Builts Required</v>
          </cell>
          <cell r="D366" t="str">
            <v>V652 - BRAZIL</v>
          </cell>
        </row>
        <row r="367">
          <cell r="A367" t="str">
            <v>G9603</v>
          </cell>
          <cell r="B367" t="str">
            <v>2013 Project</v>
          </cell>
          <cell r="C367"/>
          <cell r="D367" t="str">
            <v>V902 - CORYDON</v>
          </cell>
        </row>
        <row r="368">
          <cell r="A368" t="str">
            <v>G9611</v>
          </cell>
          <cell r="B368" t="str">
            <v>2013 Project</v>
          </cell>
          <cell r="C368"/>
          <cell r="D368" t="str">
            <v>V552 - NEW CASTLE</v>
          </cell>
        </row>
        <row r="369">
          <cell r="A369" t="str">
            <v>G9621</v>
          </cell>
          <cell r="B369" t="str">
            <v>2013 Project</v>
          </cell>
          <cell r="C369"/>
          <cell r="D369" t="str">
            <v>V882 - CLARKSVILLE</v>
          </cell>
        </row>
        <row r="370">
          <cell r="A370" t="str">
            <v>G9629</v>
          </cell>
          <cell r="B370" t="str">
            <v>2013 Project</v>
          </cell>
          <cell r="C370"/>
          <cell r="D370" t="str">
            <v>V422 - KOKOMO</v>
          </cell>
        </row>
        <row r="371">
          <cell r="A371" t="str">
            <v>G9681</v>
          </cell>
          <cell r="B371" t="str">
            <v>2013 Project</v>
          </cell>
          <cell r="C371"/>
          <cell r="D371" t="str">
            <v>V942 - COLUMBUS</v>
          </cell>
        </row>
        <row r="372">
          <cell r="A372" t="str">
            <v>G9693</v>
          </cell>
          <cell r="B372" t="str">
            <v>2013 Project</v>
          </cell>
          <cell r="C372"/>
          <cell r="D372" t="str">
            <v>V562 - CARMEL</v>
          </cell>
        </row>
        <row r="373">
          <cell r="A373" t="str">
            <v>G9697</v>
          </cell>
          <cell r="B373" t="str">
            <v>2013 Project</v>
          </cell>
          <cell r="C373"/>
          <cell r="D373" t="str">
            <v>V422 - KOKOMO</v>
          </cell>
        </row>
        <row r="374">
          <cell r="A374" t="str">
            <v>G9708</v>
          </cell>
          <cell r="B374" t="str">
            <v>2013 Project</v>
          </cell>
          <cell r="C374"/>
          <cell r="D374" t="str">
            <v>V902 - CORYDON</v>
          </cell>
        </row>
        <row r="375">
          <cell r="A375" t="str">
            <v>G9787</v>
          </cell>
          <cell r="B375" t="str">
            <v>2013 Project</v>
          </cell>
          <cell r="C375"/>
          <cell r="D375" t="str">
            <v>V842 - CONNERSVILLE</v>
          </cell>
        </row>
        <row r="376">
          <cell r="A376" t="str">
            <v>G9809</v>
          </cell>
          <cell r="B376" t="str">
            <v>2013 Project</v>
          </cell>
          <cell r="C376"/>
          <cell r="D376" t="str">
            <v>V542 - NOBLESVILLE</v>
          </cell>
        </row>
        <row r="377">
          <cell r="A377" t="str">
            <v>G9900</v>
          </cell>
          <cell r="B377" t="str">
            <v>2013 Project</v>
          </cell>
          <cell r="C377"/>
          <cell r="D377" t="str">
            <v>V962 - SEYMORE (SEYMOUR)</v>
          </cell>
        </row>
        <row r="378">
          <cell r="A378" t="str">
            <v>G9982</v>
          </cell>
          <cell r="B378" t="str">
            <v>2013 Project</v>
          </cell>
          <cell r="C378"/>
          <cell r="D378" t="str">
            <v>V562 - CARMEL</v>
          </cell>
        </row>
        <row r="379">
          <cell r="A379" t="str">
            <v>H0011</v>
          </cell>
          <cell r="B379" t="str">
            <v>2013 Project</v>
          </cell>
          <cell r="C379"/>
          <cell r="D379" t="str">
            <v>V842 - CONNERSVILLE</v>
          </cell>
        </row>
        <row r="380">
          <cell r="A380" t="str">
            <v>H0064</v>
          </cell>
          <cell r="B380" t="str">
            <v>2013 Project</v>
          </cell>
          <cell r="C380"/>
          <cell r="D380" t="str">
            <v>V962 - SEYMORE (SEYMOUR)</v>
          </cell>
        </row>
        <row r="381">
          <cell r="A381" t="str">
            <v>H0187</v>
          </cell>
          <cell r="B381" t="str">
            <v>2013 Project</v>
          </cell>
          <cell r="C381"/>
          <cell r="D381" t="str">
            <v>V882 - CLARKSVILLE</v>
          </cell>
        </row>
        <row r="382">
          <cell r="A382" t="str">
            <v>H0190</v>
          </cell>
          <cell r="B382" t="str">
            <v>2013 Project</v>
          </cell>
          <cell r="C382"/>
          <cell r="D382" t="str">
            <v>V882 - CLARKSVILLE</v>
          </cell>
        </row>
        <row r="383">
          <cell r="A383" t="str">
            <v>H0200</v>
          </cell>
          <cell r="B383" t="str">
            <v>2013 Project</v>
          </cell>
          <cell r="C383"/>
          <cell r="D383" t="str">
            <v>V962 - SEYMORE (SEYMOUR)</v>
          </cell>
        </row>
        <row r="384">
          <cell r="A384" t="str">
            <v>H0210</v>
          </cell>
          <cell r="B384" t="str">
            <v>2013 Project</v>
          </cell>
          <cell r="C384"/>
          <cell r="D384" t="str">
            <v>V562 - CARMEL</v>
          </cell>
        </row>
        <row r="385">
          <cell r="A385" t="str">
            <v>SIN1301DC</v>
          </cell>
          <cell r="B385" t="str">
            <v>2013 Project</v>
          </cell>
          <cell r="C385" t="str">
            <v>As Builts Required</v>
          </cell>
          <cell r="D385" t="str">
            <v>VODI - PDMW OTHER DEPT IND</v>
          </cell>
        </row>
        <row r="386">
          <cell r="A386" t="str">
            <v>SIN1302DC</v>
          </cell>
          <cell r="B386" t="str">
            <v>2013 Project</v>
          </cell>
          <cell r="C386" t="str">
            <v>As Builts Required</v>
          </cell>
          <cell r="D386" t="str">
            <v>VODI - PDMW OTHER DEPT IND</v>
          </cell>
        </row>
        <row r="387">
          <cell r="A387" t="str">
            <v>SIN1302TC</v>
          </cell>
          <cell r="B387" t="str">
            <v>2013 Project</v>
          </cell>
          <cell r="C387" t="str">
            <v>As Builts Required</v>
          </cell>
          <cell r="D387" t="str">
            <v>VOTI - PDMW OTHER IND</v>
          </cell>
        </row>
        <row r="388">
          <cell r="A388" t="str">
            <v>E1013</v>
          </cell>
          <cell r="B388" t="str">
            <v>2013 Project</v>
          </cell>
          <cell r="C388"/>
          <cell r="D388" t="str">
            <v>VSIE - MW SS OPS INDIANA EAST</v>
          </cell>
        </row>
        <row r="389">
          <cell r="A389" t="str">
            <v>E1333</v>
          </cell>
          <cell r="B389" t="str">
            <v>2013 Project</v>
          </cell>
          <cell r="C389"/>
          <cell r="D389" t="str">
            <v>VSIE - MW SS OPS INDIANA EAST</v>
          </cell>
        </row>
        <row r="390">
          <cell r="A390" t="str">
            <v>G7065</v>
          </cell>
          <cell r="B390" t="str">
            <v>2013 Project</v>
          </cell>
          <cell r="C390"/>
          <cell r="D390" t="str">
            <v>V432 - WABASH</v>
          </cell>
        </row>
        <row r="391">
          <cell r="A391" t="str">
            <v>G7538</v>
          </cell>
          <cell r="B391" t="str">
            <v>2013 Project</v>
          </cell>
          <cell r="C391"/>
          <cell r="D391" t="str">
            <v>V542 - NOBLESVILLE</v>
          </cell>
        </row>
        <row r="392">
          <cell r="A392" t="str">
            <v>G7702</v>
          </cell>
          <cell r="B392" t="str">
            <v>2013 Project</v>
          </cell>
          <cell r="C392"/>
          <cell r="D392" t="str">
            <v>V482 - LAFAYETTE</v>
          </cell>
        </row>
        <row r="393">
          <cell r="A393" t="str">
            <v>G7951</v>
          </cell>
          <cell r="B393" t="str">
            <v>2013 Project</v>
          </cell>
          <cell r="C393"/>
          <cell r="D393" t="str">
            <v>V632 - CLINTON</v>
          </cell>
        </row>
        <row r="394">
          <cell r="A394" t="str">
            <v>G8079</v>
          </cell>
          <cell r="B394" t="str">
            <v>2013 Project</v>
          </cell>
          <cell r="C394"/>
          <cell r="D394" t="str">
            <v>V762 - MARTINSVILLE</v>
          </cell>
        </row>
        <row r="395">
          <cell r="A395" t="str">
            <v>G8083</v>
          </cell>
          <cell r="B395" t="str">
            <v>2013 Project</v>
          </cell>
          <cell r="C395"/>
          <cell r="D395" t="str">
            <v>V762 - MARTINSVILLE</v>
          </cell>
        </row>
        <row r="396">
          <cell r="A396" t="str">
            <v>G8519</v>
          </cell>
          <cell r="B396" t="str">
            <v>2013 Project</v>
          </cell>
          <cell r="C396"/>
          <cell r="D396" t="str">
            <v>V422 - KOKOMO</v>
          </cell>
        </row>
        <row r="397">
          <cell r="A397" t="str">
            <v>G8521</v>
          </cell>
          <cell r="B397" t="str">
            <v>2013 Project</v>
          </cell>
          <cell r="C397"/>
          <cell r="D397" t="str">
            <v>V422 - KOKOMO</v>
          </cell>
        </row>
        <row r="398">
          <cell r="A398" t="str">
            <v>G8667</v>
          </cell>
          <cell r="B398" t="str">
            <v>2013 Project</v>
          </cell>
          <cell r="C398"/>
          <cell r="D398" t="str">
            <v>V632 - CLINTON</v>
          </cell>
        </row>
        <row r="399">
          <cell r="A399" t="str">
            <v>G8891</v>
          </cell>
          <cell r="B399" t="str">
            <v>2013 Project</v>
          </cell>
          <cell r="C399"/>
          <cell r="D399" t="str">
            <v>V442 - HUNTINGTON</v>
          </cell>
        </row>
        <row r="400">
          <cell r="A400" t="str">
            <v>G9169</v>
          </cell>
          <cell r="B400" t="str">
            <v>2013 Project</v>
          </cell>
          <cell r="C400" t="str">
            <v>As Builts Required</v>
          </cell>
          <cell r="D400" t="str">
            <v>V442 - HUNTINGTON</v>
          </cell>
        </row>
        <row r="401">
          <cell r="A401" t="str">
            <v>G9207</v>
          </cell>
          <cell r="B401" t="str">
            <v>2013 Project</v>
          </cell>
          <cell r="C401"/>
          <cell r="D401" t="str">
            <v>V482 - LAFAYETTE</v>
          </cell>
        </row>
        <row r="402">
          <cell r="A402" t="str">
            <v>G9374</v>
          </cell>
          <cell r="B402" t="str">
            <v>2013 Project</v>
          </cell>
          <cell r="C402"/>
          <cell r="D402" t="str">
            <v>V632 - CLINTON</v>
          </cell>
        </row>
        <row r="403">
          <cell r="A403" t="str">
            <v>G9464</v>
          </cell>
          <cell r="B403" t="str">
            <v>2013 Project</v>
          </cell>
          <cell r="C403"/>
          <cell r="D403" t="str">
            <v>V862 - AURORA</v>
          </cell>
        </row>
        <row r="404">
          <cell r="A404" t="str">
            <v>G9470</v>
          </cell>
          <cell r="B404" t="str">
            <v>2013 Project</v>
          </cell>
          <cell r="C404"/>
          <cell r="D404" t="str">
            <v>V942 - COLUMBUS</v>
          </cell>
        </row>
        <row r="405">
          <cell r="A405" t="str">
            <v>G9471</v>
          </cell>
          <cell r="B405" t="str">
            <v>2013 Project</v>
          </cell>
          <cell r="C405"/>
          <cell r="D405" t="str">
            <v>V942 - COLUMBUS</v>
          </cell>
        </row>
        <row r="406">
          <cell r="A406" t="str">
            <v>G9576</v>
          </cell>
          <cell r="B406" t="str">
            <v>2013 Project</v>
          </cell>
          <cell r="C406"/>
          <cell r="D406" t="str">
            <v>V742 - BLOOMINGTON</v>
          </cell>
        </row>
        <row r="407">
          <cell r="A407" t="str">
            <v>G9678</v>
          </cell>
          <cell r="B407" t="str">
            <v>2013 Project</v>
          </cell>
          <cell r="C407"/>
          <cell r="D407" t="str">
            <v>V942 - COLUMBUS</v>
          </cell>
        </row>
        <row r="408">
          <cell r="A408" t="str">
            <v>G9679</v>
          </cell>
          <cell r="B408" t="str">
            <v>2013 Project</v>
          </cell>
          <cell r="C408"/>
          <cell r="D408" t="str">
            <v>V942 - COLUMBUS</v>
          </cell>
        </row>
        <row r="409">
          <cell r="A409" t="str">
            <v>G9751</v>
          </cell>
          <cell r="B409" t="str">
            <v>2013 Project</v>
          </cell>
          <cell r="C409"/>
          <cell r="D409" t="str">
            <v>V482 - LAFAYETTE</v>
          </cell>
        </row>
        <row r="410">
          <cell r="A410" t="str">
            <v>G9884</v>
          </cell>
          <cell r="B410" t="str">
            <v>2013 Project</v>
          </cell>
          <cell r="C410"/>
          <cell r="D410" t="str">
            <v>V422 - KOKOMO</v>
          </cell>
        </row>
        <row r="411">
          <cell r="A411" t="str">
            <v>G9946</v>
          </cell>
          <cell r="B411" t="str">
            <v>2013 Project</v>
          </cell>
          <cell r="C411"/>
          <cell r="D411" t="str">
            <v>V482 - LAFAYETTE</v>
          </cell>
        </row>
        <row r="412">
          <cell r="A412" t="str">
            <v>H0042</v>
          </cell>
          <cell r="B412" t="str">
            <v>2013 Project</v>
          </cell>
          <cell r="C412"/>
          <cell r="D412" t="str">
            <v>V832 - SHELBYVILLE</v>
          </cell>
        </row>
        <row r="413">
          <cell r="A413" t="str">
            <v>H0062</v>
          </cell>
          <cell r="B413" t="str">
            <v>2013 Project</v>
          </cell>
          <cell r="C413"/>
          <cell r="D413" t="str">
            <v>V882 - CLARKSVILLE</v>
          </cell>
        </row>
        <row r="414">
          <cell r="A414" t="str">
            <v>H0072</v>
          </cell>
          <cell r="B414" t="str">
            <v>2013 Project</v>
          </cell>
          <cell r="C414"/>
          <cell r="D414" t="str">
            <v>V49A - ATTICA</v>
          </cell>
        </row>
        <row r="415">
          <cell r="A415" t="str">
            <v>H0182</v>
          </cell>
          <cell r="B415" t="str">
            <v>2013 Project</v>
          </cell>
          <cell r="C415"/>
          <cell r="D415" t="str">
            <v>V962 - SEYMORE (SEYMOUR)</v>
          </cell>
        </row>
        <row r="416">
          <cell r="A416" t="str">
            <v>H0233</v>
          </cell>
          <cell r="B416" t="str">
            <v>2013 Project</v>
          </cell>
          <cell r="C416"/>
          <cell r="D416" t="str">
            <v>V882 - CLARKSVILLE</v>
          </cell>
        </row>
        <row r="417">
          <cell r="A417" t="str">
            <v>H0241</v>
          </cell>
          <cell r="B417" t="str">
            <v>2013 Project</v>
          </cell>
          <cell r="C417"/>
          <cell r="D417" t="str">
            <v>V542 - NOBLESVILLE</v>
          </cell>
        </row>
        <row r="418">
          <cell r="A418" t="str">
            <v>H0291</v>
          </cell>
          <cell r="B418" t="str">
            <v>2013 Project</v>
          </cell>
          <cell r="C418"/>
          <cell r="D418" t="str">
            <v>V482 - LAFAYETTE</v>
          </cell>
        </row>
        <row r="419">
          <cell r="A419" t="str">
            <v>H0308</v>
          </cell>
          <cell r="B419" t="str">
            <v>2013 Project</v>
          </cell>
          <cell r="C419"/>
          <cell r="D419" t="str">
            <v>V482 - LAFAYETTE</v>
          </cell>
        </row>
        <row r="420">
          <cell r="A420" t="str">
            <v>H0355</v>
          </cell>
          <cell r="B420" t="str">
            <v>2013 Project</v>
          </cell>
          <cell r="C420"/>
          <cell r="D420" t="str">
            <v>V482 - LAFAYETTE</v>
          </cell>
        </row>
        <row r="421">
          <cell r="A421" t="str">
            <v>H0366</v>
          </cell>
          <cell r="B421" t="str">
            <v>2013 Project</v>
          </cell>
          <cell r="C421"/>
          <cell r="D421" t="str">
            <v>V742 - BLOOMINGTON</v>
          </cell>
        </row>
        <row r="422">
          <cell r="A422" t="str">
            <v>H0438</v>
          </cell>
          <cell r="B422" t="str">
            <v>2013 Project</v>
          </cell>
          <cell r="C422"/>
          <cell r="D422" t="str">
            <v>V482 - LAFAYETTE</v>
          </cell>
        </row>
        <row r="423">
          <cell r="A423" t="str">
            <v>H0462</v>
          </cell>
          <cell r="B423" t="str">
            <v>2013 Project</v>
          </cell>
          <cell r="C423"/>
          <cell r="D423" t="str">
            <v>V482 - LAFAYETTE</v>
          </cell>
        </row>
        <row r="424">
          <cell r="A424" t="str">
            <v>H0588</v>
          </cell>
          <cell r="B424" t="str">
            <v>2013 Project</v>
          </cell>
          <cell r="C424"/>
          <cell r="D424" t="str">
            <v>V882 - CLARKSVILLE</v>
          </cell>
        </row>
        <row r="425">
          <cell r="A425" t="str">
            <v>H0659</v>
          </cell>
          <cell r="B425" t="str">
            <v>2013 Project</v>
          </cell>
          <cell r="C425"/>
          <cell r="D425" t="str">
            <v>V742 - BLOOMINGTON</v>
          </cell>
        </row>
        <row r="426">
          <cell r="A426" t="str">
            <v>H0887</v>
          </cell>
          <cell r="B426" t="str">
            <v>2013 Project</v>
          </cell>
          <cell r="C426"/>
          <cell r="D426" t="str">
            <v>V422 - KOKOMO</v>
          </cell>
        </row>
        <row r="427">
          <cell r="A427" t="str">
            <v>G9501</v>
          </cell>
          <cell r="B427" t="str">
            <v>2013 Project</v>
          </cell>
          <cell r="C427"/>
          <cell r="D427" t="str">
            <v>V932 - ERLANGER</v>
          </cell>
        </row>
        <row r="428">
          <cell r="A428" t="str">
            <v>H0282</v>
          </cell>
          <cell r="B428" t="str">
            <v>2013 Project</v>
          </cell>
          <cell r="C428"/>
          <cell r="D428" t="str">
            <v>V932 - ERLANGER</v>
          </cell>
        </row>
        <row r="429">
          <cell r="A429" t="str">
            <v>G0787</v>
          </cell>
          <cell r="B429" t="str">
            <v>2013 Project</v>
          </cell>
          <cell r="C429"/>
          <cell r="D429" t="str">
            <v>V493 - LITTLE MIAMI</v>
          </cell>
        </row>
        <row r="430">
          <cell r="A430" t="str">
            <v>G3689</v>
          </cell>
          <cell r="B430" t="str">
            <v>2013 Project</v>
          </cell>
          <cell r="C430"/>
          <cell r="D430" t="str">
            <v>V493 - LITTLE MIAMI</v>
          </cell>
        </row>
        <row r="431">
          <cell r="A431" t="str">
            <v>G6644</v>
          </cell>
          <cell r="B431" t="str">
            <v>2013 Project</v>
          </cell>
          <cell r="C431"/>
          <cell r="D431" t="str">
            <v>V40C - QUEENSGATE</v>
          </cell>
        </row>
        <row r="432">
          <cell r="A432" t="str">
            <v>G6827</v>
          </cell>
          <cell r="B432" t="str">
            <v>2013 Project</v>
          </cell>
          <cell r="C432"/>
          <cell r="D432" t="str">
            <v>VNWS - DOWNTOWN NETWORK</v>
          </cell>
        </row>
        <row r="433">
          <cell r="A433" t="str">
            <v>G7088</v>
          </cell>
          <cell r="B433" t="str">
            <v>2013 Project</v>
          </cell>
          <cell r="C433"/>
          <cell r="D433" t="str">
            <v>V461 - TODHUNTER</v>
          </cell>
        </row>
        <row r="434">
          <cell r="A434" t="str">
            <v>G7090</v>
          </cell>
          <cell r="B434" t="str">
            <v>2013 Project</v>
          </cell>
          <cell r="C434"/>
          <cell r="D434" t="str">
            <v>V461 - TODHUNTER</v>
          </cell>
        </row>
        <row r="435">
          <cell r="A435" t="str">
            <v>G7421</v>
          </cell>
          <cell r="B435" t="str">
            <v>2013 Project</v>
          </cell>
          <cell r="C435"/>
          <cell r="D435" t="str">
            <v>V492 - HAMLET</v>
          </cell>
        </row>
        <row r="436">
          <cell r="A436" t="str">
            <v>G7432</v>
          </cell>
          <cell r="B436" t="str">
            <v>2013 Project</v>
          </cell>
          <cell r="C436"/>
          <cell r="D436" t="str">
            <v>V492 - HAMLET</v>
          </cell>
        </row>
        <row r="437">
          <cell r="A437" t="str">
            <v>G8043</v>
          </cell>
          <cell r="B437" t="str">
            <v>2013 Project</v>
          </cell>
          <cell r="C437"/>
          <cell r="D437" t="str">
            <v>V38H - HARTWELL</v>
          </cell>
        </row>
        <row r="438">
          <cell r="A438" t="str">
            <v>G8485</v>
          </cell>
          <cell r="B438" t="str">
            <v>2013 Project</v>
          </cell>
          <cell r="C438"/>
          <cell r="D438" t="str">
            <v>V492 - HAMLET</v>
          </cell>
        </row>
        <row r="439">
          <cell r="A439" t="str">
            <v>G9181</v>
          </cell>
          <cell r="B439" t="str">
            <v>2013 Project</v>
          </cell>
          <cell r="C439"/>
          <cell r="D439" t="str">
            <v>V492 - HAMLET</v>
          </cell>
        </row>
        <row r="440">
          <cell r="A440" t="str">
            <v>G9249</v>
          </cell>
          <cell r="B440" t="str">
            <v>2013 Project</v>
          </cell>
          <cell r="C440"/>
          <cell r="D440" t="str">
            <v>V493 - LITTLE MIAMI</v>
          </cell>
        </row>
        <row r="441">
          <cell r="A441" t="str">
            <v>G9302</v>
          </cell>
          <cell r="B441" t="str">
            <v>2013 Project</v>
          </cell>
          <cell r="C441"/>
          <cell r="D441" t="str">
            <v>V40C - QUEENSGATE</v>
          </cell>
        </row>
        <row r="442">
          <cell r="A442" t="str">
            <v>G9395</v>
          </cell>
          <cell r="B442" t="str">
            <v>2013 Project</v>
          </cell>
          <cell r="C442"/>
          <cell r="D442" t="str">
            <v>V462 - FAIRFIELD</v>
          </cell>
        </row>
        <row r="443">
          <cell r="A443" t="str">
            <v>G9475</v>
          </cell>
          <cell r="B443" t="str">
            <v>2013 Project</v>
          </cell>
          <cell r="C443"/>
          <cell r="D443" t="str">
            <v>V462 - FAIRFIELD</v>
          </cell>
        </row>
        <row r="444">
          <cell r="A444" t="str">
            <v>H0133</v>
          </cell>
          <cell r="B444" t="str">
            <v>2013 Project</v>
          </cell>
          <cell r="C444"/>
          <cell r="D444" t="str">
            <v>V502 - BRECON</v>
          </cell>
        </row>
        <row r="445">
          <cell r="A445" t="str">
            <v>H0134</v>
          </cell>
          <cell r="B445" t="str">
            <v>2013 Project</v>
          </cell>
          <cell r="C445"/>
          <cell r="D445" t="str">
            <v>V462 - FAIRFIELD</v>
          </cell>
        </row>
        <row r="446">
          <cell r="A446" t="str">
            <v>H0188</v>
          </cell>
          <cell r="B446" t="str">
            <v>2013 Project</v>
          </cell>
          <cell r="C446"/>
          <cell r="D446" t="str">
            <v>V40C - QUEENSGATE</v>
          </cell>
        </row>
        <row r="447">
          <cell r="A447" t="str">
            <v>H0441</v>
          </cell>
          <cell r="B447" t="str">
            <v>2013 Project</v>
          </cell>
          <cell r="C447"/>
          <cell r="D447" t="str">
            <v>V38H - HARTWELL</v>
          </cell>
        </row>
        <row r="448">
          <cell r="A448" t="str">
            <v>H0786</v>
          </cell>
          <cell r="B448" t="str">
            <v>2013 Project</v>
          </cell>
          <cell r="C448" t="str">
            <v>As Builts Required</v>
          </cell>
          <cell r="D448" t="str">
            <v>VNWS - Dana</v>
          </cell>
        </row>
        <row r="449">
          <cell r="A449" t="str">
            <v>H0818</v>
          </cell>
          <cell r="B449" t="str">
            <v>2013 Project</v>
          </cell>
          <cell r="C449"/>
          <cell r="D449" t="str">
            <v>V40C - QUEENSGATE</v>
          </cell>
        </row>
        <row r="450">
          <cell r="A450" t="str">
            <v>H0897</v>
          </cell>
          <cell r="B450" t="str">
            <v>2013 Project</v>
          </cell>
          <cell r="C450"/>
          <cell r="D450" t="str">
            <v>V40C - QUEENSGATE</v>
          </cell>
        </row>
        <row r="451">
          <cell r="A451" t="str">
            <v>SGSHT32</v>
          </cell>
          <cell r="B451" t="str">
            <v>2013 Project</v>
          </cell>
          <cell r="C451"/>
          <cell r="D451" t="str">
            <v>VODO - PDMW OTHER DEPT OHIO</v>
          </cell>
        </row>
        <row r="452">
          <cell r="A452" t="str">
            <v>G8106</v>
          </cell>
          <cell r="B452" t="str">
            <v>2013 Project</v>
          </cell>
          <cell r="C452"/>
          <cell r="D452" t="str">
            <v>V622 - TERRE HAUTE</v>
          </cell>
        </row>
        <row r="453">
          <cell r="A453" t="str">
            <v>G8128</v>
          </cell>
          <cell r="B453" t="str">
            <v>2013 Project</v>
          </cell>
          <cell r="C453"/>
          <cell r="D453" t="str">
            <v>V622 - TERRE HAUTE</v>
          </cell>
        </row>
        <row r="454">
          <cell r="A454" t="str">
            <v>G8169</v>
          </cell>
          <cell r="B454" t="str">
            <v>2013 Project</v>
          </cell>
          <cell r="C454"/>
          <cell r="D454" t="str">
            <v>V622 - TERRE HAUTE</v>
          </cell>
        </row>
        <row r="455">
          <cell r="A455" t="str">
            <v>G8183</v>
          </cell>
          <cell r="B455" t="str">
            <v>2013 Project</v>
          </cell>
          <cell r="C455"/>
          <cell r="D455" t="str">
            <v>V622 - TERRE HAUTE</v>
          </cell>
        </row>
        <row r="456">
          <cell r="A456" t="str">
            <v>G8346</v>
          </cell>
          <cell r="B456" t="str">
            <v>2013 Project</v>
          </cell>
          <cell r="C456"/>
          <cell r="D456" t="str">
            <v>V622 - TERRE HAUTE</v>
          </cell>
        </row>
        <row r="457">
          <cell r="A457" t="str">
            <v>G8586</v>
          </cell>
          <cell r="B457" t="str">
            <v>2013 Project</v>
          </cell>
          <cell r="C457"/>
          <cell r="D457" t="str">
            <v>V542 - NOBLESVILLE</v>
          </cell>
        </row>
        <row r="458">
          <cell r="A458" t="str">
            <v>G8599</v>
          </cell>
          <cell r="B458" t="str">
            <v>2013 Project</v>
          </cell>
          <cell r="C458"/>
          <cell r="D458" t="str">
            <v>V902 - CORYDON</v>
          </cell>
        </row>
        <row r="459">
          <cell r="A459" t="str">
            <v>G9503</v>
          </cell>
          <cell r="B459" t="str">
            <v>2013 Project</v>
          </cell>
          <cell r="C459"/>
          <cell r="D459" t="str">
            <v>V622 - TERRE HAUTE</v>
          </cell>
        </row>
        <row r="460">
          <cell r="A460" t="str">
            <v>G9578</v>
          </cell>
          <cell r="B460" t="str">
            <v>2013 Project</v>
          </cell>
          <cell r="C460"/>
          <cell r="D460" t="str">
            <v>V902 - CORYDON</v>
          </cell>
        </row>
        <row r="461">
          <cell r="A461" t="str">
            <v>G9598</v>
          </cell>
          <cell r="B461" t="str">
            <v>2013 Project</v>
          </cell>
          <cell r="C461"/>
          <cell r="D461" t="str">
            <v>V752 - BEDFORD</v>
          </cell>
        </row>
        <row r="462">
          <cell r="A462" t="str">
            <v>G9600</v>
          </cell>
          <cell r="B462" t="str">
            <v>2013 Project</v>
          </cell>
          <cell r="C462"/>
          <cell r="D462" t="str">
            <v>V652 - BRAZIL</v>
          </cell>
        </row>
        <row r="463">
          <cell r="A463" t="str">
            <v>G9626</v>
          </cell>
          <cell r="B463" t="str">
            <v>2013 Project</v>
          </cell>
          <cell r="C463"/>
          <cell r="D463" t="str">
            <v>V542 - NOBLESVILLE</v>
          </cell>
        </row>
        <row r="464">
          <cell r="A464" t="str">
            <v>G9741</v>
          </cell>
          <cell r="B464" t="str">
            <v>2013 Project</v>
          </cell>
          <cell r="C464"/>
          <cell r="D464" t="str">
            <v>V752 - BEDFORD</v>
          </cell>
        </row>
        <row r="465">
          <cell r="A465" t="str">
            <v>G9749</v>
          </cell>
          <cell r="B465" t="str">
            <v>2013 Project</v>
          </cell>
          <cell r="C465"/>
          <cell r="D465" t="str">
            <v>V542 - NOBLESVILLE</v>
          </cell>
        </row>
        <row r="466">
          <cell r="A466" t="str">
            <v>G9765</v>
          </cell>
          <cell r="B466" t="str">
            <v>2013 Project</v>
          </cell>
          <cell r="C466"/>
          <cell r="D466" t="str">
            <v>V752 - BEDFORD</v>
          </cell>
        </row>
        <row r="467">
          <cell r="A467" t="str">
            <v>G9801</v>
          </cell>
          <cell r="B467" t="str">
            <v>2013 Project</v>
          </cell>
          <cell r="C467"/>
          <cell r="D467" t="str">
            <v>V422 - KOKOMO</v>
          </cell>
        </row>
        <row r="468">
          <cell r="A468" t="str">
            <v>G9847</v>
          </cell>
          <cell r="B468" t="str">
            <v>2013 Project</v>
          </cell>
          <cell r="C468"/>
          <cell r="D468" t="str">
            <v>V882 - CLARKSVILLE</v>
          </cell>
        </row>
        <row r="469">
          <cell r="A469" t="str">
            <v>H0058</v>
          </cell>
          <cell r="B469" t="str">
            <v>2013 Project</v>
          </cell>
          <cell r="C469"/>
          <cell r="D469" t="str">
            <v>V482 - LAFAYETTE</v>
          </cell>
        </row>
        <row r="470">
          <cell r="A470" t="str">
            <v>H0137</v>
          </cell>
          <cell r="B470" t="str">
            <v>2013 Project</v>
          </cell>
          <cell r="C470"/>
          <cell r="D470" t="str">
            <v>V752 - BEDFORD</v>
          </cell>
        </row>
        <row r="471">
          <cell r="A471" t="str">
            <v>H0230</v>
          </cell>
          <cell r="B471" t="str">
            <v>2013 Project</v>
          </cell>
          <cell r="C471"/>
          <cell r="D471" t="str">
            <v>V882 - CLARKSVILLE</v>
          </cell>
        </row>
        <row r="472">
          <cell r="A472" t="str">
            <v>H0523</v>
          </cell>
          <cell r="B472" t="str">
            <v>2013 Project</v>
          </cell>
          <cell r="C472"/>
          <cell r="D472" t="str">
            <v>V542 - NOBLESVILLE</v>
          </cell>
        </row>
        <row r="473">
          <cell r="A473" t="str">
            <v>H0529</v>
          </cell>
          <cell r="B473" t="str">
            <v>2013 Project</v>
          </cell>
          <cell r="C473" t="str">
            <v>As Builts Required</v>
          </cell>
          <cell r="D473" t="str">
            <v>V572 - AVON</v>
          </cell>
        </row>
        <row r="474">
          <cell r="A474" t="str">
            <v>H0547</v>
          </cell>
          <cell r="B474" t="str">
            <v>2013 Project</v>
          </cell>
          <cell r="C474"/>
          <cell r="D474" t="str">
            <v>V942 - COLUMBUS</v>
          </cell>
        </row>
        <row r="475">
          <cell r="A475" t="str">
            <v>H0935</v>
          </cell>
          <cell r="B475" t="str">
            <v>2013 Project</v>
          </cell>
          <cell r="C475"/>
          <cell r="D475" t="str">
            <v>V572 - PLAINFIELD/DANVILLE</v>
          </cell>
        </row>
        <row r="476">
          <cell r="A476" t="str">
            <v>G3098</v>
          </cell>
          <cell r="B476" t="str">
            <v>2013 Project</v>
          </cell>
          <cell r="C476"/>
          <cell r="D476" t="str">
            <v>V493 - LITTLE MIAMI</v>
          </cell>
        </row>
        <row r="477">
          <cell r="A477" t="str">
            <v>G5340</v>
          </cell>
          <cell r="B477" t="str">
            <v>2013 Project</v>
          </cell>
          <cell r="C477"/>
          <cell r="D477" t="str">
            <v>V492 - HAMLET</v>
          </cell>
        </row>
        <row r="478">
          <cell r="A478" t="str">
            <v>G5697</v>
          </cell>
          <cell r="B478" t="str">
            <v>2013 Project</v>
          </cell>
          <cell r="C478"/>
          <cell r="D478" t="str">
            <v>V492 - HAMLET</v>
          </cell>
        </row>
        <row r="479">
          <cell r="A479" t="str">
            <v>G5805</v>
          </cell>
          <cell r="B479" t="str">
            <v>2013 Project</v>
          </cell>
          <cell r="C479"/>
          <cell r="D479" t="str">
            <v>VNWS - DOWNTOWN NETWORK</v>
          </cell>
        </row>
        <row r="480">
          <cell r="A480" t="str">
            <v>G5921</v>
          </cell>
          <cell r="B480" t="str">
            <v>2013 Project</v>
          </cell>
          <cell r="C480"/>
          <cell r="D480" t="str">
            <v>VNWS - DOWNTOWN NETWORK</v>
          </cell>
        </row>
        <row r="481">
          <cell r="A481" t="str">
            <v>G5923</v>
          </cell>
          <cell r="B481" t="str">
            <v>2013 Project</v>
          </cell>
          <cell r="C481" t="str">
            <v>As Builts Required</v>
          </cell>
          <cell r="D481" t="str">
            <v>VNWS - DOWNTOWN NETWORK</v>
          </cell>
        </row>
        <row r="482">
          <cell r="A482" t="str">
            <v>G6616</v>
          </cell>
          <cell r="B482" t="str">
            <v>2013 Project</v>
          </cell>
          <cell r="C482"/>
          <cell r="D482" t="str">
            <v>VNWS - DOWNTOWN NETWORK</v>
          </cell>
        </row>
        <row r="483">
          <cell r="A483" t="str">
            <v>G9053</v>
          </cell>
          <cell r="B483" t="str">
            <v>2013 Project</v>
          </cell>
          <cell r="C483"/>
          <cell r="D483" t="str">
            <v>V502 - BRECON</v>
          </cell>
        </row>
        <row r="484">
          <cell r="A484" t="str">
            <v>G9375</v>
          </cell>
          <cell r="B484" t="str">
            <v>2013 Project</v>
          </cell>
          <cell r="C484" t="str">
            <v>As Builts Required</v>
          </cell>
          <cell r="D484" t="str">
            <v>V40C - QUEENSGATE</v>
          </cell>
        </row>
        <row r="485">
          <cell r="A485" t="str">
            <v>G9387</v>
          </cell>
          <cell r="B485" t="str">
            <v>2013 Project</v>
          </cell>
          <cell r="C485" t="str">
            <v>As Builts Required</v>
          </cell>
          <cell r="D485" t="str">
            <v>VNWS - DOWNTOWN NETWORK</v>
          </cell>
        </row>
        <row r="486">
          <cell r="A486" t="str">
            <v>G9457</v>
          </cell>
          <cell r="B486" t="str">
            <v>2013 Project</v>
          </cell>
          <cell r="C486"/>
          <cell r="D486" t="str">
            <v>V492 - HAMLET</v>
          </cell>
        </row>
        <row r="487">
          <cell r="A487" t="str">
            <v>G9458</v>
          </cell>
          <cell r="B487" t="str">
            <v>2013 Project</v>
          </cell>
          <cell r="C487"/>
          <cell r="D487" t="str">
            <v>V492 - HAMLET</v>
          </cell>
        </row>
        <row r="488">
          <cell r="A488" t="str">
            <v>G9903</v>
          </cell>
          <cell r="B488" t="str">
            <v>2013 Project</v>
          </cell>
          <cell r="C488"/>
          <cell r="D488" t="str">
            <v>V461 - TODHUNTER</v>
          </cell>
        </row>
        <row r="489">
          <cell r="A489" t="str">
            <v>G9977</v>
          </cell>
          <cell r="B489" t="str">
            <v>2013 Project</v>
          </cell>
          <cell r="C489"/>
          <cell r="D489" t="str">
            <v>V462 - FAIRFIELD</v>
          </cell>
        </row>
        <row r="490">
          <cell r="A490" t="str">
            <v>H0010</v>
          </cell>
          <cell r="B490" t="str">
            <v>2013 Project</v>
          </cell>
          <cell r="C490" t="str">
            <v>As Builts Required</v>
          </cell>
          <cell r="D490" t="str">
            <v>VNWS - DOWNTOWN NETWORK</v>
          </cell>
        </row>
        <row r="491">
          <cell r="A491" t="str">
            <v>H0055</v>
          </cell>
          <cell r="B491" t="str">
            <v>2013 Project</v>
          </cell>
          <cell r="C491"/>
          <cell r="D491" t="str">
            <v>V502 - BRECON</v>
          </cell>
        </row>
        <row r="492">
          <cell r="A492" t="str">
            <v>H0060</v>
          </cell>
          <cell r="B492" t="str">
            <v>2013 Project</v>
          </cell>
          <cell r="C492"/>
          <cell r="D492" t="str">
            <v>V40C - QUEENSGATE</v>
          </cell>
        </row>
        <row r="493">
          <cell r="A493" t="str">
            <v>H0080</v>
          </cell>
          <cell r="B493" t="str">
            <v>2013 Project</v>
          </cell>
          <cell r="C493" t="str">
            <v>As Builts Required</v>
          </cell>
          <cell r="D493" t="str">
            <v>VNWS - Dana</v>
          </cell>
        </row>
        <row r="494">
          <cell r="A494" t="str">
            <v>H0170</v>
          </cell>
          <cell r="B494" t="str">
            <v>2013 Project</v>
          </cell>
          <cell r="C494"/>
          <cell r="D494" t="str">
            <v>V461 - TODHUNTER</v>
          </cell>
        </row>
        <row r="495">
          <cell r="A495" t="str">
            <v>H0860</v>
          </cell>
          <cell r="B495" t="str">
            <v>2013 Project</v>
          </cell>
          <cell r="C495" t="str">
            <v>As Builts Required</v>
          </cell>
          <cell r="D495" t="str">
            <v>VNWS - DOWNTOWN NETWORK</v>
          </cell>
        </row>
        <row r="496">
          <cell r="A496" t="str">
            <v>H1004</v>
          </cell>
          <cell r="B496" t="str">
            <v>2013 Project</v>
          </cell>
          <cell r="C496" t="str">
            <v>As Builts Required</v>
          </cell>
          <cell r="D496" t="str">
            <v>VNWS - DOWNTOWN NETWORK</v>
          </cell>
        </row>
        <row r="497">
          <cell r="A497" t="str">
            <v>E7404</v>
          </cell>
          <cell r="B497" t="str">
            <v>2013 Project</v>
          </cell>
          <cell r="C497"/>
          <cell r="D497" t="str">
            <v>VDIN - MW DISTRIB DESIGN IND</v>
          </cell>
        </row>
        <row r="498">
          <cell r="A498" t="str">
            <v>G6761</v>
          </cell>
          <cell r="B498" t="str">
            <v>2013 Project</v>
          </cell>
          <cell r="C498"/>
          <cell r="D498" t="str">
            <v>V572 - AVON</v>
          </cell>
        </row>
        <row r="499">
          <cell r="A499" t="str">
            <v>G8175</v>
          </cell>
          <cell r="B499" t="str">
            <v>2013 Project</v>
          </cell>
          <cell r="C499"/>
          <cell r="D499" t="str">
            <v>V822 - GREENSBURG</v>
          </cell>
        </row>
        <row r="500">
          <cell r="A500" t="str">
            <v>G8260</v>
          </cell>
          <cell r="B500" t="str">
            <v>2013 Project</v>
          </cell>
          <cell r="C500"/>
          <cell r="D500" t="str">
            <v>V822 - GREENSBURG</v>
          </cell>
        </row>
        <row r="501">
          <cell r="A501" t="str">
            <v>G8395</v>
          </cell>
          <cell r="B501" t="str">
            <v>2013 Project</v>
          </cell>
          <cell r="C501"/>
          <cell r="D501" t="str">
            <v>V422 - KOKOMO</v>
          </cell>
        </row>
        <row r="502">
          <cell r="A502" t="str">
            <v>G8456</v>
          </cell>
          <cell r="B502" t="str">
            <v>2013 Project</v>
          </cell>
          <cell r="C502"/>
          <cell r="D502" t="str">
            <v>V542 - NOBLESVILLE</v>
          </cell>
        </row>
        <row r="503">
          <cell r="A503" t="str">
            <v>G8643</v>
          </cell>
          <cell r="B503" t="str">
            <v>2013 Project</v>
          </cell>
          <cell r="C503"/>
          <cell r="D503" t="str">
            <v>V452 - ROCHESTER</v>
          </cell>
        </row>
        <row r="504">
          <cell r="A504" t="str">
            <v>G9027</v>
          </cell>
          <cell r="B504" t="str">
            <v>2013 Project</v>
          </cell>
          <cell r="C504"/>
          <cell r="D504" t="str">
            <v>V892 - MADISON</v>
          </cell>
        </row>
        <row r="505">
          <cell r="A505" t="str">
            <v>G9604</v>
          </cell>
          <cell r="B505" t="str">
            <v>2013 Project</v>
          </cell>
          <cell r="C505"/>
          <cell r="D505" t="str">
            <v>V952 - FRANKLIN</v>
          </cell>
        </row>
        <row r="506">
          <cell r="A506" t="str">
            <v>H0025</v>
          </cell>
          <cell r="B506" t="str">
            <v>2013 Project</v>
          </cell>
          <cell r="C506"/>
          <cell r="D506" t="str">
            <v>V892 - MADISON</v>
          </cell>
        </row>
        <row r="507">
          <cell r="A507" t="str">
            <v>H0196</v>
          </cell>
          <cell r="B507" t="str">
            <v>2013 Project</v>
          </cell>
          <cell r="C507"/>
          <cell r="D507" t="str">
            <v>V902 - CORYDON</v>
          </cell>
        </row>
        <row r="508">
          <cell r="A508" t="str">
            <v>H0288</v>
          </cell>
          <cell r="B508" t="str">
            <v>2013 Project</v>
          </cell>
          <cell r="C508"/>
          <cell r="D508" t="str">
            <v>V432 - WABASH</v>
          </cell>
        </row>
        <row r="509">
          <cell r="A509" t="str">
            <v>H0506</v>
          </cell>
          <cell r="B509" t="str">
            <v>2013 Project</v>
          </cell>
          <cell r="C509"/>
          <cell r="D509" t="str">
            <v>V902 - CORYDON</v>
          </cell>
        </row>
        <row r="510">
          <cell r="A510" t="str">
            <v>H0916</v>
          </cell>
          <cell r="B510" t="str">
            <v>2013 Project</v>
          </cell>
          <cell r="C510"/>
          <cell r="D510" t="str">
            <v>V542 - NOBLESVILLE</v>
          </cell>
        </row>
        <row r="511">
          <cell r="A511" t="str">
            <v>STINT1113</v>
          </cell>
          <cell r="B511" t="str">
            <v>2013 Project</v>
          </cell>
          <cell r="C511"/>
          <cell r="D511" t="str">
            <v>VODI - PDMW OTHER DEPT IND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PITAL Funding Project Request"/>
      <sheetName val="CAPITAL Detail Project SUBMAINT"/>
      <sheetName val="CAPITAL Detail Project Request"/>
      <sheetName val="NON-CAPITAL Detail Project Req."/>
      <sheetName val="Data for DropDowns"/>
      <sheetName val="Lookup"/>
      <sheetName val="CAPITAL_Funding_Project_Request"/>
      <sheetName val="CAPITAL_Detail_Project_SUBMAINT"/>
      <sheetName val="CAPITAL_Detail_Project_Request"/>
      <sheetName val="NON-CAPITAL_Detail_Project_Req_"/>
      <sheetName val="Data_for_DropDowns"/>
      <sheetName val="CAPITAL_Funding_Project_Reques1"/>
      <sheetName val="CAPITAL_Detail_Project_SUBMAIN1"/>
      <sheetName val="CAPITAL_Detail_Project_Request1"/>
      <sheetName val="NON-CAPITAL_Detail_Project_Req1"/>
      <sheetName val="Data_for_DropDowns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5">
          <cell r="B5" t="str">
            <v>Pick one…</v>
          </cell>
        </row>
        <row r="6">
          <cell r="B6" t="str">
            <v>VODI:RB:75115:Pwr Delivery Indiana Unspecified</v>
          </cell>
        </row>
        <row r="7">
          <cell r="B7" t="str">
            <v>VODK:RB:75084:Pwr Delivery Kentucky Unspecified</v>
          </cell>
        </row>
        <row r="8">
          <cell r="B8" t="str">
            <v>VODO:RB:75023:Pwr Delivery Ohio Unspecified</v>
          </cell>
        </row>
      </sheetData>
      <sheetData sheetId="5" refreshError="1"/>
      <sheetData sheetId="6"/>
      <sheetData sheetId="7"/>
      <sheetData sheetId="8"/>
      <sheetData sheetId="9"/>
      <sheetData sheetId="10">
        <row r="5">
          <cell r="B5" t="str">
            <v>Pick one…</v>
          </cell>
        </row>
      </sheetData>
      <sheetData sheetId="11"/>
      <sheetData sheetId="12"/>
      <sheetData sheetId="13"/>
      <sheetData sheetId="14"/>
      <sheetData sheetId="15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x Listing"/>
      <sheetName val="Midwest Tax Listing"/>
      <sheetName val="All 2.28 Projects Failing ARCs"/>
      <sheetName val="Common Issues"/>
      <sheetName val="V2 Tax Listing"/>
      <sheetName val="ARC Failures"/>
      <sheetName val="Projects Unitized"/>
      <sheetName val="referenc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1">
          <cell r="A1" t="str">
            <v>Project</v>
          </cell>
          <cell r="B1" t="str">
            <v>2013 Projects</v>
          </cell>
        </row>
        <row r="2">
          <cell r="A2" t="str">
            <v>G3099</v>
          </cell>
          <cell r="B2" t="str">
            <v>2013 Projects</v>
          </cell>
        </row>
        <row r="3">
          <cell r="A3" t="str">
            <v>G6450</v>
          </cell>
          <cell r="B3" t="str">
            <v>2013 Projects</v>
          </cell>
        </row>
        <row r="4">
          <cell r="A4" t="str">
            <v>G7172</v>
          </cell>
          <cell r="B4" t="str">
            <v>2013 Projects</v>
          </cell>
        </row>
        <row r="5">
          <cell r="A5" t="str">
            <v>G7174</v>
          </cell>
          <cell r="B5" t="str">
            <v>2013 Projects</v>
          </cell>
        </row>
        <row r="6">
          <cell r="A6" t="str">
            <v>G7410</v>
          </cell>
          <cell r="B6" t="str">
            <v>2013 Projects</v>
          </cell>
        </row>
        <row r="7">
          <cell r="A7" t="str">
            <v>G7423</v>
          </cell>
          <cell r="B7" t="str">
            <v>2013 Projects</v>
          </cell>
        </row>
        <row r="8">
          <cell r="A8" t="str">
            <v>G7718</v>
          </cell>
          <cell r="B8" t="str">
            <v>2013 Projects</v>
          </cell>
        </row>
        <row r="9">
          <cell r="A9" t="str">
            <v>G7881</v>
          </cell>
          <cell r="B9" t="str">
            <v>2013 Projects</v>
          </cell>
        </row>
        <row r="10">
          <cell r="A10" t="str">
            <v>G8198</v>
          </cell>
          <cell r="B10" t="str">
            <v>2013 Projects</v>
          </cell>
        </row>
        <row r="11">
          <cell r="A11" t="str">
            <v>G8470</v>
          </cell>
          <cell r="B11" t="str">
            <v>2013 Projects</v>
          </cell>
        </row>
        <row r="12">
          <cell r="A12" t="str">
            <v>G8471</v>
          </cell>
          <cell r="B12" t="str">
            <v>2013 Projects</v>
          </cell>
        </row>
        <row r="13">
          <cell r="A13" t="str">
            <v>SGSHT312</v>
          </cell>
          <cell r="B13" t="str">
            <v>2013 Projects</v>
          </cell>
        </row>
        <row r="14">
          <cell r="A14" t="str">
            <v>G1661</v>
          </cell>
          <cell r="B14" t="str">
            <v>2013 Projects</v>
          </cell>
        </row>
        <row r="15">
          <cell r="A15" t="str">
            <v>F4346</v>
          </cell>
          <cell r="B15" t="str">
            <v>2013 Projects</v>
          </cell>
        </row>
        <row r="16">
          <cell r="A16" t="str">
            <v>F9508</v>
          </cell>
          <cell r="B16" t="str">
            <v>2013 Projects</v>
          </cell>
        </row>
        <row r="17">
          <cell r="A17" t="str">
            <v>G6114</v>
          </cell>
          <cell r="B17" t="str">
            <v>2013 Projects</v>
          </cell>
        </row>
        <row r="18">
          <cell r="A18" t="str">
            <v>G6115</v>
          </cell>
          <cell r="B18" t="str">
            <v>2013 Projects</v>
          </cell>
        </row>
        <row r="19">
          <cell r="A19" t="str">
            <v>G6195</v>
          </cell>
          <cell r="B19" t="str">
            <v>2013 Projects</v>
          </cell>
        </row>
        <row r="20">
          <cell r="A20" t="str">
            <v>G6351</v>
          </cell>
          <cell r="B20" t="str">
            <v>2013 Projects</v>
          </cell>
        </row>
        <row r="21">
          <cell r="A21" t="str">
            <v>G6352</v>
          </cell>
          <cell r="B21" t="str">
            <v>2013 Projects</v>
          </cell>
        </row>
        <row r="22">
          <cell r="A22" t="str">
            <v>G6738</v>
          </cell>
          <cell r="B22" t="str">
            <v>2013 Projects</v>
          </cell>
        </row>
        <row r="23">
          <cell r="A23" t="str">
            <v>G7061</v>
          </cell>
          <cell r="B23" t="str">
            <v>2013 Projects</v>
          </cell>
        </row>
        <row r="24">
          <cell r="A24" t="str">
            <v>G8291</v>
          </cell>
          <cell r="B24" t="str">
            <v>2013 Projects</v>
          </cell>
        </row>
        <row r="25">
          <cell r="A25" t="str">
            <v>G8362</v>
          </cell>
          <cell r="B25" t="str">
            <v>2013 Projects</v>
          </cell>
        </row>
        <row r="26">
          <cell r="A26" t="str">
            <v>G8571</v>
          </cell>
          <cell r="B26" t="str">
            <v>2013 Projects</v>
          </cell>
        </row>
        <row r="27">
          <cell r="A27" t="str">
            <v>G8966</v>
          </cell>
          <cell r="B27" t="str">
            <v>2013 Projects</v>
          </cell>
        </row>
        <row r="28">
          <cell r="A28" t="str">
            <v>G4094</v>
          </cell>
          <cell r="B28" t="str">
            <v>2013 Projects</v>
          </cell>
        </row>
        <row r="29">
          <cell r="A29" t="str">
            <v>G5926</v>
          </cell>
          <cell r="B29" t="str">
            <v>2013 Projects</v>
          </cell>
        </row>
        <row r="30">
          <cell r="A30" t="str">
            <v>G6054</v>
          </cell>
          <cell r="B30" t="str">
            <v>2013 Projects</v>
          </cell>
        </row>
        <row r="31">
          <cell r="A31" t="str">
            <v>G6302</v>
          </cell>
          <cell r="B31" t="str">
            <v>2013 Projects</v>
          </cell>
        </row>
        <row r="32">
          <cell r="A32" t="str">
            <v>G6307</v>
          </cell>
          <cell r="B32" t="str">
            <v>2013 Projects</v>
          </cell>
        </row>
        <row r="33">
          <cell r="A33" t="str">
            <v>G6308</v>
          </cell>
          <cell r="B33" t="str">
            <v>2013 Projects</v>
          </cell>
        </row>
        <row r="34">
          <cell r="A34" t="str">
            <v>G6449</v>
          </cell>
          <cell r="B34" t="str">
            <v>2013 Projects</v>
          </cell>
        </row>
        <row r="35">
          <cell r="A35" t="str">
            <v>G7011</v>
          </cell>
          <cell r="B35" t="str">
            <v>2013 Projects</v>
          </cell>
        </row>
        <row r="36">
          <cell r="A36" t="str">
            <v>G7418</v>
          </cell>
          <cell r="B36" t="str">
            <v>2013 Projects</v>
          </cell>
        </row>
        <row r="37">
          <cell r="A37" t="str">
            <v>G7539</v>
          </cell>
          <cell r="B37" t="str">
            <v>2013 Projects</v>
          </cell>
        </row>
        <row r="38">
          <cell r="A38" t="str">
            <v>G7563</v>
          </cell>
          <cell r="B38" t="str">
            <v>2013 Projects</v>
          </cell>
        </row>
        <row r="39">
          <cell r="A39" t="str">
            <v>G8176</v>
          </cell>
          <cell r="B39" t="str">
            <v>2013 Projects</v>
          </cell>
        </row>
        <row r="40">
          <cell r="A40" t="str">
            <v>G8552</v>
          </cell>
          <cell r="B40" t="str">
            <v>2013 Projects</v>
          </cell>
        </row>
        <row r="41">
          <cell r="A41" t="str">
            <v>G2299</v>
          </cell>
          <cell r="B41" t="str">
            <v>2013 Projects</v>
          </cell>
        </row>
        <row r="42">
          <cell r="A42" t="str">
            <v>G4694</v>
          </cell>
          <cell r="B42" t="str">
            <v>2013 Projects</v>
          </cell>
        </row>
        <row r="43">
          <cell r="A43" t="str">
            <v>G6618</v>
          </cell>
          <cell r="B43" t="str">
            <v>2013 Projects</v>
          </cell>
        </row>
        <row r="44">
          <cell r="A44" t="str">
            <v>G6668</v>
          </cell>
          <cell r="B44" t="str">
            <v>2013 Projects</v>
          </cell>
        </row>
        <row r="45">
          <cell r="A45" t="str">
            <v>G6980</v>
          </cell>
          <cell r="B45" t="str">
            <v>2013 Projects</v>
          </cell>
        </row>
        <row r="46">
          <cell r="A46" t="str">
            <v>G7003</v>
          </cell>
          <cell r="B46" t="str">
            <v>2013 Projects</v>
          </cell>
        </row>
        <row r="47">
          <cell r="A47" t="str">
            <v>G7060</v>
          </cell>
          <cell r="B47" t="str">
            <v>2013 Projects</v>
          </cell>
        </row>
        <row r="48">
          <cell r="A48" t="str">
            <v>G7070</v>
          </cell>
          <cell r="B48" t="str">
            <v>2013 Projects</v>
          </cell>
        </row>
        <row r="49">
          <cell r="A49" t="str">
            <v>G7098</v>
          </cell>
          <cell r="B49" t="str">
            <v>2013 Projects</v>
          </cell>
        </row>
        <row r="50">
          <cell r="A50" t="str">
            <v>G7108</v>
          </cell>
          <cell r="B50" t="str">
            <v>2013 Projects</v>
          </cell>
        </row>
        <row r="51">
          <cell r="A51" t="str">
            <v>G7342</v>
          </cell>
          <cell r="B51" t="str">
            <v>2013 Projects</v>
          </cell>
        </row>
        <row r="52">
          <cell r="A52" t="str">
            <v>G7965</v>
          </cell>
          <cell r="B52" t="str">
            <v>2013 Projects</v>
          </cell>
        </row>
        <row r="53">
          <cell r="A53" t="str">
            <v>G8243</v>
          </cell>
          <cell r="B53" t="str">
            <v>2013 Projects</v>
          </cell>
        </row>
        <row r="54">
          <cell r="A54" t="str">
            <v>G8365</v>
          </cell>
          <cell r="B54" t="str">
            <v>2013 Projects</v>
          </cell>
        </row>
        <row r="55">
          <cell r="A55" t="str">
            <v>G8403</v>
          </cell>
          <cell r="B55" t="str">
            <v>2013 Projects</v>
          </cell>
        </row>
        <row r="56">
          <cell r="A56" t="str">
            <v>G8850</v>
          </cell>
          <cell r="B56" t="str">
            <v>2013 Projects</v>
          </cell>
        </row>
        <row r="57">
          <cell r="A57" t="str">
            <v>G9002</v>
          </cell>
          <cell r="B57" t="str">
            <v>2013 Projects</v>
          </cell>
        </row>
        <row r="58">
          <cell r="A58" t="str">
            <v>SIN1203DC</v>
          </cell>
          <cell r="B58" t="str">
            <v>2013 Projects</v>
          </cell>
        </row>
        <row r="59">
          <cell r="A59" t="str">
            <v>G1739</v>
          </cell>
          <cell r="B59" t="str">
            <v>2013 Projects</v>
          </cell>
        </row>
        <row r="60">
          <cell r="A60" t="str">
            <v>G5456</v>
          </cell>
          <cell r="B60" t="str">
            <v>2013 Projects</v>
          </cell>
        </row>
        <row r="61">
          <cell r="A61" t="str">
            <v>G5480</v>
          </cell>
          <cell r="B61" t="str">
            <v>2013 Projects</v>
          </cell>
        </row>
        <row r="62">
          <cell r="A62" t="str">
            <v>G5678</v>
          </cell>
          <cell r="B62" t="str">
            <v>2013 Projects</v>
          </cell>
        </row>
        <row r="63">
          <cell r="A63" t="str">
            <v>G8713</v>
          </cell>
          <cell r="B63" t="str">
            <v>2013 Projects</v>
          </cell>
        </row>
        <row r="64">
          <cell r="A64" t="str">
            <v>G3619</v>
          </cell>
          <cell r="B64" t="str">
            <v>2013 Projects</v>
          </cell>
        </row>
        <row r="65">
          <cell r="A65" t="str">
            <v>G4698</v>
          </cell>
          <cell r="B65" t="str">
            <v>2013 Projects</v>
          </cell>
        </row>
        <row r="66">
          <cell r="A66" t="str">
            <v>G6319</v>
          </cell>
          <cell r="B66" t="str">
            <v>2013 Projects</v>
          </cell>
        </row>
        <row r="67">
          <cell r="A67" t="str">
            <v>G6403</v>
          </cell>
          <cell r="B67" t="str">
            <v>2013 Projects</v>
          </cell>
        </row>
        <row r="68">
          <cell r="A68" t="str">
            <v>G6531</v>
          </cell>
          <cell r="B68" t="str">
            <v>2013 Projects</v>
          </cell>
        </row>
        <row r="69">
          <cell r="A69" t="str">
            <v>G6563</v>
          </cell>
          <cell r="B69" t="str">
            <v>2013 Projects</v>
          </cell>
        </row>
        <row r="70">
          <cell r="A70" t="str">
            <v>G6568</v>
          </cell>
          <cell r="B70" t="str">
            <v>2013 Projects</v>
          </cell>
        </row>
        <row r="71">
          <cell r="A71" t="str">
            <v>G6571</v>
          </cell>
          <cell r="B71" t="str">
            <v>2013 Projects</v>
          </cell>
        </row>
        <row r="72">
          <cell r="A72" t="str">
            <v>G6595</v>
          </cell>
          <cell r="B72" t="str">
            <v>2013 Projects</v>
          </cell>
        </row>
        <row r="73">
          <cell r="A73" t="str">
            <v>G6647</v>
          </cell>
          <cell r="B73" t="str">
            <v>2013 Projects</v>
          </cell>
        </row>
        <row r="74">
          <cell r="A74" t="str">
            <v>G6814</v>
          </cell>
          <cell r="B74" t="str">
            <v>2013 Projects</v>
          </cell>
        </row>
        <row r="75">
          <cell r="A75" t="str">
            <v>G6947</v>
          </cell>
          <cell r="B75" t="str">
            <v>2013 Projects</v>
          </cell>
        </row>
        <row r="76">
          <cell r="A76" t="str">
            <v>G6981</v>
          </cell>
          <cell r="B76" t="str">
            <v>2013 Projects</v>
          </cell>
        </row>
        <row r="77">
          <cell r="A77" t="str">
            <v>G7242</v>
          </cell>
          <cell r="B77" t="str">
            <v>2013 Projects</v>
          </cell>
        </row>
        <row r="78">
          <cell r="A78" t="str">
            <v>G7320</v>
          </cell>
          <cell r="B78" t="str">
            <v>2013 Projects</v>
          </cell>
        </row>
        <row r="79">
          <cell r="A79" t="str">
            <v>G7708</v>
          </cell>
          <cell r="B79" t="str">
            <v>2013 Projects</v>
          </cell>
        </row>
        <row r="80">
          <cell r="A80" t="str">
            <v>G8104</v>
          </cell>
          <cell r="B80" t="str">
            <v>2013 Projects</v>
          </cell>
        </row>
        <row r="81">
          <cell r="A81" t="str">
            <v>G8363</v>
          </cell>
          <cell r="B81" t="str">
            <v>2013 Projects</v>
          </cell>
        </row>
        <row r="82">
          <cell r="A82" t="str">
            <v>G8719</v>
          </cell>
          <cell r="B82" t="str">
            <v>2013 Projects</v>
          </cell>
        </row>
        <row r="83">
          <cell r="A83" t="str">
            <v>G8758</v>
          </cell>
          <cell r="B83" t="str">
            <v>2013 Projects</v>
          </cell>
        </row>
        <row r="84">
          <cell r="A84" t="str">
            <v>G8762</v>
          </cell>
          <cell r="B84" t="str">
            <v>2013 Projects</v>
          </cell>
        </row>
        <row r="85">
          <cell r="A85" t="str">
            <v>G8763</v>
          </cell>
          <cell r="B85" t="str">
            <v>2013 Projects</v>
          </cell>
        </row>
        <row r="86">
          <cell r="A86" t="str">
            <v>G9163</v>
          </cell>
          <cell r="B86" t="str">
            <v>2013 Projects</v>
          </cell>
        </row>
        <row r="87">
          <cell r="A87" t="str">
            <v>F9165</v>
          </cell>
          <cell r="B87" t="str">
            <v>2013 Projects</v>
          </cell>
        </row>
        <row r="88">
          <cell r="A88" t="str">
            <v>G1469</v>
          </cell>
          <cell r="B88" t="str">
            <v>2013 Projects</v>
          </cell>
        </row>
        <row r="89">
          <cell r="A89" t="str">
            <v>G2394</v>
          </cell>
          <cell r="B89" t="str">
            <v>2013 Projects</v>
          </cell>
        </row>
        <row r="90">
          <cell r="A90" t="str">
            <v>G2434</v>
          </cell>
          <cell r="B90" t="str">
            <v>2013 Projects</v>
          </cell>
        </row>
        <row r="91">
          <cell r="A91" t="str">
            <v>G2675</v>
          </cell>
          <cell r="B91" t="str">
            <v>2013 Projects</v>
          </cell>
        </row>
        <row r="92">
          <cell r="A92" t="str">
            <v>G2713</v>
          </cell>
          <cell r="B92" t="str">
            <v>2013 Projects</v>
          </cell>
        </row>
        <row r="93">
          <cell r="A93" t="str">
            <v>G2933</v>
          </cell>
          <cell r="B93" t="str">
            <v>2013 Projects</v>
          </cell>
        </row>
        <row r="94">
          <cell r="A94" t="str">
            <v>G3078</v>
          </cell>
          <cell r="B94" t="str">
            <v>2013 Projects</v>
          </cell>
        </row>
        <row r="95">
          <cell r="A95" t="str">
            <v>G3379</v>
          </cell>
          <cell r="B95" t="str">
            <v>2013 Projects</v>
          </cell>
        </row>
        <row r="96">
          <cell r="A96" t="str">
            <v>G3473</v>
          </cell>
          <cell r="B96" t="str">
            <v>2013 Projects</v>
          </cell>
        </row>
        <row r="97">
          <cell r="A97" t="str">
            <v>G3617</v>
          </cell>
          <cell r="B97" t="str">
            <v>2013 Projects</v>
          </cell>
        </row>
        <row r="98">
          <cell r="A98" t="str">
            <v>G3718</v>
          </cell>
          <cell r="B98" t="str">
            <v>2013 Projects</v>
          </cell>
        </row>
        <row r="99">
          <cell r="A99" t="str">
            <v>G4498</v>
          </cell>
          <cell r="B99" t="str">
            <v>2013 Projects</v>
          </cell>
        </row>
        <row r="100">
          <cell r="A100" t="str">
            <v>G4534</v>
          </cell>
          <cell r="B100" t="str">
            <v>2013 Projects</v>
          </cell>
        </row>
        <row r="101">
          <cell r="A101" t="str">
            <v>G4938</v>
          </cell>
          <cell r="B101" t="str">
            <v>2013 Projects</v>
          </cell>
        </row>
        <row r="102">
          <cell r="A102" t="str">
            <v>G5922</v>
          </cell>
          <cell r="B102" t="str">
            <v>2013 Projects</v>
          </cell>
        </row>
        <row r="103">
          <cell r="A103" t="str">
            <v>G5925</v>
          </cell>
          <cell r="B103" t="str">
            <v>2013 Projects</v>
          </cell>
        </row>
        <row r="104">
          <cell r="A104" t="str">
            <v>G6792</v>
          </cell>
          <cell r="B104" t="str">
            <v>2013 Projects</v>
          </cell>
        </row>
        <row r="105">
          <cell r="A105" t="str">
            <v>G6978</v>
          </cell>
          <cell r="B105" t="str">
            <v>2013 Projects</v>
          </cell>
        </row>
        <row r="106">
          <cell r="A106" t="str">
            <v>G7613</v>
          </cell>
          <cell r="B106" t="str">
            <v>2013 Projects</v>
          </cell>
        </row>
        <row r="107">
          <cell r="A107" t="str">
            <v>G8890</v>
          </cell>
          <cell r="B107" t="str">
            <v>2013 Projects</v>
          </cell>
        </row>
        <row r="108">
          <cell r="A108" t="str">
            <v>G8982</v>
          </cell>
          <cell r="B108" t="str">
            <v>2013 Projects</v>
          </cell>
        </row>
        <row r="109">
          <cell r="A109" t="str">
            <v>G9241</v>
          </cell>
          <cell r="B109" t="str">
            <v>2013 Projects</v>
          </cell>
        </row>
        <row r="110">
          <cell r="A110" t="str">
            <v>G9388</v>
          </cell>
          <cell r="B110" t="str">
            <v>2013 Projects</v>
          </cell>
        </row>
        <row r="111">
          <cell r="A111" t="str">
            <v>SGSHT28</v>
          </cell>
          <cell r="B111" t="str">
            <v>2013 Projects</v>
          </cell>
        </row>
        <row r="112">
          <cell r="A112" t="str">
            <v>SOH1203DC</v>
          </cell>
          <cell r="B112" t="str">
            <v>2013 Projects</v>
          </cell>
        </row>
        <row r="113">
          <cell r="A113" t="str">
            <v>G3647</v>
          </cell>
          <cell r="B113" t="str">
            <v>2013 Projects</v>
          </cell>
        </row>
        <row r="114">
          <cell r="A114" t="str">
            <v>G3736</v>
          </cell>
          <cell r="B114" t="str">
            <v>2013 Projects</v>
          </cell>
        </row>
        <row r="115">
          <cell r="A115" t="str">
            <v>G6716</v>
          </cell>
          <cell r="B115" t="str">
            <v>2013 Projects</v>
          </cell>
        </row>
        <row r="116">
          <cell r="A116" t="str">
            <v>G9056</v>
          </cell>
          <cell r="B116" t="str">
            <v>2013 Projects</v>
          </cell>
        </row>
        <row r="117">
          <cell r="A117" t="str">
            <v>G9171</v>
          </cell>
          <cell r="B117" t="str">
            <v>2013 Projects</v>
          </cell>
        </row>
        <row r="118">
          <cell r="A118" t="str">
            <v>F4092</v>
          </cell>
          <cell r="B118" t="str">
            <v>2013 Projects</v>
          </cell>
        </row>
        <row r="119">
          <cell r="A119" t="str">
            <v>F4524</v>
          </cell>
          <cell r="B119" t="str">
            <v>2013 Projects</v>
          </cell>
        </row>
        <row r="120">
          <cell r="A120" t="str">
            <v>F4525</v>
          </cell>
          <cell r="B120" t="str">
            <v>2013 Projects</v>
          </cell>
        </row>
        <row r="121">
          <cell r="A121" t="str">
            <v>F8324</v>
          </cell>
          <cell r="B121" t="str">
            <v>2013 Projects</v>
          </cell>
        </row>
        <row r="122">
          <cell r="A122" t="str">
            <v>F9664</v>
          </cell>
          <cell r="B122" t="str">
            <v>2013 Projects</v>
          </cell>
        </row>
        <row r="123">
          <cell r="A123" t="str">
            <v>F9784</v>
          </cell>
          <cell r="B123" t="str">
            <v>2013 Projects</v>
          </cell>
        </row>
        <row r="124">
          <cell r="A124" t="str">
            <v>G0504</v>
          </cell>
          <cell r="B124" t="str">
            <v>2013 Projects</v>
          </cell>
        </row>
        <row r="125">
          <cell r="A125" t="str">
            <v>G0507</v>
          </cell>
          <cell r="B125" t="str">
            <v>2013 Projects</v>
          </cell>
        </row>
        <row r="126">
          <cell r="A126" t="str">
            <v>G1688</v>
          </cell>
          <cell r="B126" t="str">
            <v>2013 Projects</v>
          </cell>
        </row>
        <row r="127">
          <cell r="A127" t="str">
            <v>G1689</v>
          </cell>
          <cell r="B127" t="str">
            <v>2013 Projects</v>
          </cell>
        </row>
        <row r="128">
          <cell r="A128" t="str">
            <v>G1735</v>
          </cell>
          <cell r="B128" t="str">
            <v>2013 Projects</v>
          </cell>
        </row>
        <row r="129">
          <cell r="A129" t="str">
            <v>G1833</v>
          </cell>
          <cell r="B129" t="str">
            <v>2013 Projects</v>
          </cell>
        </row>
        <row r="130">
          <cell r="A130" t="str">
            <v>G1834</v>
          </cell>
          <cell r="B130" t="str">
            <v>2013 Projects</v>
          </cell>
        </row>
        <row r="131">
          <cell r="A131" t="str">
            <v>G2093</v>
          </cell>
          <cell r="B131" t="str">
            <v>2013 Projects</v>
          </cell>
        </row>
        <row r="132">
          <cell r="A132" t="str">
            <v>G2343</v>
          </cell>
          <cell r="B132" t="str">
            <v>2013 Projects</v>
          </cell>
        </row>
        <row r="133">
          <cell r="A133" t="str">
            <v>G2344</v>
          </cell>
          <cell r="B133" t="str">
            <v>2013 Projects</v>
          </cell>
        </row>
        <row r="134">
          <cell r="A134" t="str">
            <v>G2376</v>
          </cell>
          <cell r="B134" t="str">
            <v>2013 Projects</v>
          </cell>
        </row>
        <row r="135">
          <cell r="A135" t="str">
            <v>G2435</v>
          </cell>
          <cell r="B135" t="str">
            <v>2013 Projects</v>
          </cell>
        </row>
        <row r="136">
          <cell r="A136" t="str">
            <v>G2835</v>
          </cell>
          <cell r="B136" t="str">
            <v>2013 Projects</v>
          </cell>
        </row>
        <row r="137">
          <cell r="A137" t="str">
            <v>G2897</v>
          </cell>
          <cell r="B137" t="str">
            <v>2013 Projects</v>
          </cell>
        </row>
        <row r="138">
          <cell r="A138" t="str">
            <v>G2898</v>
          </cell>
          <cell r="B138" t="str">
            <v>2013 Projects</v>
          </cell>
        </row>
        <row r="139">
          <cell r="A139" t="str">
            <v>G3046</v>
          </cell>
          <cell r="B139" t="str">
            <v>2013 Projects</v>
          </cell>
        </row>
        <row r="140">
          <cell r="A140" t="str">
            <v>G3049</v>
          </cell>
          <cell r="B140" t="str">
            <v>2013 Projects</v>
          </cell>
        </row>
        <row r="141">
          <cell r="A141" t="str">
            <v>G3195</v>
          </cell>
          <cell r="B141" t="str">
            <v>2013 Projects</v>
          </cell>
        </row>
        <row r="142">
          <cell r="A142" t="str">
            <v>G3534</v>
          </cell>
          <cell r="B142" t="str">
            <v>2013 Projects</v>
          </cell>
        </row>
        <row r="143">
          <cell r="A143" t="str">
            <v>G3538</v>
          </cell>
          <cell r="B143" t="str">
            <v>2013 Projects</v>
          </cell>
        </row>
        <row r="144">
          <cell r="A144" t="str">
            <v>G3709</v>
          </cell>
          <cell r="B144" t="str">
            <v>2013 Projects</v>
          </cell>
        </row>
        <row r="145">
          <cell r="A145" t="str">
            <v>G3814</v>
          </cell>
          <cell r="B145" t="str">
            <v>2013 Projects</v>
          </cell>
        </row>
        <row r="146">
          <cell r="A146" t="str">
            <v>G3902</v>
          </cell>
          <cell r="B146" t="str">
            <v>2013 Projects</v>
          </cell>
        </row>
        <row r="147">
          <cell r="A147" t="str">
            <v>G3973</v>
          </cell>
          <cell r="B147" t="str">
            <v>2013 Projects</v>
          </cell>
        </row>
        <row r="148">
          <cell r="A148" t="str">
            <v>G4143</v>
          </cell>
          <cell r="B148" t="str">
            <v>2013 Projects</v>
          </cell>
        </row>
        <row r="149">
          <cell r="A149" t="str">
            <v>G4237</v>
          </cell>
          <cell r="B149" t="str">
            <v>2013 Projects</v>
          </cell>
        </row>
        <row r="150">
          <cell r="A150" t="str">
            <v>G4253</v>
          </cell>
          <cell r="B150" t="str">
            <v>2013 Projects</v>
          </cell>
        </row>
        <row r="151">
          <cell r="A151" t="str">
            <v>G4359</v>
          </cell>
          <cell r="B151" t="str">
            <v>2013 Projects</v>
          </cell>
        </row>
        <row r="152">
          <cell r="A152" t="str">
            <v>G4442</v>
          </cell>
          <cell r="B152" t="str">
            <v>2013 Projects</v>
          </cell>
        </row>
        <row r="153">
          <cell r="A153" t="str">
            <v>G5087</v>
          </cell>
          <cell r="B153" t="str">
            <v>2013 Projects</v>
          </cell>
        </row>
        <row r="154">
          <cell r="A154" t="str">
            <v>G5401</v>
          </cell>
          <cell r="B154" t="str">
            <v>2013 Projects</v>
          </cell>
        </row>
        <row r="155">
          <cell r="A155" t="str">
            <v>G5485</v>
          </cell>
          <cell r="B155" t="str">
            <v>2013 Projects</v>
          </cell>
        </row>
        <row r="156">
          <cell r="A156" t="str">
            <v>G6235</v>
          </cell>
          <cell r="B156" t="str">
            <v>2013 Projects</v>
          </cell>
        </row>
        <row r="157">
          <cell r="A157" t="str">
            <v>G6312</v>
          </cell>
          <cell r="B157" t="str">
            <v>2013 Projects</v>
          </cell>
        </row>
        <row r="158">
          <cell r="A158" t="str">
            <v>G6434</v>
          </cell>
          <cell r="B158" t="str">
            <v>2013 Projects</v>
          </cell>
        </row>
        <row r="159">
          <cell r="A159" t="str">
            <v>G6458</v>
          </cell>
          <cell r="B159" t="str">
            <v>2013 Projects</v>
          </cell>
        </row>
        <row r="160">
          <cell r="A160" t="str">
            <v>G6503</v>
          </cell>
          <cell r="B160" t="str">
            <v>2013 Projects</v>
          </cell>
        </row>
        <row r="161">
          <cell r="A161" t="str">
            <v>G6516</v>
          </cell>
          <cell r="B161" t="str">
            <v>2013 Projects</v>
          </cell>
        </row>
        <row r="162">
          <cell r="A162" t="str">
            <v>G6519</v>
          </cell>
          <cell r="B162" t="str">
            <v>2013 Projects</v>
          </cell>
        </row>
        <row r="163">
          <cell r="A163" t="str">
            <v>G6525</v>
          </cell>
          <cell r="B163" t="str">
            <v>2013 Projects</v>
          </cell>
        </row>
        <row r="164">
          <cell r="A164" t="str">
            <v>G6532</v>
          </cell>
          <cell r="B164" t="str">
            <v>2013 Projects</v>
          </cell>
        </row>
        <row r="165">
          <cell r="A165" t="str">
            <v>G6535</v>
          </cell>
          <cell r="B165" t="str">
            <v>2013 Projects</v>
          </cell>
        </row>
        <row r="166">
          <cell r="A166" t="str">
            <v>G6537</v>
          </cell>
          <cell r="B166" t="str">
            <v>2013 Projects</v>
          </cell>
        </row>
        <row r="167">
          <cell r="A167" t="str">
            <v>G6570</v>
          </cell>
          <cell r="B167" t="str">
            <v>2013 Projects</v>
          </cell>
        </row>
        <row r="168">
          <cell r="A168" t="str">
            <v>G6579</v>
          </cell>
          <cell r="B168" t="str">
            <v>2013 Projects</v>
          </cell>
        </row>
        <row r="169">
          <cell r="A169" t="str">
            <v>G6583</v>
          </cell>
          <cell r="B169" t="str">
            <v>2013 Projects</v>
          </cell>
        </row>
        <row r="170">
          <cell r="A170" t="str">
            <v>G6632</v>
          </cell>
          <cell r="B170" t="str">
            <v>2013 Projects</v>
          </cell>
        </row>
        <row r="171">
          <cell r="A171" t="str">
            <v>G6633</v>
          </cell>
          <cell r="B171" t="str">
            <v>2013 Projects</v>
          </cell>
        </row>
        <row r="172">
          <cell r="A172" t="str">
            <v>G6651</v>
          </cell>
          <cell r="B172" t="str">
            <v>2013 Projects</v>
          </cell>
        </row>
        <row r="173">
          <cell r="A173" t="str">
            <v>G6707</v>
          </cell>
          <cell r="B173" t="str">
            <v>2013 Projects</v>
          </cell>
        </row>
        <row r="174">
          <cell r="A174" t="str">
            <v>G6735</v>
          </cell>
          <cell r="B174" t="str">
            <v>2013 Projects</v>
          </cell>
        </row>
        <row r="175">
          <cell r="A175" t="str">
            <v>G6740</v>
          </cell>
          <cell r="B175" t="str">
            <v>2013 Projects</v>
          </cell>
        </row>
        <row r="176">
          <cell r="A176" t="str">
            <v>G6872</v>
          </cell>
          <cell r="B176" t="str">
            <v>2013 Projects</v>
          </cell>
        </row>
        <row r="177">
          <cell r="A177" t="str">
            <v>G6873</v>
          </cell>
          <cell r="B177" t="str">
            <v>2013 Projects</v>
          </cell>
        </row>
        <row r="178">
          <cell r="A178" t="str">
            <v>G6874</v>
          </cell>
          <cell r="B178" t="str">
            <v>2013 Projects</v>
          </cell>
        </row>
        <row r="179">
          <cell r="A179" t="str">
            <v>G6956</v>
          </cell>
          <cell r="B179" t="str">
            <v>2013 Projects</v>
          </cell>
        </row>
        <row r="180">
          <cell r="A180" t="str">
            <v>G7038</v>
          </cell>
          <cell r="B180" t="str">
            <v>2013 Projects</v>
          </cell>
        </row>
        <row r="181">
          <cell r="A181" t="str">
            <v>G7041</v>
          </cell>
          <cell r="B181" t="str">
            <v>2013 Projects</v>
          </cell>
        </row>
        <row r="182">
          <cell r="A182" t="str">
            <v>G7250</v>
          </cell>
          <cell r="B182" t="str">
            <v>2013 Projects</v>
          </cell>
        </row>
        <row r="183">
          <cell r="A183" t="str">
            <v>G8275</v>
          </cell>
          <cell r="B183" t="str">
            <v>2013 Projects</v>
          </cell>
        </row>
        <row r="184">
          <cell r="A184" t="str">
            <v>G8406</v>
          </cell>
          <cell r="B184" t="str">
            <v>2013 Projects</v>
          </cell>
        </row>
        <row r="185">
          <cell r="A185" t="str">
            <v>G8478</v>
          </cell>
          <cell r="B185" t="str">
            <v>2013 Projects</v>
          </cell>
        </row>
        <row r="186">
          <cell r="A186" t="str">
            <v>G8590</v>
          </cell>
          <cell r="B186" t="str">
            <v>2013 Projects</v>
          </cell>
        </row>
        <row r="187">
          <cell r="A187" t="str">
            <v>G8591</v>
          </cell>
          <cell r="B187" t="str">
            <v>2013 Projects</v>
          </cell>
        </row>
        <row r="188">
          <cell r="A188" t="str">
            <v>G8707</v>
          </cell>
          <cell r="B188" t="str">
            <v>2013 Projects</v>
          </cell>
        </row>
        <row r="189">
          <cell r="A189" t="str">
            <v>G9034</v>
          </cell>
          <cell r="B189" t="str">
            <v>2013 Projects</v>
          </cell>
        </row>
        <row r="190">
          <cell r="A190" t="str">
            <v>G9077</v>
          </cell>
          <cell r="B190" t="str">
            <v>2013 Projects</v>
          </cell>
        </row>
        <row r="191">
          <cell r="A191" t="str">
            <v>G9216</v>
          </cell>
          <cell r="B191" t="str">
            <v>2013 Projects</v>
          </cell>
        </row>
        <row r="192">
          <cell r="A192" t="str">
            <v>G9482</v>
          </cell>
          <cell r="B192" t="str">
            <v>2013 Projects</v>
          </cell>
        </row>
        <row r="193">
          <cell r="A193" t="str">
            <v>SIN1203TC</v>
          </cell>
          <cell r="B193" t="str">
            <v>2013 Projects</v>
          </cell>
        </row>
        <row r="194">
          <cell r="A194" t="str">
            <v>G4936</v>
          </cell>
          <cell r="B194" t="str">
            <v>2013 Projects</v>
          </cell>
        </row>
        <row r="195">
          <cell r="A195" t="str">
            <v>G7204</v>
          </cell>
          <cell r="B195" t="str">
            <v>2013 Projects</v>
          </cell>
        </row>
        <row r="196">
          <cell r="A196" t="str">
            <v>G7422</v>
          </cell>
          <cell r="B196" t="str">
            <v>2013 Projects</v>
          </cell>
        </row>
        <row r="197">
          <cell r="A197" t="str">
            <v>G8181</v>
          </cell>
          <cell r="B197" t="str">
            <v>2013 Projects</v>
          </cell>
        </row>
        <row r="198">
          <cell r="A198" t="str">
            <v>G8192</v>
          </cell>
          <cell r="B198" t="str">
            <v>2013 Projects</v>
          </cell>
        </row>
        <row r="199">
          <cell r="A199" t="str">
            <v>G8582</v>
          </cell>
          <cell r="B199" t="str">
            <v>2013 Projects</v>
          </cell>
        </row>
        <row r="200">
          <cell r="A200" t="str">
            <v>G9023</v>
          </cell>
          <cell r="B200" t="str">
            <v>2013 Projects</v>
          </cell>
        </row>
        <row r="201">
          <cell r="A201" t="str">
            <v>G9307</v>
          </cell>
          <cell r="B201" t="str">
            <v>2013 Projects</v>
          </cell>
        </row>
        <row r="202">
          <cell r="A202" t="str">
            <v>SGSHT29</v>
          </cell>
          <cell r="B202" t="str">
            <v>2013 Projects</v>
          </cell>
        </row>
        <row r="203">
          <cell r="A203" t="str">
            <v>SGSHT30</v>
          </cell>
          <cell r="B203" t="str">
            <v>2013 Projects</v>
          </cell>
        </row>
        <row r="204">
          <cell r="A204" t="str">
            <v>G8553</v>
          </cell>
          <cell r="B204" t="str">
            <v>2013 Projects</v>
          </cell>
        </row>
        <row r="205">
          <cell r="A205" t="str">
            <v>STKYT34</v>
          </cell>
          <cell r="B205" t="str">
            <v>2013 Projects</v>
          </cell>
        </row>
        <row r="206">
          <cell r="A206" t="str">
            <v>E4612</v>
          </cell>
          <cell r="B206" t="str">
            <v>2013 Projects</v>
          </cell>
        </row>
        <row r="207">
          <cell r="A207" t="str">
            <v>G5053</v>
          </cell>
          <cell r="B207" t="str">
            <v>2013 Projects</v>
          </cell>
        </row>
        <row r="208">
          <cell r="A208" t="str">
            <v>G6697</v>
          </cell>
          <cell r="B208" t="str">
            <v>2013 Projects</v>
          </cell>
        </row>
        <row r="209">
          <cell r="A209" t="str">
            <v>G7373</v>
          </cell>
          <cell r="B209" t="str">
            <v>2013 Projects</v>
          </cell>
        </row>
        <row r="210">
          <cell r="A210" t="str">
            <v>G8222</v>
          </cell>
          <cell r="B210" t="str">
            <v>2013 Projects</v>
          </cell>
        </row>
        <row r="211">
          <cell r="A211" t="str">
            <v>G8264</v>
          </cell>
          <cell r="B211" t="str">
            <v>2013 Projects</v>
          </cell>
        </row>
        <row r="212">
          <cell r="A212" t="str">
            <v>G8305</v>
          </cell>
          <cell r="B212" t="str">
            <v>2013 Projects</v>
          </cell>
        </row>
        <row r="213">
          <cell r="A213" t="str">
            <v>G8342</v>
          </cell>
          <cell r="B213" t="str">
            <v>2013 Projects</v>
          </cell>
        </row>
        <row r="214">
          <cell r="A214" t="str">
            <v>G8367</v>
          </cell>
          <cell r="B214" t="str">
            <v>2013 Projects</v>
          </cell>
        </row>
        <row r="215">
          <cell r="A215" t="str">
            <v>G8832</v>
          </cell>
          <cell r="B215" t="str">
            <v>2013 Projects</v>
          </cell>
        </row>
        <row r="216">
          <cell r="A216" t="str">
            <v>G9031</v>
          </cell>
          <cell r="B216" t="str">
            <v>2013 Projects</v>
          </cell>
        </row>
        <row r="217">
          <cell r="A217" t="str">
            <v>G9079</v>
          </cell>
          <cell r="B217" t="str">
            <v>2013 Projects</v>
          </cell>
        </row>
        <row r="218">
          <cell r="A218" t="str">
            <v>G9252</v>
          </cell>
          <cell r="B218" t="str">
            <v>2013 Projects</v>
          </cell>
        </row>
        <row r="219">
          <cell r="A219" t="str">
            <v>G9634</v>
          </cell>
          <cell r="B219" t="str">
            <v>2013 Projects</v>
          </cell>
        </row>
        <row r="220">
          <cell r="A220" t="str">
            <v>G9668</v>
          </cell>
          <cell r="B220" t="str">
            <v>2013 Projects</v>
          </cell>
        </row>
        <row r="221">
          <cell r="A221" t="str">
            <v>H0052</v>
          </cell>
          <cell r="B221" t="str">
            <v>2013 Projects</v>
          </cell>
        </row>
        <row r="222">
          <cell r="A222" t="str">
            <v>G7187</v>
          </cell>
          <cell r="B222" t="str">
            <v>2013 Projects</v>
          </cell>
        </row>
        <row r="223">
          <cell r="A223" t="str">
            <v>G7188</v>
          </cell>
          <cell r="B223" t="str">
            <v>2013 Projects</v>
          </cell>
        </row>
        <row r="224">
          <cell r="A224" t="str">
            <v>G7699</v>
          </cell>
          <cell r="B224" t="str">
            <v>2013 Projects</v>
          </cell>
        </row>
        <row r="225">
          <cell r="A225" t="str">
            <v>G9223</v>
          </cell>
          <cell r="B225" t="str">
            <v>2013 Projects</v>
          </cell>
        </row>
        <row r="226">
          <cell r="A226" t="str">
            <v>G9707</v>
          </cell>
          <cell r="B226" t="str">
            <v>2013 Projects</v>
          </cell>
        </row>
        <row r="227">
          <cell r="A227" t="str">
            <v>F5946</v>
          </cell>
          <cell r="B227" t="str">
            <v>2013 Projects</v>
          </cell>
        </row>
        <row r="228">
          <cell r="A228" t="str">
            <v>G2899</v>
          </cell>
          <cell r="B228" t="str">
            <v>2013 Projects</v>
          </cell>
        </row>
        <row r="229">
          <cell r="A229" t="str">
            <v>G5342</v>
          </cell>
          <cell r="B229" t="str">
            <v>2013 Projects</v>
          </cell>
        </row>
        <row r="230">
          <cell r="A230" t="str">
            <v>G6960</v>
          </cell>
          <cell r="B230" t="str">
            <v>2013 Projects</v>
          </cell>
        </row>
        <row r="231">
          <cell r="A231" t="str">
            <v>G7209</v>
          </cell>
          <cell r="B231" t="str">
            <v>2013 Projects</v>
          </cell>
        </row>
        <row r="232">
          <cell r="A232" t="str">
            <v>G8197</v>
          </cell>
          <cell r="B232" t="str">
            <v>2013 Projects</v>
          </cell>
        </row>
        <row r="233">
          <cell r="A233" t="str">
            <v>G8295</v>
          </cell>
          <cell r="B233" t="str">
            <v>2013 Projects</v>
          </cell>
        </row>
        <row r="234">
          <cell r="A234" t="str">
            <v>G8300</v>
          </cell>
          <cell r="B234" t="str">
            <v>2013 Projects</v>
          </cell>
        </row>
        <row r="235">
          <cell r="A235" t="str">
            <v>G8544</v>
          </cell>
          <cell r="B235" t="str">
            <v>2013 Projects</v>
          </cell>
        </row>
        <row r="236">
          <cell r="A236" t="str">
            <v>G9004</v>
          </cell>
          <cell r="B236" t="str">
            <v>2013 Projects</v>
          </cell>
        </row>
        <row r="237">
          <cell r="A237" t="str">
            <v>G9347</v>
          </cell>
          <cell r="B237" t="str">
            <v>2013 Projects</v>
          </cell>
        </row>
        <row r="238">
          <cell r="A238" t="str">
            <v>G9607</v>
          </cell>
          <cell r="B238" t="str">
            <v>2013 Projects</v>
          </cell>
        </row>
        <row r="239">
          <cell r="A239" t="str">
            <v>G9740</v>
          </cell>
          <cell r="B239" t="str">
            <v>2013 Projects</v>
          </cell>
        </row>
        <row r="240">
          <cell r="A240" t="str">
            <v>STINT913</v>
          </cell>
          <cell r="B240" t="str">
            <v>2013 Projects</v>
          </cell>
        </row>
        <row r="241">
          <cell r="A241" t="str">
            <v>G0756</v>
          </cell>
          <cell r="B241" t="str">
            <v>2013 Projects</v>
          </cell>
        </row>
        <row r="242">
          <cell r="A242" t="str">
            <v>G2293</v>
          </cell>
          <cell r="B242" t="str">
            <v>2013 Projects</v>
          </cell>
        </row>
        <row r="243">
          <cell r="A243" t="str">
            <v>G2975</v>
          </cell>
          <cell r="B243" t="str">
            <v>2013 Projects</v>
          </cell>
        </row>
        <row r="244">
          <cell r="A244" t="str">
            <v>G6437</v>
          </cell>
          <cell r="B244" t="str">
            <v>2013 Projects</v>
          </cell>
        </row>
        <row r="245">
          <cell r="A245" t="str">
            <v>G6438</v>
          </cell>
          <cell r="B245" t="str">
            <v>2013 Projects</v>
          </cell>
        </row>
        <row r="246">
          <cell r="A246" t="str">
            <v>G6440</v>
          </cell>
          <cell r="B246" t="str">
            <v>2013 Projects</v>
          </cell>
        </row>
        <row r="247">
          <cell r="A247" t="str">
            <v>G6883</v>
          </cell>
          <cell r="B247" t="str">
            <v>2013 Projects</v>
          </cell>
        </row>
        <row r="248">
          <cell r="A248" t="str">
            <v>G7347</v>
          </cell>
          <cell r="B248" t="str">
            <v>2013 Projects</v>
          </cell>
        </row>
        <row r="249">
          <cell r="A249" t="str">
            <v>G7384</v>
          </cell>
          <cell r="B249" t="str">
            <v>2013 Projects</v>
          </cell>
        </row>
        <row r="250">
          <cell r="A250" t="str">
            <v>G8078</v>
          </cell>
          <cell r="B250" t="str">
            <v>2013 Projects</v>
          </cell>
        </row>
        <row r="251">
          <cell r="A251" t="str">
            <v>G8315</v>
          </cell>
          <cell r="B251" t="str">
            <v>2013 Projects</v>
          </cell>
        </row>
        <row r="252">
          <cell r="A252" t="str">
            <v>G8358</v>
          </cell>
          <cell r="B252" t="str">
            <v>2013 Projects</v>
          </cell>
        </row>
        <row r="253">
          <cell r="A253" t="str">
            <v>G8451</v>
          </cell>
          <cell r="B253" t="str">
            <v>2013 Projects</v>
          </cell>
        </row>
        <row r="254">
          <cell r="A254" t="str">
            <v>G8573</v>
          </cell>
          <cell r="B254" t="str">
            <v>2013 Projects</v>
          </cell>
        </row>
        <row r="255">
          <cell r="A255" t="str">
            <v>G8728</v>
          </cell>
          <cell r="B255" t="str">
            <v>2013 Projects</v>
          </cell>
        </row>
        <row r="256">
          <cell r="A256" t="str">
            <v>G8810</v>
          </cell>
          <cell r="B256" t="str">
            <v>2013 Projects</v>
          </cell>
        </row>
        <row r="257">
          <cell r="A257" t="str">
            <v>G8811</v>
          </cell>
          <cell r="B257" t="str">
            <v>2013 Projects</v>
          </cell>
        </row>
        <row r="258">
          <cell r="A258" t="str">
            <v>G8847</v>
          </cell>
          <cell r="B258" t="str">
            <v>2013 Projects</v>
          </cell>
        </row>
        <row r="259">
          <cell r="A259" t="str">
            <v>G8992</v>
          </cell>
          <cell r="B259" t="str">
            <v>2013 Projects</v>
          </cell>
        </row>
        <row r="260">
          <cell r="A260" t="str">
            <v>G9103</v>
          </cell>
          <cell r="B260" t="str">
            <v>2013 Projects</v>
          </cell>
        </row>
        <row r="261">
          <cell r="A261" t="str">
            <v>G9312</v>
          </cell>
          <cell r="B261" t="str">
            <v>2013 Projects</v>
          </cell>
        </row>
        <row r="262">
          <cell r="A262" t="str">
            <v>G9320</v>
          </cell>
          <cell r="B262" t="str">
            <v>2013 Projects</v>
          </cell>
        </row>
        <row r="263">
          <cell r="A263" t="str">
            <v>G9491</v>
          </cell>
          <cell r="B263" t="str">
            <v>2013 Projects</v>
          </cell>
        </row>
        <row r="264">
          <cell r="A264" t="str">
            <v>G9520</v>
          </cell>
          <cell r="B264" t="str">
            <v>2013 Projects</v>
          </cell>
        </row>
        <row r="265">
          <cell r="A265" t="str">
            <v>G9575</v>
          </cell>
          <cell r="B265" t="str">
            <v>2013 Projects</v>
          </cell>
        </row>
        <row r="266">
          <cell r="A266" t="str">
            <v>G9656</v>
          </cell>
          <cell r="B266" t="str">
            <v>2013 Projects</v>
          </cell>
        </row>
        <row r="267">
          <cell r="A267" t="str">
            <v>G9750</v>
          </cell>
          <cell r="B267" t="str">
            <v>2013 Projects</v>
          </cell>
        </row>
        <row r="268">
          <cell r="A268" t="str">
            <v>G9776</v>
          </cell>
          <cell r="B268" t="str">
            <v>2013 Projects</v>
          </cell>
        </row>
        <row r="269">
          <cell r="A269" t="str">
            <v>G9784</v>
          </cell>
          <cell r="B269" t="str">
            <v>2013 Projects</v>
          </cell>
        </row>
        <row r="270">
          <cell r="A270" t="str">
            <v>G9785</v>
          </cell>
          <cell r="B270" t="str">
            <v>2013 Projects</v>
          </cell>
        </row>
        <row r="271">
          <cell r="A271" t="str">
            <v>G9829</v>
          </cell>
          <cell r="B271" t="str">
            <v>2013 Projects</v>
          </cell>
        </row>
        <row r="272">
          <cell r="A272" t="str">
            <v>G9830</v>
          </cell>
          <cell r="B272" t="str">
            <v>2013 Projects</v>
          </cell>
        </row>
        <row r="273">
          <cell r="A273" t="str">
            <v>G9846</v>
          </cell>
          <cell r="B273" t="str">
            <v>2013 Projects</v>
          </cell>
        </row>
        <row r="274">
          <cell r="A274" t="str">
            <v>G9966</v>
          </cell>
          <cell r="B274" t="str">
            <v>2013 Projects</v>
          </cell>
        </row>
        <row r="275">
          <cell r="A275" t="str">
            <v>H0044</v>
          </cell>
          <cell r="B275" t="str">
            <v>2013 Projects</v>
          </cell>
        </row>
        <row r="276">
          <cell r="A276" t="str">
            <v>STINT1013</v>
          </cell>
          <cell r="B276" t="str">
            <v>2013 Projects</v>
          </cell>
        </row>
        <row r="277">
          <cell r="A277" t="str">
            <v>G5903</v>
          </cell>
          <cell r="B277" t="str">
            <v>2013 Projects</v>
          </cell>
        </row>
        <row r="278">
          <cell r="A278" t="str">
            <v>G6506</v>
          </cell>
          <cell r="B278" t="str">
            <v>2013 Projects</v>
          </cell>
        </row>
        <row r="279">
          <cell r="A279" t="str">
            <v>G6724</v>
          </cell>
          <cell r="B279" t="str">
            <v>2013 Projects</v>
          </cell>
        </row>
        <row r="280">
          <cell r="A280" t="str">
            <v>G6725</v>
          </cell>
          <cell r="B280" t="str">
            <v>2013 Projects</v>
          </cell>
        </row>
        <row r="281">
          <cell r="A281" t="str">
            <v>G7073</v>
          </cell>
          <cell r="B281" t="str">
            <v>2013 Projects</v>
          </cell>
        </row>
        <row r="282">
          <cell r="A282" t="str">
            <v>G9208</v>
          </cell>
          <cell r="B282" t="str">
            <v>2013 Projects</v>
          </cell>
        </row>
        <row r="283">
          <cell r="A283" t="str">
            <v>G9276</v>
          </cell>
          <cell r="B283" t="str">
            <v>2013 Projects</v>
          </cell>
        </row>
        <row r="284">
          <cell r="A284" t="str">
            <v>G9362</v>
          </cell>
          <cell r="B284" t="str">
            <v>2013 Projects</v>
          </cell>
        </row>
        <row r="285">
          <cell r="A285" t="str">
            <v>G9764</v>
          </cell>
          <cell r="B285" t="str">
            <v>2013 Projects</v>
          </cell>
        </row>
        <row r="286">
          <cell r="A286" t="str">
            <v>G9886</v>
          </cell>
          <cell r="B286" t="str">
            <v>2013 Projects</v>
          </cell>
        </row>
        <row r="287">
          <cell r="A287" t="str">
            <v>G9928</v>
          </cell>
          <cell r="B287" t="str">
            <v>2013 Projects</v>
          </cell>
        </row>
        <row r="288">
          <cell r="A288" t="str">
            <v>G9948</v>
          </cell>
          <cell r="B288" t="str">
            <v>2013 Projects</v>
          </cell>
        </row>
        <row r="289">
          <cell r="A289" t="str">
            <v>G5924</v>
          </cell>
          <cell r="B289" t="str">
            <v>2013 Projects</v>
          </cell>
        </row>
        <row r="290">
          <cell r="A290" t="str">
            <v>G6300</v>
          </cell>
          <cell r="B290" t="str">
            <v>2013 Projects</v>
          </cell>
        </row>
        <row r="291">
          <cell r="A291" t="str">
            <v>G6305</v>
          </cell>
          <cell r="B291" t="str">
            <v>2013 Projects</v>
          </cell>
        </row>
        <row r="292">
          <cell r="A292" t="str">
            <v>G8601</v>
          </cell>
          <cell r="B292" t="str">
            <v>2013 Projects</v>
          </cell>
        </row>
        <row r="293">
          <cell r="A293" t="str">
            <v>G8861</v>
          </cell>
          <cell r="B293" t="str">
            <v>2013 Projects</v>
          </cell>
        </row>
        <row r="294">
          <cell r="A294" t="str">
            <v>G9021</v>
          </cell>
          <cell r="B294" t="str">
            <v>2013 Projects</v>
          </cell>
        </row>
        <row r="295">
          <cell r="A295" t="str">
            <v>G9061</v>
          </cell>
          <cell r="B295" t="str">
            <v>2013 Projects</v>
          </cell>
        </row>
        <row r="296">
          <cell r="A296" t="str">
            <v>H0173</v>
          </cell>
          <cell r="B296" t="str">
            <v>2013 Projects</v>
          </cell>
        </row>
        <row r="297">
          <cell r="A297" t="str">
            <v>H0446</v>
          </cell>
          <cell r="B297" t="str">
            <v>2013 Projects</v>
          </cell>
        </row>
        <row r="298">
          <cell r="A298" t="str">
            <v>SGSHT31</v>
          </cell>
          <cell r="B298" t="str">
            <v>2013 Projects</v>
          </cell>
        </row>
        <row r="299">
          <cell r="A299" t="str">
            <v>G9304</v>
          </cell>
          <cell r="B299" t="str">
            <v>2013 Projects</v>
          </cell>
        </row>
        <row r="300">
          <cell r="A300" t="str">
            <v>H0049</v>
          </cell>
          <cell r="B300" t="str">
            <v>2013 Projects</v>
          </cell>
        </row>
        <row r="301">
          <cell r="A301" t="str">
            <v>G8033</v>
          </cell>
          <cell r="B301" t="str">
            <v>2013 Projects</v>
          </cell>
        </row>
        <row r="302">
          <cell r="A302" t="str">
            <v>G8035</v>
          </cell>
          <cell r="B302" t="str">
            <v>2013 Projects</v>
          </cell>
        </row>
        <row r="303">
          <cell r="A303" t="str">
            <v>G8135</v>
          </cell>
          <cell r="B303" t="str">
            <v>2013 Projects</v>
          </cell>
        </row>
        <row r="304">
          <cell r="A304" t="str">
            <v>G8323</v>
          </cell>
          <cell r="B304" t="str">
            <v>2013 Projects</v>
          </cell>
        </row>
        <row r="305">
          <cell r="A305" t="str">
            <v>G8335</v>
          </cell>
          <cell r="B305" t="str">
            <v>2013 Projects</v>
          </cell>
        </row>
        <row r="306">
          <cell r="A306" t="str">
            <v>G8480</v>
          </cell>
          <cell r="B306" t="str">
            <v>2013 Projects</v>
          </cell>
        </row>
        <row r="307">
          <cell r="A307" t="str">
            <v>G8481</v>
          </cell>
          <cell r="B307" t="str">
            <v>2013 Projects</v>
          </cell>
        </row>
        <row r="308">
          <cell r="A308" t="str">
            <v>G8575</v>
          </cell>
          <cell r="B308" t="str">
            <v>2013 Projects</v>
          </cell>
        </row>
        <row r="309">
          <cell r="A309" t="str">
            <v>G8624</v>
          </cell>
          <cell r="B309" t="str">
            <v>2013 Projects</v>
          </cell>
        </row>
        <row r="310">
          <cell r="A310" t="str">
            <v>G8627</v>
          </cell>
          <cell r="B310" t="str">
            <v>2013 Projects</v>
          </cell>
        </row>
        <row r="311">
          <cell r="A311" t="str">
            <v>G8718</v>
          </cell>
          <cell r="B311" t="str">
            <v>2013 Projects</v>
          </cell>
        </row>
        <row r="312">
          <cell r="A312" t="str">
            <v>G8767</v>
          </cell>
          <cell r="B312" t="str">
            <v>2013 Projects</v>
          </cell>
        </row>
        <row r="313">
          <cell r="A313" t="str">
            <v>G9076</v>
          </cell>
          <cell r="B313" t="str">
            <v>2013 Projects</v>
          </cell>
        </row>
        <row r="314">
          <cell r="A314" t="str">
            <v>G9306</v>
          </cell>
          <cell r="B314" t="str">
            <v>2013 Projects</v>
          </cell>
        </row>
        <row r="315">
          <cell r="A315" t="str">
            <v>G9451</v>
          </cell>
          <cell r="B315" t="str">
            <v>2013 Projects</v>
          </cell>
        </row>
        <row r="316">
          <cell r="A316" t="str">
            <v>G9460</v>
          </cell>
          <cell r="B316" t="str">
            <v>2013 Projects</v>
          </cell>
        </row>
        <row r="317">
          <cell r="A317" t="str">
            <v>G9483</v>
          </cell>
          <cell r="B317" t="str">
            <v>2013 Projects</v>
          </cell>
        </row>
        <row r="318">
          <cell r="A318" t="str">
            <v>G9627</v>
          </cell>
          <cell r="B318" t="str">
            <v>2013 Projects</v>
          </cell>
        </row>
        <row r="319">
          <cell r="A319" t="str">
            <v>G9646</v>
          </cell>
          <cell r="B319" t="str">
            <v>2013 Projects</v>
          </cell>
        </row>
        <row r="320">
          <cell r="A320" t="str">
            <v>G9664</v>
          </cell>
          <cell r="B320" t="str">
            <v>2013 Projects</v>
          </cell>
        </row>
        <row r="321">
          <cell r="A321" t="str">
            <v>G9811</v>
          </cell>
          <cell r="B321" t="str">
            <v>2013 Projects</v>
          </cell>
        </row>
        <row r="322">
          <cell r="A322" t="str">
            <v>G9827</v>
          </cell>
          <cell r="B322" t="str">
            <v>2013 Projects</v>
          </cell>
        </row>
        <row r="323">
          <cell r="A323" t="str">
            <v>G9845</v>
          </cell>
          <cell r="B323" t="str">
            <v>2013 Projects</v>
          </cell>
        </row>
        <row r="324">
          <cell r="A324" t="str">
            <v>G9867</v>
          </cell>
          <cell r="B324" t="str">
            <v>2013 Projects</v>
          </cell>
        </row>
        <row r="325">
          <cell r="A325" t="str">
            <v>G9882</v>
          </cell>
          <cell r="B325" t="str">
            <v>2013 Projects</v>
          </cell>
        </row>
        <row r="326">
          <cell r="A326" t="str">
            <v>G9883</v>
          </cell>
          <cell r="B326" t="str">
            <v>2013 Projects</v>
          </cell>
        </row>
        <row r="327">
          <cell r="A327" t="str">
            <v>G9898</v>
          </cell>
          <cell r="B327" t="str">
            <v>2013 Projects</v>
          </cell>
        </row>
        <row r="328">
          <cell r="A328" t="str">
            <v>G9904</v>
          </cell>
          <cell r="B328" t="str">
            <v>2013 Projects</v>
          </cell>
        </row>
        <row r="329">
          <cell r="A329" t="str">
            <v>G9907</v>
          </cell>
          <cell r="B329" t="str">
            <v>2013 Projects</v>
          </cell>
        </row>
        <row r="330">
          <cell r="A330" t="str">
            <v>H0067</v>
          </cell>
          <cell r="B330" t="str">
            <v>2013 Projects</v>
          </cell>
        </row>
        <row r="331">
          <cell r="A331" t="str">
            <v>H0113</v>
          </cell>
          <cell r="B331" t="str">
            <v>2013 Projects</v>
          </cell>
        </row>
        <row r="332">
          <cell r="A332" t="str">
            <v>H0132</v>
          </cell>
          <cell r="B332" t="str">
            <v>2013 Projects</v>
          </cell>
        </row>
        <row r="333">
          <cell r="A333" t="str">
            <v>H0189</v>
          </cell>
          <cell r="B333" t="str">
            <v>2013 Projects</v>
          </cell>
        </row>
        <row r="334">
          <cell r="A334" t="str">
            <v>H0305</v>
          </cell>
          <cell r="B334" t="str">
            <v>2013 Projects</v>
          </cell>
        </row>
        <row r="335">
          <cell r="A335" t="str">
            <v>H0402</v>
          </cell>
          <cell r="B335" t="str">
            <v>2013 Projects</v>
          </cell>
        </row>
        <row r="336">
          <cell r="A336" t="str">
            <v>H0439</v>
          </cell>
          <cell r="B336" t="str">
            <v>2013 Projects</v>
          </cell>
        </row>
        <row r="337">
          <cell r="A337" t="str">
            <v>G7338</v>
          </cell>
          <cell r="B337" t="str">
            <v>2013 Projects</v>
          </cell>
        </row>
        <row r="338">
          <cell r="A338" t="str">
            <v>G8932</v>
          </cell>
          <cell r="B338" t="str">
            <v>2013 Projects</v>
          </cell>
        </row>
        <row r="339">
          <cell r="A339" t="str">
            <v>G9015</v>
          </cell>
          <cell r="B339" t="str">
            <v>2013 Projects</v>
          </cell>
        </row>
        <row r="340">
          <cell r="A340" t="str">
            <v>G9449</v>
          </cell>
          <cell r="B340" t="str">
            <v>2013 Projects</v>
          </cell>
        </row>
        <row r="341">
          <cell r="A341" t="str">
            <v>G9872</v>
          </cell>
          <cell r="B341" t="str">
            <v>2013 Projects</v>
          </cell>
        </row>
        <row r="342">
          <cell r="A342" t="str">
            <v>H0307</v>
          </cell>
          <cell r="B342" t="str">
            <v>2013 Projects</v>
          </cell>
        </row>
        <row r="343">
          <cell r="A343" t="str">
            <v>SGSHT33</v>
          </cell>
          <cell r="B343" t="str">
            <v>2013 Projects</v>
          </cell>
        </row>
        <row r="344">
          <cell r="A344" t="str">
            <v>SOH1302DC</v>
          </cell>
          <cell r="B344" t="str">
            <v>2013 Projects</v>
          </cell>
        </row>
        <row r="345">
          <cell r="A345" t="str">
            <v>STORM2TO</v>
          </cell>
          <cell r="B345" t="str">
            <v>2013 Projects</v>
          </cell>
        </row>
        <row r="346">
          <cell r="A346" t="str">
            <v>G9849</v>
          </cell>
          <cell r="B346" t="str">
            <v>2013 Projects</v>
          </cell>
        </row>
        <row r="347">
          <cell r="A347" t="str">
            <v>H0104</v>
          </cell>
          <cell r="B347" t="str">
            <v>2013 Projects</v>
          </cell>
        </row>
        <row r="348">
          <cell r="A348" t="str">
            <v>D2150</v>
          </cell>
          <cell r="B348" t="str">
            <v>2013 Projects</v>
          </cell>
        </row>
        <row r="349">
          <cell r="A349" t="str">
            <v>G6728</v>
          </cell>
          <cell r="B349" t="str">
            <v>2013 Projects</v>
          </cell>
        </row>
        <row r="350">
          <cell r="A350" t="str">
            <v>G7064</v>
          </cell>
          <cell r="B350" t="str">
            <v>2013 Projects</v>
          </cell>
        </row>
        <row r="351">
          <cell r="A351" t="str">
            <v>G7190</v>
          </cell>
          <cell r="B351" t="str">
            <v>2013 Projects</v>
          </cell>
        </row>
        <row r="352">
          <cell r="A352" t="str">
            <v>G7200</v>
          </cell>
          <cell r="B352" t="str">
            <v>2013 Projects</v>
          </cell>
        </row>
        <row r="353">
          <cell r="A353" t="str">
            <v>G8084</v>
          </cell>
          <cell r="B353" t="str">
            <v>2013 Projects</v>
          </cell>
        </row>
        <row r="354">
          <cell r="A354" t="str">
            <v>G8088</v>
          </cell>
          <cell r="B354" t="str">
            <v>2013 Projects</v>
          </cell>
        </row>
        <row r="355">
          <cell r="A355" t="str">
            <v>G8089</v>
          </cell>
          <cell r="B355" t="str">
            <v>2013 Projects</v>
          </cell>
        </row>
        <row r="356">
          <cell r="A356" t="str">
            <v>G8102</v>
          </cell>
          <cell r="B356" t="str">
            <v>2013 Projects</v>
          </cell>
        </row>
        <row r="357">
          <cell r="A357" t="str">
            <v>G8123</v>
          </cell>
          <cell r="B357" t="str">
            <v>2013 Projects</v>
          </cell>
        </row>
        <row r="358">
          <cell r="A358" t="str">
            <v>G8126</v>
          </cell>
          <cell r="B358" t="str">
            <v>2013 Projects</v>
          </cell>
        </row>
        <row r="359">
          <cell r="A359" t="str">
            <v>G8139</v>
          </cell>
          <cell r="B359" t="str">
            <v>2013 Projects</v>
          </cell>
        </row>
        <row r="360">
          <cell r="A360" t="str">
            <v>G8833</v>
          </cell>
          <cell r="B360" t="str">
            <v>2013 Projects</v>
          </cell>
        </row>
        <row r="361">
          <cell r="A361" t="str">
            <v>G9323</v>
          </cell>
          <cell r="B361" t="str">
            <v>2013 Projects</v>
          </cell>
        </row>
        <row r="362">
          <cell r="A362" t="str">
            <v>G9394</v>
          </cell>
          <cell r="B362" t="str">
            <v>2013 Projects</v>
          </cell>
        </row>
        <row r="363">
          <cell r="A363" t="str">
            <v>G9484</v>
          </cell>
          <cell r="B363" t="str">
            <v>2013 Projects</v>
          </cell>
        </row>
        <row r="364">
          <cell r="A364" t="str">
            <v>G9587</v>
          </cell>
          <cell r="B364" t="str">
            <v>2013 Projects</v>
          </cell>
        </row>
        <row r="365">
          <cell r="A365" t="str">
            <v>G9595</v>
          </cell>
          <cell r="B365" t="str">
            <v>2013 Projects</v>
          </cell>
        </row>
        <row r="366">
          <cell r="A366" t="str">
            <v>G9601</v>
          </cell>
          <cell r="B366" t="str">
            <v>2013 Projects</v>
          </cell>
        </row>
        <row r="367">
          <cell r="A367" t="str">
            <v>G9603</v>
          </cell>
          <cell r="B367" t="str">
            <v>2013 Projects</v>
          </cell>
        </row>
        <row r="368">
          <cell r="A368" t="str">
            <v>G9611</v>
          </cell>
          <cell r="B368" t="str">
            <v>2013 Projects</v>
          </cell>
        </row>
        <row r="369">
          <cell r="A369" t="str">
            <v>G9621</v>
          </cell>
          <cell r="B369" t="str">
            <v>2013 Projects</v>
          </cell>
        </row>
        <row r="370">
          <cell r="A370" t="str">
            <v>G9629</v>
          </cell>
          <cell r="B370" t="str">
            <v>2013 Projects</v>
          </cell>
        </row>
        <row r="371">
          <cell r="A371" t="str">
            <v>G9681</v>
          </cell>
          <cell r="B371" t="str">
            <v>2013 Projects</v>
          </cell>
        </row>
        <row r="372">
          <cell r="A372" t="str">
            <v>G9693</v>
          </cell>
          <cell r="B372" t="str">
            <v>2013 Projects</v>
          </cell>
        </row>
        <row r="373">
          <cell r="A373" t="str">
            <v>G9697</v>
          </cell>
          <cell r="B373" t="str">
            <v>2013 Projects</v>
          </cell>
        </row>
        <row r="374">
          <cell r="A374" t="str">
            <v>G9708</v>
          </cell>
          <cell r="B374" t="str">
            <v>2013 Projects</v>
          </cell>
        </row>
        <row r="375">
          <cell r="A375" t="str">
            <v>G9787</v>
          </cell>
          <cell r="B375" t="str">
            <v>2013 Projects</v>
          </cell>
        </row>
        <row r="376">
          <cell r="A376" t="str">
            <v>G9809</v>
          </cell>
          <cell r="B376" t="str">
            <v>2013 Projects</v>
          </cell>
        </row>
        <row r="377">
          <cell r="A377" t="str">
            <v>G9900</v>
          </cell>
          <cell r="B377" t="str">
            <v>2013 Projects</v>
          </cell>
        </row>
        <row r="378">
          <cell r="A378" t="str">
            <v>G9982</v>
          </cell>
          <cell r="B378" t="str">
            <v>2013 Projects</v>
          </cell>
        </row>
        <row r="379">
          <cell r="A379" t="str">
            <v>H0011</v>
          </cell>
          <cell r="B379" t="str">
            <v>2013 Projects</v>
          </cell>
        </row>
        <row r="380">
          <cell r="A380" t="str">
            <v>H0064</v>
          </cell>
          <cell r="B380" t="str">
            <v>2013 Projects</v>
          </cell>
        </row>
        <row r="381">
          <cell r="A381" t="str">
            <v>H0187</v>
          </cell>
          <cell r="B381" t="str">
            <v>2013 Projects</v>
          </cell>
        </row>
        <row r="382">
          <cell r="A382" t="str">
            <v>H0190</v>
          </cell>
          <cell r="B382" t="str">
            <v>2013 Projects</v>
          </cell>
        </row>
        <row r="383">
          <cell r="A383" t="str">
            <v>H0200</v>
          </cell>
          <cell r="B383" t="str">
            <v>2013 Projects</v>
          </cell>
        </row>
        <row r="384">
          <cell r="A384" t="str">
            <v>H0210</v>
          </cell>
          <cell r="B384" t="str">
            <v>2013 Projects</v>
          </cell>
        </row>
        <row r="385">
          <cell r="A385" t="str">
            <v>SIN1301DC</v>
          </cell>
          <cell r="B385" t="str">
            <v>2013 Projects</v>
          </cell>
        </row>
        <row r="386">
          <cell r="A386" t="str">
            <v>SIN1302DC</v>
          </cell>
          <cell r="B386" t="str">
            <v>2013 Projects</v>
          </cell>
        </row>
        <row r="387">
          <cell r="A387" t="str">
            <v>SIN1302TC</v>
          </cell>
          <cell r="B387" t="str">
            <v>2013 Projects</v>
          </cell>
        </row>
        <row r="388">
          <cell r="A388" t="str">
            <v>E1013</v>
          </cell>
          <cell r="B388" t="str">
            <v>2013 Projects</v>
          </cell>
        </row>
        <row r="389">
          <cell r="A389" t="str">
            <v>E1333</v>
          </cell>
          <cell r="B389" t="str">
            <v>2013 Projects</v>
          </cell>
        </row>
        <row r="390">
          <cell r="A390" t="str">
            <v>G7065</v>
          </cell>
          <cell r="B390" t="str">
            <v>2013 Projects</v>
          </cell>
        </row>
        <row r="391">
          <cell r="A391" t="str">
            <v>G7538</v>
          </cell>
          <cell r="B391" t="str">
            <v>2013 Projects</v>
          </cell>
        </row>
        <row r="392">
          <cell r="A392" t="str">
            <v>G7702</v>
          </cell>
          <cell r="B392" t="str">
            <v>2013 Projects</v>
          </cell>
        </row>
        <row r="393">
          <cell r="A393" t="str">
            <v>G7951</v>
          </cell>
          <cell r="B393" t="str">
            <v>2013 Projects</v>
          </cell>
        </row>
        <row r="394">
          <cell r="A394" t="str">
            <v>G8079</v>
          </cell>
          <cell r="B394" t="str">
            <v>2013 Projects</v>
          </cell>
        </row>
        <row r="395">
          <cell r="A395" t="str">
            <v>G8083</v>
          </cell>
          <cell r="B395" t="str">
            <v>2013 Projects</v>
          </cell>
        </row>
        <row r="396">
          <cell r="A396" t="str">
            <v>G8519</v>
          </cell>
          <cell r="B396" t="str">
            <v>2013 Projects</v>
          </cell>
        </row>
        <row r="397">
          <cell r="A397" t="str">
            <v>G8521</v>
          </cell>
          <cell r="B397" t="str">
            <v>2013 Projects</v>
          </cell>
        </row>
        <row r="398">
          <cell r="A398" t="str">
            <v>G8667</v>
          </cell>
          <cell r="B398" t="str">
            <v>2013 Projects</v>
          </cell>
        </row>
        <row r="399">
          <cell r="A399" t="str">
            <v>G8891</v>
          </cell>
          <cell r="B399" t="str">
            <v>2013 Projects</v>
          </cell>
        </row>
        <row r="400">
          <cell r="A400" t="str">
            <v>G9169</v>
          </cell>
          <cell r="B400" t="str">
            <v>2013 Projects</v>
          </cell>
        </row>
        <row r="401">
          <cell r="A401" t="str">
            <v>G9207</v>
          </cell>
          <cell r="B401" t="str">
            <v>2013 Projects</v>
          </cell>
        </row>
        <row r="402">
          <cell r="A402" t="str">
            <v>G9374</v>
          </cell>
          <cell r="B402" t="str">
            <v>2013 Projects</v>
          </cell>
        </row>
        <row r="403">
          <cell r="A403" t="str">
            <v>G9464</v>
          </cell>
          <cell r="B403" t="str">
            <v>2013 Projects</v>
          </cell>
        </row>
        <row r="404">
          <cell r="A404" t="str">
            <v>G9470</v>
          </cell>
          <cell r="B404" t="str">
            <v>2013 Projects</v>
          </cell>
        </row>
        <row r="405">
          <cell r="A405" t="str">
            <v>G9471</v>
          </cell>
          <cell r="B405" t="str">
            <v>2013 Projects</v>
          </cell>
        </row>
        <row r="406">
          <cell r="A406" t="str">
            <v>G9576</v>
          </cell>
          <cell r="B406" t="str">
            <v>2013 Projects</v>
          </cell>
        </row>
        <row r="407">
          <cell r="A407" t="str">
            <v>G9678</v>
          </cell>
          <cell r="B407" t="str">
            <v>2013 Projects</v>
          </cell>
        </row>
        <row r="408">
          <cell r="A408" t="str">
            <v>G9679</v>
          </cell>
          <cell r="B408" t="str">
            <v>2013 Projects</v>
          </cell>
        </row>
        <row r="409">
          <cell r="A409" t="str">
            <v>G9751</v>
          </cell>
          <cell r="B409" t="str">
            <v>2013 Projects</v>
          </cell>
        </row>
        <row r="410">
          <cell r="A410" t="str">
            <v>G9884</v>
          </cell>
          <cell r="B410" t="str">
            <v>2013 Projects</v>
          </cell>
        </row>
        <row r="411">
          <cell r="A411" t="str">
            <v>G9946</v>
          </cell>
          <cell r="B411" t="str">
            <v>2013 Projects</v>
          </cell>
        </row>
        <row r="412">
          <cell r="A412" t="str">
            <v>H0042</v>
          </cell>
          <cell r="B412" t="str">
            <v>2013 Projects</v>
          </cell>
        </row>
        <row r="413">
          <cell r="A413" t="str">
            <v>H0062</v>
          </cell>
          <cell r="B413" t="str">
            <v>2013 Projects</v>
          </cell>
        </row>
        <row r="414">
          <cell r="A414" t="str">
            <v>H0072</v>
          </cell>
          <cell r="B414" t="str">
            <v>2013 Projects</v>
          </cell>
        </row>
        <row r="415">
          <cell r="A415" t="str">
            <v>H0182</v>
          </cell>
          <cell r="B415" t="str">
            <v>2013 Projects</v>
          </cell>
        </row>
        <row r="416">
          <cell r="A416" t="str">
            <v>H0233</v>
          </cell>
          <cell r="B416" t="str">
            <v>2013 Projects</v>
          </cell>
        </row>
        <row r="417">
          <cell r="A417" t="str">
            <v>H0241</v>
          </cell>
          <cell r="B417" t="str">
            <v>2013 Projects</v>
          </cell>
        </row>
        <row r="418">
          <cell r="A418" t="str">
            <v>H0291</v>
          </cell>
          <cell r="B418" t="str">
            <v>2013 Projects</v>
          </cell>
        </row>
        <row r="419">
          <cell r="A419" t="str">
            <v>H0308</v>
          </cell>
          <cell r="B419" t="str">
            <v>2013 Projects</v>
          </cell>
        </row>
        <row r="420">
          <cell r="A420" t="str">
            <v>H0355</v>
          </cell>
          <cell r="B420" t="str">
            <v>2013 Projects</v>
          </cell>
        </row>
        <row r="421">
          <cell r="A421" t="str">
            <v>H0366</v>
          </cell>
          <cell r="B421" t="str">
            <v>2013 Projects</v>
          </cell>
        </row>
        <row r="422">
          <cell r="A422" t="str">
            <v>H0438</v>
          </cell>
          <cell r="B422" t="str">
            <v>2013 Projects</v>
          </cell>
        </row>
        <row r="423">
          <cell r="A423" t="str">
            <v>H0462</v>
          </cell>
          <cell r="B423" t="str">
            <v>2013 Projects</v>
          </cell>
        </row>
        <row r="424">
          <cell r="A424" t="str">
            <v>H0588</v>
          </cell>
          <cell r="B424" t="str">
            <v>2013 Projects</v>
          </cell>
        </row>
        <row r="425">
          <cell r="A425" t="str">
            <v>H0659</v>
          </cell>
          <cell r="B425" t="str">
            <v>2013 Projects</v>
          </cell>
        </row>
        <row r="426">
          <cell r="A426" t="str">
            <v>H0887</v>
          </cell>
          <cell r="B426" t="str">
            <v>2013 Projects</v>
          </cell>
        </row>
        <row r="427">
          <cell r="A427" t="str">
            <v>G9501</v>
          </cell>
          <cell r="B427" t="str">
            <v>2013 Projects</v>
          </cell>
        </row>
        <row r="428">
          <cell r="A428" t="str">
            <v>H0282</v>
          </cell>
          <cell r="B428" t="str">
            <v>2013 Projects</v>
          </cell>
        </row>
        <row r="429">
          <cell r="A429" t="str">
            <v>G0787</v>
          </cell>
          <cell r="B429" t="str">
            <v>2013 Projects</v>
          </cell>
        </row>
        <row r="430">
          <cell r="A430" t="str">
            <v>G3689</v>
          </cell>
          <cell r="B430" t="str">
            <v>2013 Projects</v>
          </cell>
        </row>
        <row r="431">
          <cell r="A431" t="str">
            <v>G6644</v>
          </cell>
          <cell r="B431" t="str">
            <v>2013 Projects</v>
          </cell>
        </row>
        <row r="432">
          <cell r="A432" t="str">
            <v>G6827</v>
          </cell>
          <cell r="B432" t="str">
            <v>2013 Projects</v>
          </cell>
        </row>
        <row r="433">
          <cell r="A433" t="str">
            <v>G7088</v>
          </cell>
          <cell r="B433" t="str">
            <v>2013 Projects</v>
          </cell>
        </row>
        <row r="434">
          <cell r="A434" t="str">
            <v>G7090</v>
          </cell>
          <cell r="B434" t="str">
            <v>2013 Projects</v>
          </cell>
        </row>
        <row r="435">
          <cell r="A435" t="str">
            <v>G7421</v>
          </cell>
          <cell r="B435" t="str">
            <v>2013 Projects</v>
          </cell>
        </row>
        <row r="436">
          <cell r="A436" t="str">
            <v>G7432</v>
          </cell>
          <cell r="B436" t="str">
            <v>2013 Projects</v>
          </cell>
        </row>
        <row r="437">
          <cell r="A437" t="str">
            <v>G8043</v>
          </cell>
          <cell r="B437" t="str">
            <v>2013 Projects</v>
          </cell>
        </row>
        <row r="438">
          <cell r="A438" t="str">
            <v>G8485</v>
          </cell>
          <cell r="B438" t="str">
            <v>2013 Projects</v>
          </cell>
        </row>
        <row r="439">
          <cell r="A439" t="str">
            <v>G9181</v>
          </cell>
          <cell r="B439" t="str">
            <v>2013 Projects</v>
          </cell>
        </row>
        <row r="440">
          <cell r="A440" t="str">
            <v>G9249</v>
          </cell>
          <cell r="B440" t="str">
            <v>2013 Projects</v>
          </cell>
        </row>
        <row r="441">
          <cell r="A441" t="str">
            <v>G9302</v>
          </cell>
          <cell r="B441" t="str">
            <v>2013 Projects</v>
          </cell>
        </row>
        <row r="442">
          <cell r="A442" t="str">
            <v>G9395</v>
          </cell>
          <cell r="B442" t="str">
            <v>2013 Projects</v>
          </cell>
        </row>
        <row r="443">
          <cell r="A443" t="str">
            <v>G9475</v>
          </cell>
          <cell r="B443" t="str">
            <v>2013 Projects</v>
          </cell>
        </row>
        <row r="444">
          <cell r="A444" t="str">
            <v>H0133</v>
          </cell>
          <cell r="B444" t="str">
            <v>2013 Projects</v>
          </cell>
        </row>
        <row r="445">
          <cell r="A445" t="str">
            <v>H0134</v>
          </cell>
          <cell r="B445" t="str">
            <v>2013 Projects</v>
          </cell>
        </row>
        <row r="446">
          <cell r="A446" t="str">
            <v>H0188</v>
          </cell>
          <cell r="B446" t="str">
            <v>2013 Projects</v>
          </cell>
        </row>
        <row r="447">
          <cell r="A447" t="str">
            <v>H0441</v>
          </cell>
          <cell r="B447" t="str">
            <v>2013 Projects</v>
          </cell>
        </row>
        <row r="448">
          <cell r="A448" t="str">
            <v>H0786</v>
          </cell>
          <cell r="B448" t="str">
            <v>2013 Projects</v>
          </cell>
        </row>
        <row r="449">
          <cell r="A449" t="str">
            <v>H0818</v>
          </cell>
          <cell r="B449" t="str">
            <v>2013 Projects</v>
          </cell>
        </row>
        <row r="450">
          <cell r="A450" t="str">
            <v>H0897</v>
          </cell>
          <cell r="B450" t="str">
            <v>2013 Projects</v>
          </cell>
        </row>
        <row r="451">
          <cell r="A451" t="str">
            <v>SGSHT32</v>
          </cell>
          <cell r="B451" t="str">
            <v>2013 Projects</v>
          </cell>
        </row>
        <row r="452">
          <cell r="A452" t="str">
            <v>G8106</v>
          </cell>
          <cell r="B452" t="str">
            <v>2013 Projects</v>
          </cell>
        </row>
        <row r="453">
          <cell r="A453" t="str">
            <v>G8128</v>
          </cell>
          <cell r="B453" t="str">
            <v>2013 Projects</v>
          </cell>
        </row>
        <row r="454">
          <cell r="A454" t="str">
            <v>G8169</v>
          </cell>
          <cell r="B454" t="str">
            <v>2013 Projects</v>
          </cell>
        </row>
        <row r="455">
          <cell r="A455" t="str">
            <v>G8183</v>
          </cell>
          <cell r="B455" t="str">
            <v>2013 Projects</v>
          </cell>
        </row>
        <row r="456">
          <cell r="A456" t="str">
            <v>G8346</v>
          </cell>
          <cell r="B456" t="str">
            <v>2013 Projects</v>
          </cell>
        </row>
        <row r="457">
          <cell r="A457" t="str">
            <v>G8586</v>
          </cell>
          <cell r="B457" t="str">
            <v>2013 Projects</v>
          </cell>
        </row>
        <row r="458">
          <cell r="A458" t="str">
            <v>G8599</v>
          </cell>
          <cell r="B458" t="str">
            <v>2013 Projects</v>
          </cell>
        </row>
        <row r="459">
          <cell r="A459" t="str">
            <v>G9503</v>
          </cell>
          <cell r="B459" t="str">
            <v>2013 Projects</v>
          </cell>
        </row>
        <row r="460">
          <cell r="A460" t="str">
            <v>G9578</v>
          </cell>
          <cell r="B460" t="str">
            <v>2013 Projects</v>
          </cell>
        </row>
        <row r="461">
          <cell r="A461" t="str">
            <v>G9598</v>
          </cell>
          <cell r="B461" t="str">
            <v>2013 Projects</v>
          </cell>
        </row>
        <row r="462">
          <cell r="A462" t="str">
            <v>G9600</v>
          </cell>
          <cell r="B462" t="str">
            <v>2013 Projects</v>
          </cell>
        </row>
        <row r="463">
          <cell r="A463" t="str">
            <v>G9626</v>
          </cell>
          <cell r="B463" t="str">
            <v>2013 Projects</v>
          </cell>
        </row>
        <row r="464">
          <cell r="A464" t="str">
            <v>G9741</v>
          </cell>
          <cell r="B464" t="str">
            <v>2013 Projects</v>
          </cell>
        </row>
        <row r="465">
          <cell r="A465" t="str">
            <v>G9749</v>
          </cell>
          <cell r="B465" t="str">
            <v>2013 Projects</v>
          </cell>
        </row>
        <row r="466">
          <cell r="A466" t="str">
            <v>G9765</v>
          </cell>
          <cell r="B466" t="str">
            <v>2013 Projects</v>
          </cell>
        </row>
        <row r="467">
          <cell r="A467" t="str">
            <v>G9801</v>
          </cell>
          <cell r="B467" t="str">
            <v>2013 Projects</v>
          </cell>
        </row>
        <row r="468">
          <cell r="A468" t="str">
            <v>G9847</v>
          </cell>
          <cell r="B468" t="str">
            <v>2013 Projects</v>
          </cell>
        </row>
        <row r="469">
          <cell r="A469" t="str">
            <v>H0058</v>
          </cell>
          <cell r="B469" t="str">
            <v>2013 Projects</v>
          </cell>
        </row>
        <row r="470">
          <cell r="A470" t="str">
            <v>H0137</v>
          </cell>
          <cell r="B470" t="str">
            <v>2013 Projects</v>
          </cell>
        </row>
        <row r="471">
          <cell r="A471" t="str">
            <v>H0230</v>
          </cell>
          <cell r="B471" t="str">
            <v>2013 Projects</v>
          </cell>
        </row>
        <row r="472">
          <cell r="A472" t="str">
            <v>H0523</v>
          </cell>
          <cell r="B472" t="str">
            <v>2013 Projects</v>
          </cell>
        </row>
        <row r="473">
          <cell r="A473" t="str">
            <v>H0529</v>
          </cell>
          <cell r="B473" t="str">
            <v>2013 Projects</v>
          </cell>
        </row>
        <row r="474">
          <cell r="A474" t="str">
            <v>H0547</v>
          </cell>
          <cell r="B474" t="str">
            <v>2013 Projects</v>
          </cell>
        </row>
        <row r="475">
          <cell r="A475" t="str">
            <v>H0935</v>
          </cell>
          <cell r="B475" t="str">
            <v>2013 Projects</v>
          </cell>
        </row>
        <row r="476">
          <cell r="A476" t="str">
            <v>G3098</v>
          </cell>
          <cell r="B476" t="str">
            <v>2013 Projects</v>
          </cell>
        </row>
        <row r="477">
          <cell r="A477" t="str">
            <v>G5340</v>
          </cell>
          <cell r="B477" t="str">
            <v>2013 Projects</v>
          </cell>
        </row>
        <row r="478">
          <cell r="A478" t="str">
            <v>G5697</v>
          </cell>
          <cell r="B478" t="str">
            <v>2013 Projects</v>
          </cell>
        </row>
        <row r="479">
          <cell r="A479" t="str">
            <v>G5805</v>
          </cell>
          <cell r="B479" t="str">
            <v>2013 Projects</v>
          </cell>
        </row>
        <row r="480">
          <cell r="A480" t="str">
            <v>G5921</v>
          </cell>
          <cell r="B480" t="str">
            <v>2013 Projects</v>
          </cell>
        </row>
        <row r="481">
          <cell r="A481" t="str">
            <v>G5923</v>
          </cell>
          <cell r="B481" t="str">
            <v>2013 Projects</v>
          </cell>
        </row>
        <row r="482">
          <cell r="A482" t="str">
            <v>G6616</v>
          </cell>
          <cell r="B482" t="str">
            <v>2013 Projects</v>
          </cell>
        </row>
        <row r="483">
          <cell r="A483" t="str">
            <v>G9053</v>
          </cell>
          <cell r="B483" t="str">
            <v>2013 Projects</v>
          </cell>
        </row>
        <row r="484">
          <cell r="A484" t="str">
            <v>G9375</v>
          </cell>
          <cell r="B484" t="str">
            <v>2013 Projects</v>
          </cell>
        </row>
        <row r="485">
          <cell r="A485" t="str">
            <v>G9387</v>
          </cell>
          <cell r="B485" t="str">
            <v>2013 Projects</v>
          </cell>
        </row>
        <row r="486">
          <cell r="A486" t="str">
            <v>G9457</v>
          </cell>
          <cell r="B486" t="str">
            <v>2013 Projects</v>
          </cell>
        </row>
        <row r="487">
          <cell r="A487" t="str">
            <v>G9458</v>
          </cell>
          <cell r="B487" t="str">
            <v>2013 Projects</v>
          </cell>
        </row>
        <row r="488">
          <cell r="A488" t="str">
            <v>G9903</v>
          </cell>
          <cell r="B488" t="str">
            <v>2013 Projects</v>
          </cell>
        </row>
        <row r="489">
          <cell r="A489" t="str">
            <v>G9977</v>
          </cell>
          <cell r="B489" t="str">
            <v>2013 Projects</v>
          </cell>
        </row>
        <row r="490">
          <cell r="A490" t="str">
            <v>H0010</v>
          </cell>
          <cell r="B490" t="str">
            <v>2013 Projects</v>
          </cell>
        </row>
        <row r="491">
          <cell r="A491" t="str">
            <v>H0055</v>
          </cell>
          <cell r="B491" t="str">
            <v>2013 Projects</v>
          </cell>
        </row>
        <row r="492">
          <cell r="A492" t="str">
            <v>H0060</v>
          </cell>
          <cell r="B492" t="str">
            <v>2013 Projects</v>
          </cell>
        </row>
        <row r="493">
          <cell r="A493" t="str">
            <v>H0080</v>
          </cell>
          <cell r="B493" t="str">
            <v>2013 Projects</v>
          </cell>
        </row>
        <row r="494">
          <cell r="A494" t="str">
            <v>H0170</v>
          </cell>
          <cell r="B494" t="str">
            <v>2013 Projects</v>
          </cell>
        </row>
        <row r="495">
          <cell r="A495" t="str">
            <v>H0860</v>
          </cell>
          <cell r="B495" t="str">
            <v>2013 Projects</v>
          </cell>
        </row>
        <row r="496">
          <cell r="A496" t="str">
            <v>H1004</v>
          </cell>
          <cell r="B496" t="str">
            <v>2013 Projects</v>
          </cell>
        </row>
        <row r="497">
          <cell r="A497" t="str">
            <v>E7404</v>
          </cell>
          <cell r="B497" t="str">
            <v>2013 Projects</v>
          </cell>
        </row>
        <row r="498">
          <cell r="A498" t="str">
            <v>G6761</v>
          </cell>
          <cell r="B498" t="str">
            <v>2013 Projects</v>
          </cell>
        </row>
        <row r="499">
          <cell r="A499" t="str">
            <v>G8175</v>
          </cell>
          <cell r="B499" t="str">
            <v>2013 Projects</v>
          </cell>
        </row>
        <row r="500">
          <cell r="A500" t="str">
            <v>G8260</v>
          </cell>
          <cell r="B500" t="str">
            <v>2013 Projects</v>
          </cell>
        </row>
        <row r="501">
          <cell r="A501" t="str">
            <v>G8395</v>
          </cell>
          <cell r="B501" t="str">
            <v>2013 Projects</v>
          </cell>
        </row>
        <row r="502">
          <cell r="A502" t="str">
            <v>G8456</v>
          </cell>
          <cell r="B502" t="str">
            <v>2013 Projects</v>
          </cell>
        </row>
        <row r="503">
          <cell r="A503" t="str">
            <v>G8643</v>
          </cell>
          <cell r="B503" t="str">
            <v>2013 Projects</v>
          </cell>
        </row>
        <row r="504">
          <cell r="A504" t="str">
            <v>G9027</v>
          </cell>
          <cell r="B504" t="str">
            <v>2013 Projects</v>
          </cell>
        </row>
        <row r="505">
          <cell r="A505" t="str">
            <v>G9604</v>
          </cell>
          <cell r="B505" t="str">
            <v>2013 Projects</v>
          </cell>
        </row>
        <row r="506">
          <cell r="A506" t="str">
            <v>H0025</v>
          </cell>
          <cell r="B506" t="str">
            <v>2013 Projects</v>
          </cell>
        </row>
        <row r="507">
          <cell r="A507" t="str">
            <v>H0196</v>
          </cell>
          <cell r="B507" t="str">
            <v>2013 Projects</v>
          </cell>
        </row>
        <row r="508">
          <cell r="A508" t="str">
            <v>H0288</v>
          </cell>
          <cell r="B508" t="str">
            <v>2013 Projects</v>
          </cell>
        </row>
        <row r="509">
          <cell r="A509" t="str">
            <v>H0506</v>
          </cell>
          <cell r="B509" t="str">
            <v>2013 Projects</v>
          </cell>
        </row>
        <row r="510">
          <cell r="A510" t="str">
            <v>H0916</v>
          </cell>
          <cell r="B510" t="str">
            <v>2013 Projects</v>
          </cell>
        </row>
        <row r="511">
          <cell r="A511" t="str">
            <v>STINT1113</v>
          </cell>
          <cell r="B511" t="str">
            <v>2013 Projects</v>
          </cell>
        </row>
        <row r="512">
          <cell r="A512" t="str">
            <v>G3981</v>
          </cell>
          <cell r="B512" t="str">
            <v>2014 Projects</v>
          </cell>
        </row>
        <row r="513">
          <cell r="A513" t="str">
            <v>G5782</v>
          </cell>
          <cell r="B513" t="str">
            <v>2014 Projects</v>
          </cell>
        </row>
        <row r="514">
          <cell r="A514" t="str">
            <v>G7093</v>
          </cell>
          <cell r="B514" t="str">
            <v>2014 Projects</v>
          </cell>
        </row>
        <row r="515">
          <cell r="A515" t="str">
            <v>G7494</v>
          </cell>
          <cell r="B515" t="str">
            <v>2014 Projects</v>
          </cell>
        </row>
        <row r="516">
          <cell r="A516" t="str">
            <v>G8703</v>
          </cell>
          <cell r="B516" t="str">
            <v>2014 Projects</v>
          </cell>
        </row>
        <row r="517">
          <cell r="A517" t="str">
            <v>G9222</v>
          </cell>
          <cell r="B517" t="str">
            <v>2014 Projects</v>
          </cell>
        </row>
        <row r="518">
          <cell r="A518" t="str">
            <v>G9663</v>
          </cell>
          <cell r="B518" t="str">
            <v>2014 Projects</v>
          </cell>
        </row>
        <row r="519">
          <cell r="A519" t="str">
            <v>G9926</v>
          </cell>
          <cell r="B519" t="str">
            <v>2014 Projects</v>
          </cell>
        </row>
        <row r="520">
          <cell r="A520" t="str">
            <v>H0015</v>
          </cell>
          <cell r="B520" t="str">
            <v>2014 Projects</v>
          </cell>
        </row>
        <row r="521">
          <cell r="A521" t="str">
            <v>H0580</v>
          </cell>
          <cell r="B521" t="str">
            <v>2014 Projects</v>
          </cell>
        </row>
        <row r="522">
          <cell r="A522" t="str">
            <v>H0608</v>
          </cell>
          <cell r="B522" t="str">
            <v>2014 Projects</v>
          </cell>
        </row>
        <row r="523">
          <cell r="A523" t="str">
            <v>H0610</v>
          </cell>
          <cell r="B523" t="str">
            <v>2014 Projects</v>
          </cell>
        </row>
        <row r="524">
          <cell r="A524" t="str">
            <v>H0700</v>
          </cell>
          <cell r="B524" t="str">
            <v>2014 Projects</v>
          </cell>
        </row>
        <row r="525">
          <cell r="A525" t="str">
            <v>H0903</v>
          </cell>
          <cell r="B525" t="str">
            <v>2014 Projects</v>
          </cell>
        </row>
        <row r="526">
          <cell r="A526" t="str">
            <v>H0905</v>
          </cell>
          <cell r="B526" t="str">
            <v>2014 Projects</v>
          </cell>
        </row>
        <row r="527">
          <cell r="A527" t="str">
            <v>H0964</v>
          </cell>
          <cell r="B527" t="str">
            <v>2014 Projects</v>
          </cell>
        </row>
        <row r="528">
          <cell r="A528" t="str">
            <v>G9684</v>
          </cell>
          <cell r="B528" t="str">
            <v>2014 Projects</v>
          </cell>
        </row>
        <row r="529">
          <cell r="A529" t="str">
            <v>G1535</v>
          </cell>
          <cell r="B529" t="str">
            <v>2014 Projects</v>
          </cell>
        </row>
        <row r="530">
          <cell r="A530" t="str">
            <v>G2862</v>
          </cell>
          <cell r="B530" t="str">
            <v>2014 Projects</v>
          </cell>
        </row>
        <row r="531">
          <cell r="A531" t="str">
            <v>G4934</v>
          </cell>
          <cell r="B531" t="str">
            <v>2014 Projects</v>
          </cell>
        </row>
        <row r="532">
          <cell r="A532" t="str">
            <v>G5036</v>
          </cell>
          <cell r="B532" t="str">
            <v>2014 Projects</v>
          </cell>
        </row>
        <row r="533">
          <cell r="A533" t="str">
            <v>G5037</v>
          </cell>
          <cell r="B533" t="str">
            <v>2014 Projects</v>
          </cell>
        </row>
        <row r="534">
          <cell r="A534" t="str">
            <v>G8016</v>
          </cell>
          <cell r="B534" t="str">
            <v>2014 Projects</v>
          </cell>
        </row>
        <row r="535">
          <cell r="A535" t="str">
            <v>G8017</v>
          </cell>
          <cell r="B535" t="str">
            <v>2014 Projects</v>
          </cell>
        </row>
        <row r="536">
          <cell r="A536" t="str">
            <v>G8065</v>
          </cell>
          <cell r="B536" t="str">
            <v>2014 Projects</v>
          </cell>
        </row>
        <row r="537">
          <cell r="A537" t="str">
            <v>G8066</v>
          </cell>
          <cell r="B537" t="str">
            <v>2014 Projects</v>
          </cell>
        </row>
        <row r="538">
          <cell r="A538" t="str">
            <v>G8520</v>
          </cell>
          <cell r="B538" t="str">
            <v>2014 Projects</v>
          </cell>
        </row>
        <row r="539">
          <cell r="A539" t="str">
            <v>G8580</v>
          </cell>
          <cell r="B539" t="str">
            <v>2014 Projects</v>
          </cell>
        </row>
        <row r="540">
          <cell r="A540" t="str">
            <v>G8639</v>
          </cell>
          <cell r="B540" t="str">
            <v>2014 Projects</v>
          </cell>
        </row>
        <row r="541">
          <cell r="A541" t="str">
            <v>G8642</v>
          </cell>
          <cell r="B541" t="str">
            <v>2014 Projects</v>
          </cell>
        </row>
        <row r="542">
          <cell r="A542" t="str">
            <v>G8644</v>
          </cell>
          <cell r="B542" t="str">
            <v>2014 Projects</v>
          </cell>
        </row>
        <row r="543">
          <cell r="A543" t="str">
            <v>G9028</v>
          </cell>
          <cell r="B543" t="str">
            <v>2014 Projects</v>
          </cell>
        </row>
        <row r="544">
          <cell r="A544" t="str">
            <v>G9406</v>
          </cell>
          <cell r="B544" t="str">
            <v>2014 Projects</v>
          </cell>
        </row>
        <row r="545">
          <cell r="A545" t="str">
            <v>G9461</v>
          </cell>
          <cell r="B545" t="str">
            <v>2014 Projects</v>
          </cell>
        </row>
        <row r="546">
          <cell r="A546" t="str">
            <v>G9594</v>
          </cell>
          <cell r="B546" t="str">
            <v>2014 Projects</v>
          </cell>
        </row>
        <row r="547">
          <cell r="A547" t="str">
            <v>G9906</v>
          </cell>
          <cell r="B547" t="str">
            <v>2014 Projects</v>
          </cell>
        </row>
        <row r="548">
          <cell r="A548" t="str">
            <v>G9919</v>
          </cell>
          <cell r="B548" t="str">
            <v>2014 Projects</v>
          </cell>
        </row>
        <row r="549">
          <cell r="A549" t="str">
            <v>G9993</v>
          </cell>
          <cell r="B549" t="str">
            <v>2014 Projects</v>
          </cell>
        </row>
        <row r="550">
          <cell r="A550" t="str">
            <v>H0059</v>
          </cell>
          <cell r="B550" t="str">
            <v>2014 Projects</v>
          </cell>
        </row>
        <row r="551">
          <cell r="A551" t="str">
            <v>H0065</v>
          </cell>
          <cell r="B551" t="str">
            <v>2014 Projects</v>
          </cell>
        </row>
        <row r="552">
          <cell r="A552" t="str">
            <v>H0175</v>
          </cell>
          <cell r="B552" t="str">
            <v>2014 Projects</v>
          </cell>
        </row>
        <row r="553">
          <cell r="A553" t="str">
            <v>H0258</v>
          </cell>
          <cell r="B553" t="str">
            <v>2014 Projects</v>
          </cell>
        </row>
        <row r="554">
          <cell r="A554" t="str">
            <v>H0593</v>
          </cell>
          <cell r="B554" t="str">
            <v>2014 Projects</v>
          </cell>
        </row>
        <row r="555">
          <cell r="A555" t="str">
            <v>H0956</v>
          </cell>
          <cell r="B555" t="str">
            <v>2014 Projects</v>
          </cell>
        </row>
        <row r="556">
          <cell r="A556" t="str">
            <v>H1063</v>
          </cell>
          <cell r="B556" t="str">
            <v>2014 Projects</v>
          </cell>
        </row>
        <row r="557">
          <cell r="A557" t="str">
            <v>H1232</v>
          </cell>
          <cell r="B557" t="str">
            <v>2014 Projects</v>
          </cell>
        </row>
        <row r="558">
          <cell r="A558" t="str">
            <v>G8092</v>
          </cell>
          <cell r="B558" t="str">
            <v>2014 Projects</v>
          </cell>
        </row>
        <row r="559">
          <cell r="A559" t="str">
            <v>G8431</v>
          </cell>
          <cell r="B559" t="str">
            <v>2014 Projects</v>
          </cell>
        </row>
        <row r="560">
          <cell r="A560" t="str">
            <v>G8574</v>
          </cell>
          <cell r="B560" t="str">
            <v>2014 Projects</v>
          </cell>
        </row>
        <row r="561">
          <cell r="A561" t="str">
            <v>G9970</v>
          </cell>
          <cell r="B561" t="str">
            <v>2014 Projects</v>
          </cell>
        </row>
        <row r="562">
          <cell r="A562" t="str">
            <v>H0724</v>
          </cell>
          <cell r="B562" t="str">
            <v>2014 Projects</v>
          </cell>
        </row>
        <row r="563">
          <cell r="A563" t="str">
            <v>H0801</v>
          </cell>
          <cell r="B563" t="str">
            <v>2014 Projects</v>
          </cell>
        </row>
        <row r="564">
          <cell r="A564" t="str">
            <v>H0819</v>
          </cell>
          <cell r="B564" t="str">
            <v>2014 Projects</v>
          </cell>
        </row>
        <row r="565">
          <cell r="A565" t="str">
            <v>H0957</v>
          </cell>
          <cell r="B565" t="str">
            <v>2014 Projects</v>
          </cell>
        </row>
        <row r="566">
          <cell r="A566" t="str">
            <v>H1078</v>
          </cell>
          <cell r="B566" t="str">
            <v>2014 Projects</v>
          </cell>
        </row>
        <row r="567">
          <cell r="A567" t="str">
            <v>H1115</v>
          </cell>
          <cell r="B567" t="str">
            <v>2014 Projects</v>
          </cell>
        </row>
        <row r="568">
          <cell r="A568" t="str">
            <v>H1144</v>
          </cell>
          <cell r="B568" t="str">
            <v>2014 Projects</v>
          </cell>
        </row>
        <row r="569">
          <cell r="A569" t="str">
            <v>H1184</v>
          </cell>
          <cell r="B569" t="str">
            <v>2014 Projects</v>
          </cell>
        </row>
        <row r="570">
          <cell r="A570" t="str">
            <v>H1421</v>
          </cell>
          <cell r="B570" t="str">
            <v>2014 Projects</v>
          </cell>
        </row>
        <row r="571">
          <cell r="A571" t="str">
            <v>G5675</v>
          </cell>
          <cell r="B571" t="str">
            <v>2014 Projects</v>
          </cell>
        </row>
        <row r="572">
          <cell r="A572" t="str">
            <v>G7649</v>
          </cell>
          <cell r="B572" t="str">
            <v>2014 Projects</v>
          </cell>
        </row>
        <row r="573">
          <cell r="A573" t="str">
            <v>G7735</v>
          </cell>
          <cell r="B573" t="str">
            <v>2014 Projects</v>
          </cell>
        </row>
        <row r="574">
          <cell r="A574" t="str">
            <v>G8259</v>
          </cell>
          <cell r="B574" t="str">
            <v>2014 Projects</v>
          </cell>
        </row>
        <row r="575">
          <cell r="A575" t="str">
            <v>G8282</v>
          </cell>
          <cell r="B575" t="str">
            <v>2014 Projects</v>
          </cell>
        </row>
        <row r="576">
          <cell r="A576" t="str">
            <v>G8359</v>
          </cell>
          <cell r="B576" t="str">
            <v>2014 Projects</v>
          </cell>
        </row>
        <row r="577">
          <cell r="A577" t="str">
            <v>G8403</v>
          </cell>
          <cell r="B577" t="str">
            <v>2014 Projects</v>
          </cell>
        </row>
        <row r="578">
          <cell r="A578" t="str">
            <v>G8433</v>
          </cell>
          <cell r="B578" t="str">
            <v>2014 Projects</v>
          </cell>
        </row>
        <row r="579">
          <cell r="A579" t="str">
            <v>G8465</v>
          </cell>
          <cell r="B579" t="str">
            <v>2014 Projects</v>
          </cell>
        </row>
        <row r="580">
          <cell r="A580" t="str">
            <v>G8492</v>
          </cell>
          <cell r="B580" t="str">
            <v>2014 Projects</v>
          </cell>
        </row>
        <row r="581">
          <cell r="A581" t="str">
            <v>G8595</v>
          </cell>
          <cell r="B581" t="str">
            <v>2014 Projects</v>
          </cell>
        </row>
        <row r="582">
          <cell r="A582" t="str">
            <v>G8625</v>
          </cell>
          <cell r="B582" t="str">
            <v>2014 Projects</v>
          </cell>
        </row>
        <row r="583">
          <cell r="A583" t="str">
            <v>G8628</v>
          </cell>
          <cell r="B583" t="str">
            <v>2014 Projects</v>
          </cell>
        </row>
        <row r="584">
          <cell r="A584" t="str">
            <v>G8999</v>
          </cell>
          <cell r="B584" t="str">
            <v>2014 Projects</v>
          </cell>
        </row>
        <row r="585">
          <cell r="A585" t="str">
            <v>G9473</v>
          </cell>
          <cell r="B585" t="str">
            <v>2014 Projects</v>
          </cell>
        </row>
        <row r="586">
          <cell r="A586" t="str">
            <v>G9496</v>
          </cell>
          <cell r="B586" t="str">
            <v>2014 Projects</v>
          </cell>
        </row>
        <row r="587">
          <cell r="A587" t="str">
            <v>G9512</v>
          </cell>
          <cell r="B587" t="str">
            <v>2014 Projects</v>
          </cell>
        </row>
        <row r="588">
          <cell r="A588" t="str">
            <v>G9585</v>
          </cell>
          <cell r="B588" t="str">
            <v>2014 Projects</v>
          </cell>
        </row>
        <row r="589">
          <cell r="A589" t="str">
            <v>G9605</v>
          </cell>
          <cell r="B589" t="str">
            <v>2014 Projects</v>
          </cell>
        </row>
        <row r="590">
          <cell r="A590" t="str">
            <v>G9615</v>
          </cell>
          <cell r="B590" t="str">
            <v>2014 Projects</v>
          </cell>
        </row>
        <row r="591">
          <cell r="A591" t="str">
            <v>G9622</v>
          </cell>
          <cell r="B591" t="str">
            <v>2014 Projects</v>
          </cell>
        </row>
        <row r="592">
          <cell r="A592" t="str">
            <v>G9779</v>
          </cell>
          <cell r="B592" t="str">
            <v>2014 Projects</v>
          </cell>
        </row>
        <row r="593">
          <cell r="A593" t="str">
            <v>G9786</v>
          </cell>
          <cell r="B593" t="str">
            <v>2014 Projects</v>
          </cell>
        </row>
        <row r="594">
          <cell r="A594" t="str">
            <v>G9875</v>
          </cell>
          <cell r="B594" t="str">
            <v>2014 Projects</v>
          </cell>
        </row>
        <row r="595">
          <cell r="A595" t="str">
            <v>H0102</v>
          </cell>
          <cell r="B595" t="str">
            <v>2014 Projects</v>
          </cell>
        </row>
        <row r="596">
          <cell r="A596" t="str">
            <v>H0242</v>
          </cell>
          <cell r="B596" t="str">
            <v>2014 Projects</v>
          </cell>
        </row>
        <row r="597">
          <cell r="A597" t="str">
            <v>H0467</v>
          </cell>
          <cell r="B597" t="str">
            <v>2014 Projects</v>
          </cell>
        </row>
        <row r="598">
          <cell r="A598" t="str">
            <v>H0533</v>
          </cell>
          <cell r="B598" t="str">
            <v>2014 Projects</v>
          </cell>
        </row>
        <row r="599">
          <cell r="A599" t="str">
            <v>H0867</v>
          </cell>
          <cell r="B599" t="str">
            <v>2014 Projects</v>
          </cell>
        </row>
        <row r="600">
          <cell r="A600" t="str">
            <v>H0888</v>
          </cell>
          <cell r="B600" t="str">
            <v>2014 Projects</v>
          </cell>
        </row>
        <row r="601">
          <cell r="A601" t="str">
            <v>H0993</v>
          </cell>
          <cell r="B601" t="str">
            <v>2014 Projects</v>
          </cell>
        </row>
        <row r="602">
          <cell r="A602" t="str">
            <v>G7617</v>
          </cell>
          <cell r="B602" t="str">
            <v>2014 Projects</v>
          </cell>
        </row>
        <row r="603">
          <cell r="A603" t="str">
            <v>G7618</v>
          </cell>
          <cell r="B603" t="str">
            <v>2014 Projects</v>
          </cell>
        </row>
        <row r="604">
          <cell r="A604" t="str">
            <v>G9366</v>
          </cell>
          <cell r="B604" t="str">
            <v>2014 Projects</v>
          </cell>
        </row>
        <row r="605">
          <cell r="A605" t="str">
            <v>G9628</v>
          </cell>
          <cell r="B605" t="str">
            <v>2014 Projects</v>
          </cell>
        </row>
        <row r="606">
          <cell r="A606" t="str">
            <v>G9737</v>
          </cell>
          <cell r="B606" t="str">
            <v>2014 Projects</v>
          </cell>
        </row>
        <row r="607">
          <cell r="A607" t="str">
            <v>G9892</v>
          </cell>
          <cell r="B607" t="str">
            <v>2014 Projects</v>
          </cell>
        </row>
        <row r="608">
          <cell r="A608" t="str">
            <v>H0976</v>
          </cell>
          <cell r="B608" t="str">
            <v>2014 Projects</v>
          </cell>
        </row>
        <row r="609">
          <cell r="A609" t="str">
            <v>H1395</v>
          </cell>
          <cell r="B609" t="str">
            <v>2014 Projects</v>
          </cell>
        </row>
        <row r="610">
          <cell r="A610" t="str">
            <v>G9018</v>
          </cell>
          <cell r="B610" t="str">
            <v>2014 Projects</v>
          </cell>
        </row>
        <row r="611">
          <cell r="A611" t="str">
            <v>G6581</v>
          </cell>
          <cell r="B611" t="str">
            <v>2014 Projects</v>
          </cell>
        </row>
        <row r="612">
          <cell r="A612" t="str">
            <v>G6628</v>
          </cell>
          <cell r="B612" t="str">
            <v>2014 Projects</v>
          </cell>
        </row>
        <row r="613">
          <cell r="A613" t="str">
            <v>G6704</v>
          </cell>
          <cell r="B613" t="str">
            <v>2014 Projects</v>
          </cell>
        </row>
        <row r="614">
          <cell r="A614" t="str">
            <v>G7071</v>
          </cell>
          <cell r="B614" t="str">
            <v>2014 Projects</v>
          </cell>
        </row>
        <row r="615">
          <cell r="A615" t="str">
            <v>G7279</v>
          </cell>
          <cell r="B615" t="str">
            <v>2014 Projects</v>
          </cell>
        </row>
        <row r="616">
          <cell r="A616" t="str">
            <v>G7341</v>
          </cell>
          <cell r="B616" t="str">
            <v>2014 Projects</v>
          </cell>
        </row>
        <row r="617">
          <cell r="A617" t="str">
            <v>G7405</v>
          </cell>
          <cell r="B617" t="str">
            <v>2014 Projects</v>
          </cell>
        </row>
        <row r="618">
          <cell r="A618" t="str">
            <v>G8100</v>
          </cell>
          <cell r="B618" t="str">
            <v>2014 Projects</v>
          </cell>
        </row>
        <row r="619">
          <cell r="A619" t="str">
            <v>G8187</v>
          </cell>
          <cell r="B619" t="str">
            <v>2014 Projects</v>
          </cell>
        </row>
        <row r="620">
          <cell r="A620" t="str">
            <v>G8208</v>
          </cell>
          <cell r="B620" t="str">
            <v>2014 Projects</v>
          </cell>
        </row>
        <row r="621">
          <cell r="A621" t="str">
            <v>G8240</v>
          </cell>
          <cell r="B621" t="str">
            <v>2014 Projects</v>
          </cell>
        </row>
        <row r="622">
          <cell r="A622" t="str">
            <v>G8251</v>
          </cell>
          <cell r="B622" t="str">
            <v>2014 Projects</v>
          </cell>
        </row>
        <row r="623">
          <cell r="A623" t="str">
            <v>G8483</v>
          </cell>
          <cell r="B623" t="str">
            <v>2014 Projects</v>
          </cell>
        </row>
        <row r="624">
          <cell r="A624" t="str">
            <v>G8567</v>
          </cell>
          <cell r="B624" t="str">
            <v>2014 Projects</v>
          </cell>
        </row>
        <row r="625">
          <cell r="A625" t="str">
            <v>G8568</v>
          </cell>
          <cell r="B625" t="str">
            <v>2014 Projects</v>
          </cell>
        </row>
        <row r="626">
          <cell r="A626" t="str">
            <v>G8596</v>
          </cell>
          <cell r="B626" t="str">
            <v>2014 Projects</v>
          </cell>
        </row>
        <row r="627">
          <cell r="A627" t="str">
            <v>G8714</v>
          </cell>
          <cell r="B627" t="str">
            <v>2014 Projects</v>
          </cell>
        </row>
        <row r="628">
          <cell r="A628" t="str">
            <v>G8717</v>
          </cell>
          <cell r="B628" t="str">
            <v>2014 Projects</v>
          </cell>
        </row>
        <row r="629">
          <cell r="A629" t="str">
            <v>G8754</v>
          </cell>
          <cell r="B629" t="str">
            <v>2014 Projects</v>
          </cell>
        </row>
        <row r="630">
          <cell r="A630" t="str">
            <v>G8765</v>
          </cell>
          <cell r="B630" t="str">
            <v>2014 Projects</v>
          </cell>
        </row>
        <row r="631">
          <cell r="A631" t="str">
            <v>G8860</v>
          </cell>
          <cell r="B631" t="str">
            <v>2014 Projects</v>
          </cell>
        </row>
        <row r="632">
          <cell r="A632" t="str">
            <v>G8900</v>
          </cell>
          <cell r="B632" t="str">
            <v>2014 Projects</v>
          </cell>
        </row>
        <row r="633">
          <cell r="A633" t="str">
            <v>G8998</v>
          </cell>
          <cell r="B633" t="str">
            <v>2014 Projects</v>
          </cell>
        </row>
        <row r="634">
          <cell r="A634" t="str">
            <v>G9397</v>
          </cell>
          <cell r="B634" t="str">
            <v>2014 Projects</v>
          </cell>
        </row>
        <row r="635">
          <cell r="A635" t="str">
            <v>G9398</v>
          </cell>
          <cell r="B635" t="str">
            <v>2014 Projects</v>
          </cell>
        </row>
        <row r="636">
          <cell r="A636" t="str">
            <v>G9423</v>
          </cell>
          <cell r="B636" t="str">
            <v>2014 Projects</v>
          </cell>
        </row>
        <row r="637">
          <cell r="A637" t="str">
            <v>G9456</v>
          </cell>
          <cell r="B637" t="str">
            <v>2014 Projects</v>
          </cell>
        </row>
        <row r="638">
          <cell r="A638" t="str">
            <v>G9492</v>
          </cell>
          <cell r="B638" t="str">
            <v>2014 Projects</v>
          </cell>
        </row>
        <row r="639">
          <cell r="A639" t="str">
            <v>G9502</v>
          </cell>
          <cell r="B639" t="str">
            <v>2014 Projects</v>
          </cell>
        </row>
        <row r="640">
          <cell r="A640" t="str">
            <v>G9564</v>
          </cell>
          <cell r="B640" t="str">
            <v>2014 Projects</v>
          </cell>
        </row>
        <row r="641">
          <cell r="A641" t="str">
            <v>G9670</v>
          </cell>
          <cell r="B641" t="str">
            <v>2014 Projects</v>
          </cell>
        </row>
        <row r="642">
          <cell r="A642" t="str">
            <v>G9694</v>
          </cell>
          <cell r="B642" t="str">
            <v>2014 Projects</v>
          </cell>
        </row>
        <row r="643">
          <cell r="A643" t="str">
            <v>G9848</v>
          </cell>
          <cell r="B643" t="str">
            <v>2014 Projects</v>
          </cell>
        </row>
        <row r="644">
          <cell r="A644" t="str">
            <v>G9969</v>
          </cell>
          <cell r="B644" t="str">
            <v>2014 Projects</v>
          </cell>
        </row>
        <row r="645">
          <cell r="A645" t="str">
            <v>H0028</v>
          </cell>
          <cell r="B645" t="str">
            <v>2014 Projects</v>
          </cell>
        </row>
        <row r="646">
          <cell r="A646" t="str">
            <v>H0081</v>
          </cell>
          <cell r="B646" t="str">
            <v>2014 Projects</v>
          </cell>
        </row>
        <row r="647">
          <cell r="A647" t="str">
            <v>H0194</v>
          </cell>
          <cell r="B647" t="str">
            <v>2014 Projects</v>
          </cell>
        </row>
        <row r="648">
          <cell r="A648" t="str">
            <v>H0201</v>
          </cell>
          <cell r="B648" t="str">
            <v>2014 Projects</v>
          </cell>
        </row>
        <row r="649">
          <cell r="A649" t="str">
            <v>H0559</v>
          </cell>
          <cell r="B649" t="str">
            <v>2014 Projects</v>
          </cell>
        </row>
        <row r="650">
          <cell r="A650" t="str">
            <v>H0871</v>
          </cell>
          <cell r="B650" t="str">
            <v>2014 Projects</v>
          </cell>
        </row>
        <row r="651">
          <cell r="A651" t="str">
            <v>H0966</v>
          </cell>
          <cell r="B651" t="str">
            <v>2014 Projects</v>
          </cell>
        </row>
        <row r="652">
          <cell r="A652" t="str">
            <v>H0984</v>
          </cell>
          <cell r="B652" t="str">
            <v>2014 Projects</v>
          </cell>
        </row>
        <row r="653">
          <cell r="A653" t="str">
            <v>H0998</v>
          </cell>
          <cell r="B653" t="str">
            <v>2014 Projects</v>
          </cell>
        </row>
        <row r="654">
          <cell r="A654" t="str">
            <v>H1007</v>
          </cell>
          <cell r="B654" t="str">
            <v>2014 Projects</v>
          </cell>
        </row>
        <row r="655">
          <cell r="A655" t="str">
            <v>H1118</v>
          </cell>
          <cell r="B655" t="str">
            <v>2014 Projects</v>
          </cell>
        </row>
        <row r="656">
          <cell r="A656" t="str">
            <v>H1195</v>
          </cell>
          <cell r="B656" t="str">
            <v>2014 Projects</v>
          </cell>
        </row>
        <row r="657">
          <cell r="A657" t="str">
            <v>H1312</v>
          </cell>
          <cell r="B657" t="str">
            <v>2014 Projects</v>
          </cell>
        </row>
        <row r="658">
          <cell r="A658" t="str">
            <v>H9104</v>
          </cell>
          <cell r="B658" t="str">
            <v>2014 Projects</v>
          </cell>
        </row>
        <row r="659">
          <cell r="A659" t="str">
            <v>G0004</v>
          </cell>
          <cell r="B659" t="str">
            <v>2014 Projects</v>
          </cell>
        </row>
        <row r="660">
          <cell r="A660" t="str">
            <v>G4937</v>
          </cell>
          <cell r="B660" t="str">
            <v>2014 Projects</v>
          </cell>
        </row>
        <row r="661">
          <cell r="A661" t="str">
            <v>G7182</v>
          </cell>
          <cell r="B661" t="str">
            <v>2014 Projects</v>
          </cell>
        </row>
        <row r="662">
          <cell r="A662" t="str">
            <v>G9074</v>
          </cell>
          <cell r="B662" t="str">
            <v>2014 Projects</v>
          </cell>
        </row>
        <row r="663">
          <cell r="A663" t="str">
            <v>G9546</v>
          </cell>
          <cell r="B663" t="str">
            <v>2014 Projects</v>
          </cell>
        </row>
        <row r="664">
          <cell r="A664" t="str">
            <v>G9630</v>
          </cell>
          <cell r="B664" t="str">
            <v>2014 Projects</v>
          </cell>
        </row>
        <row r="665">
          <cell r="A665" t="str">
            <v>G9952</v>
          </cell>
          <cell r="B665" t="str">
            <v>2014 Projects</v>
          </cell>
        </row>
        <row r="666">
          <cell r="A666" t="str">
            <v>H0347</v>
          </cell>
          <cell r="B666" t="str">
            <v>2014 Projects</v>
          </cell>
        </row>
        <row r="667">
          <cell r="A667" t="str">
            <v>H0600</v>
          </cell>
          <cell r="B667" t="str">
            <v>2014 Projects</v>
          </cell>
        </row>
        <row r="668">
          <cell r="A668" t="str">
            <v>H0624</v>
          </cell>
          <cell r="B668" t="str">
            <v>2014 Projects</v>
          </cell>
        </row>
        <row r="669">
          <cell r="A669" t="str">
            <v>H0721</v>
          </cell>
          <cell r="B669" t="str">
            <v>2014 Projects</v>
          </cell>
        </row>
        <row r="670">
          <cell r="A670" t="str">
            <v>H1210</v>
          </cell>
          <cell r="B670" t="str">
            <v>2014 Projects</v>
          </cell>
        </row>
        <row r="671">
          <cell r="A671" t="str">
            <v>G9364</v>
          </cell>
          <cell r="B671" t="str">
            <v>2014 Projects</v>
          </cell>
        </row>
        <row r="672">
          <cell r="A672" t="str">
            <v>H0083</v>
          </cell>
          <cell r="B672" t="str">
            <v>2014 Projects</v>
          </cell>
        </row>
        <row r="673">
          <cell r="A673" t="str">
            <v>H0391</v>
          </cell>
          <cell r="B673" t="str">
            <v>2014 Projects</v>
          </cell>
        </row>
        <row r="674">
          <cell r="A674" t="str">
            <v>H0680</v>
          </cell>
          <cell r="B674" t="str">
            <v>2014 Projects</v>
          </cell>
        </row>
        <row r="675">
          <cell r="A675" t="str">
            <v>H0968</v>
          </cell>
          <cell r="B675" t="str">
            <v>2014 Projects</v>
          </cell>
        </row>
        <row r="676">
          <cell r="A676" t="str">
            <v>H1544</v>
          </cell>
          <cell r="B676" t="str">
            <v>2014 Projects</v>
          </cell>
        </row>
        <row r="677">
          <cell r="A677" t="str">
            <v>H1575</v>
          </cell>
          <cell r="B677" t="str">
            <v>2014 Projects</v>
          </cell>
        </row>
        <row r="678">
          <cell r="A678" t="str">
            <v>H1680</v>
          </cell>
          <cell r="B678" t="str">
            <v>2014 Projects</v>
          </cell>
        </row>
        <row r="679">
          <cell r="A679" t="str">
            <v>H2062</v>
          </cell>
          <cell r="B679" t="str">
            <v>2014 Projects</v>
          </cell>
        </row>
        <row r="680">
          <cell r="A680" t="str">
            <v>H2112</v>
          </cell>
          <cell r="B680" t="str">
            <v>2014 Projects</v>
          </cell>
        </row>
        <row r="681">
          <cell r="A681" t="str">
            <v>H3106</v>
          </cell>
          <cell r="B681" t="str">
            <v>2014 Projects</v>
          </cell>
        </row>
        <row r="682">
          <cell r="A682" t="str">
            <v>I5104</v>
          </cell>
          <cell r="B682" t="str">
            <v>2014 Projects</v>
          </cell>
        </row>
        <row r="683">
          <cell r="A683" t="str">
            <v>ADELDL12</v>
          </cell>
          <cell r="B683" t="str">
            <v>2014 Projects</v>
          </cell>
        </row>
        <row r="684">
          <cell r="A684" t="str">
            <v>G0822</v>
          </cell>
          <cell r="B684" t="str">
            <v>2014 Projects</v>
          </cell>
        </row>
        <row r="685">
          <cell r="A685" t="str">
            <v>G9499</v>
          </cell>
          <cell r="B685" t="str">
            <v>2014 Projects</v>
          </cell>
        </row>
        <row r="686">
          <cell r="A686" t="str">
            <v>G9717</v>
          </cell>
          <cell r="B686" t="str">
            <v>2014 Projects</v>
          </cell>
        </row>
        <row r="687">
          <cell r="A687" t="str">
            <v>G9917</v>
          </cell>
          <cell r="B687" t="str">
            <v>2014 Projects</v>
          </cell>
        </row>
        <row r="688">
          <cell r="A688" t="str">
            <v>H0191</v>
          </cell>
          <cell r="B688" t="str">
            <v>2014 Projects</v>
          </cell>
        </row>
        <row r="689">
          <cell r="A689" t="str">
            <v>H0395</v>
          </cell>
          <cell r="B689" t="str">
            <v>2014 Projects</v>
          </cell>
        </row>
        <row r="690">
          <cell r="A690" t="str">
            <v>H0468</v>
          </cell>
          <cell r="B690" t="str">
            <v>2014 Projects</v>
          </cell>
        </row>
        <row r="691">
          <cell r="A691" t="str">
            <v>H0514</v>
          </cell>
          <cell r="B691" t="str">
            <v>2014 Projects</v>
          </cell>
        </row>
        <row r="692">
          <cell r="A692" t="str">
            <v>H0639</v>
          </cell>
          <cell r="B692" t="str">
            <v>2014 Projects</v>
          </cell>
        </row>
        <row r="693">
          <cell r="A693" t="str">
            <v>H0942</v>
          </cell>
          <cell r="B693" t="str">
            <v>2014 Projects</v>
          </cell>
        </row>
        <row r="694">
          <cell r="A694" t="str">
            <v>H0975</v>
          </cell>
          <cell r="B694" t="str">
            <v>2014 Projects</v>
          </cell>
        </row>
        <row r="695">
          <cell r="A695" t="str">
            <v>H1022</v>
          </cell>
          <cell r="B695" t="str">
            <v>2014 Projects</v>
          </cell>
        </row>
        <row r="696">
          <cell r="A696" t="str">
            <v>H1151</v>
          </cell>
          <cell r="B696" t="str">
            <v>2014 Projects</v>
          </cell>
        </row>
        <row r="697">
          <cell r="A697" t="str">
            <v>H1175</v>
          </cell>
          <cell r="B697" t="str">
            <v>2014 Projects</v>
          </cell>
        </row>
        <row r="698">
          <cell r="A698" t="str">
            <v>H1261</v>
          </cell>
          <cell r="B698" t="str">
            <v>2014 Projects</v>
          </cell>
        </row>
        <row r="699">
          <cell r="A699" t="str">
            <v>H1492</v>
          </cell>
          <cell r="B699" t="str">
            <v>2014 Projects</v>
          </cell>
        </row>
        <row r="700">
          <cell r="A700" t="str">
            <v>H1962</v>
          </cell>
          <cell r="B700" t="str">
            <v>2014 Projects</v>
          </cell>
        </row>
        <row r="701">
          <cell r="A701" t="str">
            <v>H1984</v>
          </cell>
          <cell r="B701" t="str">
            <v>2014 Projects</v>
          </cell>
        </row>
        <row r="702">
          <cell r="A702" t="str">
            <v>I6118</v>
          </cell>
          <cell r="B702" t="str">
            <v>2014 Projects</v>
          </cell>
        </row>
        <row r="703">
          <cell r="A703" t="str">
            <v>K0122</v>
          </cell>
          <cell r="B703" t="str">
            <v>2014 Projects</v>
          </cell>
        </row>
        <row r="704">
          <cell r="A704" t="str">
            <v>H0503</v>
          </cell>
          <cell r="B704" t="str">
            <v>2014 Projects</v>
          </cell>
        </row>
        <row r="705">
          <cell r="A705" t="str">
            <v>H0638</v>
          </cell>
          <cell r="B705" t="str">
            <v>2014 Projects</v>
          </cell>
        </row>
        <row r="706">
          <cell r="A706" t="str">
            <v>H0669</v>
          </cell>
          <cell r="B706" t="str">
            <v>2014 Projects</v>
          </cell>
        </row>
        <row r="707">
          <cell r="A707" t="str">
            <v>H1381</v>
          </cell>
          <cell r="B707" t="str">
            <v>2014 Projects</v>
          </cell>
        </row>
        <row r="708">
          <cell r="A708" t="str">
            <v>H1382</v>
          </cell>
          <cell r="B708" t="str">
            <v>2014 Projects</v>
          </cell>
        </row>
        <row r="709">
          <cell r="A709" t="str">
            <v>F5765</v>
          </cell>
          <cell r="B709" t="str">
            <v>2014 Projects</v>
          </cell>
        </row>
        <row r="710">
          <cell r="A710" t="str">
            <v>F5784</v>
          </cell>
          <cell r="B710" t="str">
            <v>2014 Projects</v>
          </cell>
        </row>
        <row r="711">
          <cell r="A711" t="str">
            <v>F5904</v>
          </cell>
          <cell r="B711" t="str">
            <v>2014 Projects</v>
          </cell>
        </row>
        <row r="712">
          <cell r="A712" t="str">
            <v>F5905</v>
          </cell>
          <cell r="B712" t="str">
            <v>2014 Projects</v>
          </cell>
        </row>
        <row r="713">
          <cell r="A713" t="str">
            <v>G1267</v>
          </cell>
          <cell r="B713" t="str">
            <v>2014 Projects</v>
          </cell>
        </row>
        <row r="714">
          <cell r="A714" t="str">
            <v>G2345</v>
          </cell>
          <cell r="B714" t="str">
            <v>2014 Projects</v>
          </cell>
        </row>
        <row r="715">
          <cell r="A715" t="str">
            <v>G6727</v>
          </cell>
          <cell r="B715" t="str">
            <v>2014 Projects</v>
          </cell>
        </row>
        <row r="716">
          <cell r="A716" t="str">
            <v>G6775</v>
          </cell>
          <cell r="B716" t="str">
            <v>2014 Projects</v>
          </cell>
        </row>
        <row r="717">
          <cell r="A717" t="str">
            <v>G6979</v>
          </cell>
          <cell r="B717" t="str">
            <v>2014 Projects</v>
          </cell>
        </row>
        <row r="718">
          <cell r="A718" t="str">
            <v>G8216</v>
          </cell>
          <cell r="B718" t="str">
            <v>2014 Projects</v>
          </cell>
        </row>
        <row r="719">
          <cell r="A719" t="str">
            <v>G8220</v>
          </cell>
          <cell r="B719" t="str">
            <v>2014 Projects</v>
          </cell>
        </row>
        <row r="720">
          <cell r="A720" t="str">
            <v>G8228</v>
          </cell>
          <cell r="B720" t="str">
            <v>2014 Projects</v>
          </cell>
        </row>
        <row r="721">
          <cell r="A721" t="str">
            <v>G8257</v>
          </cell>
          <cell r="B721" t="str">
            <v>2014 Projects</v>
          </cell>
        </row>
        <row r="722">
          <cell r="A722" t="str">
            <v>G8404</v>
          </cell>
          <cell r="B722" t="str">
            <v>2014 Projects</v>
          </cell>
        </row>
        <row r="723">
          <cell r="A723" t="str">
            <v>G8705</v>
          </cell>
          <cell r="B723" t="str">
            <v>2014 Projects</v>
          </cell>
        </row>
        <row r="724">
          <cell r="A724" t="str">
            <v>G8953</v>
          </cell>
          <cell r="B724" t="str">
            <v>2014 Projects</v>
          </cell>
        </row>
        <row r="725">
          <cell r="A725" t="str">
            <v>G9024</v>
          </cell>
          <cell r="B725" t="str">
            <v>2014 Projects</v>
          </cell>
        </row>
        <row r="726">
          <cell r="A726" t="str">
            <v>G9467</v>
          </cell>
          <cell r="B726" t="str">
            <v>2014 Projects</v>
          </cell>
        </row>
        <row r="727">
          <cell r="A727" t="str">
            <v>G9574</v>
          </cell>
          <cell r="B727" t="str">
            <v>2014 Projects</v>
          </cell>
        </row>
        <row r="728">
          <cell r="A728" t="str">
            <v>G9588</v>
          </cell>
          <cell r="B728" t="str">
            <v>2014 Projects</v>
          </cell>
        </row>
        <row r="729">
          <cell r="A729" t="str">
            <v>G9612</v>
          </cell>
          <cell r="B729" t="str">
            <v>2014 Projects</v>
          </cell>
        </row>
        <row r="730">
          <cell r="A730" t="str">
            <v>G9672</v>
          </cell>
          <cell r="B730" t="str">
            <v>2014 Projects</v>
          </cell>
        </row>
        <row r="731">
          <cell r="A731" t="str">
            <v>G9691</v>
          </cell>
          <cell r="B731" t="str">
            <v>2014 Projects</v>
          </cell>
        </row>
        <row r="732">
          <cell r="A732" t="str">
            <v>G9782</v>
          </cell>
          <cell r="B732" t="str">
            <v>2014 Projects</v>
          </cell>
        </row>
        <row r="733">
          <cell r="A733" t="str">
            <v>G9905</v>
          </cell>
          <cell r="B733" t="str">
            <v>2014 Projects</v>
          </cell>
        </row>
        <row r="734">
          <cell r="A734" t="str">
            <v>G9941</v>
          </cell>
          <cell r="B734" t="str">
            <v>2014 Projects</v>
          </cell>
        </row>
        <row r="735">
          <cell r="A735" t="str">
            <v>H0135</v>
          </cell>
          <cell r="B735" t="str">
            <v>2014 Projects</v>
          </cell>
        </row>
        <row r="736">
          <cell r="A736" t="str">
            <v>H0172</v>
          </cell>
          <cell r="B736" t="str">
            <v>2014 Projects</v>
          </cell>
        </row>
        <row r="737">
          <cell r="A737" t="str">
            <v>H0181</v>
          </cell>
          <cell r="B737" t="str">
            <v>2014 Projects</v>
          </cell>
        </row>
        <row r="738">
          <cell r="A738" t="str">
            <v>H0229</v>
          </cell>
          <cell r="B738" t="str">
            <v>2014 Projects</v>
          </cell>
        </row>
        <row r="739">
          <cell r="A739" t="str">
            <v>H0237</v>
          </cell>
          <cell r="B739" t="str">
            <v>2014 Projects</v>
          </cell>
        </row>
        <row r="740">
          <cell r="A740" t="str">
            <v>H0323</v>
          </cell>
          <cell r="B740" t="str">
            <v>2014 Projects</v>
          </cell>
        </row>
        <row r="741">
          <cell r="A741" t="str">
            <v>H0404</v>
          </cell>
          <cell r="B741" t="str">
            <v>2014 Projects</v>
          </cell>
        </row>
        <row r="742">
          <cell r="A742" t="str">
            <v>H0406</v>
          </cell>
          <cell r="B742" t="str">
            <v>2014 Projects</v>
          </cell>
        </row>
        <row r="743">
          <cell r="A743" t="str">
            <v>H0418</v>
          </cell>
          <cell r="B743" t="str">
            <v>2014 Projects</v>
          </cell>
        </row>
        <row r="744">
          <cell r="A744" t="str">
            <v>H0466</v>
          </cell>
          <cell r="B744" t="str">
            <v>2014 Projects</v>
          </cell>
        </row>
        <row r="745">
          <cell r="A745" t="str">
            <v>H0530</v>
          </cell>
          <cell r="B745" t="str">
            <v>2014 Projects</v>
          </cell>
        </row>
        <row r="746">
          <cell r="A746" t="str">
            <v>H0543</v>
          </cell>
          <cell r="B746" t="str">
            <v>2014 Projects</v>
          </cell>
        </row>
        <row r="747">
          <cell r="A747" t="str">
            <v>H0889</v>
          </cell>
          <cell r="B747" t="str">
            <v>2014 Projects</v>
          </cell>
        </row>
        <row r="748">
          <cell r="A748" t="str">
            <v>H0969</v>
          </cell>
          <cell r="B748" t="str">
            <v>2014 Projects</v>
          </cell>
        </row>
        <row r="749">
          <cell r="A749" t="str">
            <v>H0985</v>
          </cell>
          <cell r="B749" t="str">
            <v>2014 Projects</v>
          </cell>
        </row>
        <row r="750">
          <cell r="A750" t="str">
            <v>H1026</v>
          </cell>
          <cell r="B750" t="str">
            <v>2014 Projects</v>
          </cell>
        </row>
        <row r="751">
          <cell r="A751" t="str">
            <v>H1052</v>
          </cell>
          <cell r="B751" t="str">
            <v>2014 Projects</v>
          </cell>
        </row>
        <row r="752">
          <cell r="A752" t="str">
            <v>H1053</v>
          </cell>
          <cell r="B752" t="str">
            <v>2014 Projects</v>
          </cell>
        </row>
        <row r="753">
          <cell r="A753" t="str">
            <v>H1112</v>
          </cell>
          <cell r="B753" t="str">
            <v>2014 Projects</v>
          </cell>
        </row>
        <row r="754">
          <cell r="A754" t="str">
            <v>H1114</v>
          </cell>
          <cell r="B754" t="str">
            <v>2014 Projects</v>
          </cell>
        </row>
        <row r="755">
          <cell r="A755" t="str">
            <v>H1119</v>
          </cell>
          <cell r="B755" t="str">
            <v>2014 Projects</v>
          </cell>
        </row>
        <row r="756">
          <cell r="A756" t="str">
            <v>H1208</v>
          </cell>
          <cell r="B756" t="str">
            <v>2014 Projects</v>
          </cell>
        </row>
        <row r="757">
          <cell r="A757" t="str">
            <v>H1214</v>
          </cell>
          <cell r="B757" t="str">
            <v>2014 Projects</v>
          </cell>
        </row>
        <row r="758">
          <cell r="A758" t="str">
            <v>H1273</v>
          </cell>
          <cell r="B758" t="str">
            <v>2014 Projects</v>
          </cell>
        </row>
        <row r="759">
          <cell r="A759" t="str">
            <v>H1343</v>
          </cell>
          <cell r="B759" t="str">
            <v>2014 Projects</v>
          </cell>
        </row>
        <row r="760">
          <cell r="A760" t="str">
            <v>H1445</v>
          </cell>
          <cell r="B760" t="str">
            <v>2014 Projects</v>
          </cell>
        </row>
        <row r="761">
          <cell r="A761" t="str">
            <v>H1506</v>
          </cell>
          <cell r="B761" t="str">
            <v>2014 Projects</v>
          </cell>
        </row>
        <row r="762">
          <cell r="A762" t="str">
            <v>H1650</v>
          </cell>
          <cell r="B762" t="str">
            <v>2014 Projects</v>
          </cell>
        </row>
        <row r="763">
          <cell r="A763" t="str">
            <v>H1944</v>
          </cell>
          <cell r="B763" t="str">
            <v>2014 Projects</v>
          </cell>
        </row>
        <row r="764">
          <cell r="A764" t="str">
            <v>H9103</v>
          </cell>
          <cell r="B764" t="str">
            <v>2014 Projects</v>
          </cell>
        </row>
        <row r="765">
          <cell r="A765" t="str">
            <v>J2106</v>
          </cell>
          <cell r="B765" t="str">
            <v>2014 Projects</v>
          </cell>
        </row>
        <row r="766">
          <cell r="A766" t="str">
            <v>J4107</v>
          </cell>
          <cell r="B766" t="str">
            <v>2014 Projects</v>
          </cell>
        </row>
        <row r="767">
          <cell r="A767" t="str">
            <v>E7764</v>
          </cell>
          <cell r="B767" t="str">
            <v>2014 Projects</v>
          </cell>
        </row>
        <row r="768">
          <cell r="A768" t="str">
            <v>G4119</v>
          </cell>
          <cell r="B768" t="str">
            <v>2014 Projects</v>
          </cell>
        </row>
        <row r="769">
          <cell r="A769" t="str">
            <v>G4155</v>
          </cell>
          <cell r="B769" t="str">
            <v>2014 Projects</v>
          </cell>
        </row>
        <row r="770">
          <cell r="A770" t="str">
            <v>G4996</v>
          </cell>
          <cell r="B770" t="str">
            <v>2014 Projects</v>
          </cell>
        </row>
        <row r="771">
          <cell r="A771" t="str">
            <v>G5481</v>
          </cell>
          <cell r="B771" t="str">
            <v>2014 Projects</v>
          </cell>
        </row>
        <row r="772">
          <cell r="A772" t="str">
            <v>G9209</v>
          </cell>
          <cell r="B772" t="str">
            <v>2014 Projects</v>
          </cell>
        </row>
        <row r="773">
          <cell r="A773" t="str">
            <v>G9669</v>
          </cell>
          <cell r="B773" t="str">
            <v>2014 Projects</v>
          </cell>
        </row>
        <row r="774">
          <cell r="A774" t="str">
            <v>H0880</v>
          </cell>
          <cell r="B774" t="str">
            <v>2014 Projects</v>
          </cell>
        </row>
        <row r="775">
          <cell r="A775" t="str">
            <v>H0965</v>
          </cell>
          <cell r="B775" t="str">
            <v>2014 Projects</v>
          </cell>
        </row>
        <row r="776">
          <cell r="A776" t="str">
            <v>H1009</v>
          </cell>
          <cell r="B776" t="str">
            <v>2014 Projects</v>
          </cell>
        </row>
        <row r="777">
          <cell r="A777" t="str">
            <v>H1215</v>
          </cell>
          <cell r="B777" t="str">
            <v>2014 Projects</v>
          </cell>
        </row>
        <row r="778">
          <cell r="A778" t="str">
            <v>H1552</v>
          </cell>
          <cell r="B778" t="str">
            <v>2014 Projects</v>
          </cell>
        </row>
        <row r="779">
          <cell r="A779" t="str">
            <v>H1566</v>
          </cell>
          <cell r="B779" t="str">
            <v>2014 Projects</v>
          </cell>
        </row>
        <row r="780">
          <cell r="A780" t="str">
            <v>H1703</v>
          </cell>
          <cell r="B780" t="str">
            <v>2014 Projects</v>
          </cell>
        </row>
        <row r="781">
          <cell r="A781" t="str">
            <v>H2104</v>
          </cell>
          <cell r="B781" t="str">
            <v>2014 Projects</v>
          </cell>
        </row>
        <row r="782">
          <cell r="A782" t="str">
            <v>ELASTIMOL</v>
          </cell>
          <cell r="B782" t="str">
            <v>2014 Projects</v>
          </cell>
        </row>
        <row r="783">
          <cell r="A783" t="str">
            <v>G9119</v>
          </cell>
          <cell r="B783" t="str">
            <v>2014 Projects</v>
          </cell>
        </row>
        <row r="784">
          <cell r="A784" t="str">
            <v>H0444</v>
          </cell>
          <cell r="B784" t="str">
            <v>2014 Projects</v>
          </cell>
        </row>
        <row r="785">
          <cell r="A785" t="str">
            <v>H1679</v>
          </cell>
          <cell r="B785" t="str">
            <v>2014 Projects</v>
          </cell>
        </row>
        <row r="786">
          <cell r="A786" t="str">
            <v>E1994</v>
          </cell>
          <cell r="B786" t="str">
            <v>2014 Projects</v>
          </cell>
        </row>
        <row r="787">
          <cell r="A787" t="str">
            <v>G5681</v>
          </cell>
          <cell r="B787" t="str">
            <v>2014 Projects</v>
          </cell>
        </row>
        <row r="788">
          <cell r="A788" t="str">
            <v>G6097</v>
          </cell>
          <cell r="B788" t="str">
            <v>2014 Projects</v>
          </cell>
        </row>
        <row r="789">
          <cell r="A789" t="str">
            <v>G6400</v>
          </cell>
          <cell r="B789" t="str">
            <v>2014 Projects</v>
          </cell>
        </row>
        <row r="790">
          <cell r="A790" t="str">
            <v>G6415</v>
          </cell>
          <cell r="B790" t="str">
            <v>2014 Projects</v>
          </cell>
        </row>
        <row r="791">
          <cell r="A791" t="str">
            <v>G6443</v>
          </cell>
          <cell r="B791" t="str">
            <v>2014 Projects</v>
          </cell>
        </row>
        <row r="792">
          <cell r="A792" t="str">
            <v>G6627</v>
          </cell>
          <cell r="B792" t="str">
            <v>2014 Projects</v>
          </cell>
        </row>
        <row r="793">
          <cell r="A793" t="str">
            <v>G6729</v>
          </cell>
          <cell r="B793" t="str">
            <v>2014 Projects</v>
          </cell>
        </row>
        <row r="794">
          <cell r="A794" t="str">
            <v>G7499</v>
          </cell>
          <cell r="B794" t="str">
            <v>2014 Projects</v>
          </cell>
        </row>
        <row r="795">
          <cell r="A795" t="str">
            <v>G7843</v>
          </cell>
          <cell r="B795" t="str">
            <v>2014 Projects</v>
          </cell>
        </row>
        <row r="796">
          <cell r="A796" t="str">
            <v>G8019</v>
          </cell>
          <cell r="B796" t="str">
            <v>2014 Projects</v>
          </cell>
        </row>
        <row r="797">
          <cell r="A797" t="str">
            <v>G8164</v>
          </cell>
          <cell r="B797" t="str">
            <v>2014 Projects</v>
          </cell>
        </row>
        <row r="798">
          <cell r="A798" t="str">
            <v>G8182</v>
          </cell>
          <cell r="B798" t="str">
            <v>2014 Projects</v>
          </cell>
        </row>
        <row r="799">
          <cell r="A799" t="str">
            <v>G8990</v>
          </cell>
          <cell r="B799" t="str">
            <v>2014 Projects</v>
          </cell>
        </row>
        <row r="800">
          <cell r="A800" t="str">
            <v>G9365</v>
          </cell>
          <cell r="B800" t="str">
            <v>2014 Projects</v>
          </cell>
        </row>
        <row r="801">
          <cell r="A801" t="str">
            <v>G9632</v>
          </cell>
          <cell r="B801" t="str">
            <v>2014 Projects</v>
          </cell>
        </row>
        <row r="802">
          <cell r="A802" t="str">
            <v>G9692</v>
          </cell>
          <cell r="B802" t="str">
            <v>2014 Projects</v>
          </cell>
        </row>
        <row r="803">
          <cell r="A803" t="str">
            <v>G9695</v>
          </cell>
          <cell r="B803" t="str">
            <v>2014 Projects</v>
          </cell>
        </row>
        <row r="804">
          <cell r="A804" t="str">
            <v>G9854</v>
          </cell>
          <cell r="B804" t="str">
            <v>2014 Projects</v>
          </cell>
        </row>
        <row r="805">
          <cell r="A805" t="str">
            <v>G9910</v>
          </cell>
          <cell r="B805" t="str">
            <v>2014 Projects</v>
          </cell>
        </row>
        <row r="806">
          <cell r="A806" t="str">
            <v>H0209</v>
          </cell>
          <cell r="B806" t="str">
            <v>2014 Projects</v>
          </cell>
        </row>
        <row r="807">
          <cell r="A807" t="str">
            <v>H0212</v>
          </cell>
          <cell r="B807" t="str">
            <v>2014 Projects</v>
          </cell>
        </row>
        <row r="808">
          <cell r="A808" t="str">
            <v>H0223</v>
          </cell>
          <cell r="B808" t="str">
            <v>2014 Projects</v>
          </cell>
        </row>
        <row r="809">
          <cell r="A809" t="str">
            <v>H0271</v>
          </cell>
          <cell r="B809" t="str">
            <v>2014 Projects</v>
          </cell>
        </row>
        <row r="810">
          <cell r="A810" t="str">
            <v>H0363</v>
          </cell>
          <cell r="B810" t="str">
            <v>2014 Projects</v>
          </cell>
        </row>
        <row r="811">
          <cell r="A811" t="str">
            <v>H0509</v>
          </cell>
          <cell r="B811" t="str">
            <v>2014 Projects</v>
          </cell>
        </row>
        <row r="812">
          <cell r="A812" t="str">
            <v>H0541</v>
          </cell>
          <cell r="B812" t="str">
            <v>2014 Projects</v>
          </cell>
        </row>
        <row r="813">
          <cell r="A813" t="str">
            <v>H0698</v>
          </cell>
          <cell r="B813" t="str">
            <v>2014 Projects</v>
          </cell>
        </row>
        <row r="814">
          <cell r="A814" t="str">
            <v>H0752</v>
          </cell>
          <cell r="B814" t="str">
            <v>2014 Projects</v>
          </cell>
        </row>
        <row r="815">
          <cell r="A815" t="str">
            <v>H0882</v>
          </cell>
          <cell r="B815" t="str">
            <v>2014 Projects</v>
          </cell>
        </row>
        <row r="816">
          <cell r="A816" t="str">
            <v>H1344</v>
          </cell>
          <cell r="B816" t="str">
            <v>2014 Projects</v>
          </cell>
        </row>
        <row r="817">
          <cell r="A817" t="str">
            <v>H1466</v>
          </cell>
          <cell r="B817" t="str">
            <v>2014 Projects</v>
          </cell>
        </row>
        <row r="818">
          <cell r="A818" t="str">
            <v>H1622</v>
          </cell>
          <cell r="B818" t="str">
            <v>2014 Projects</v>
          </cell>
        </row>
        <row r="819">
          <cell r="A819" t="str">
            <v>H1690</v>
          </cell>
          <cell r="B819" t="str">
            <v>2014 Projects</v>
          </cell>
        </row>
        <row r="820">
          <cell r="A820" t="str">
            <v>H1694</v>
          </cell>
          <cell r="B820" t="str">
            <v>2014 Projects</v>
          </cell>
        </row>
        <row r="821">
          <cell r="A821" t="str">
            <v>H1910</v>
          </cell>
          <cell r="B821" t="str">
            <v>2014 Projects</v>
          </cell>
        </row>
        <row r="822">
          <cell r="A822" t="str">
            <v>J0115</v>
          </cell>
          <cell r="B822" t="str">
            <v>2014 Projects</v>
          </cell>
        </row>
        <row r="823">
          <cell r="A823" t="str">
            <v>J2103</v>
          </cell>
          <cell r="B823" t="str">
            <v>2014 Projects</v>
          </cell>
        </row>
        <row r="824">
          <cell r="A824" t="str">
            <v>J2104</v>
          </cell>
          <cell r="B824" t="str">
            <v>2014 Projects</v>
          </cell>
        </row>
        <row r="825">
          <cell r="A825" t="str">
            <v>E7384</v>
          </cell>
          <cell r="B825" t="str">
            <v>2010-2012 Projects</v>
          </cell>
        </row>
        <row r="826">
          <cell r="A826" t="str">
            <v>E5590</v>
          </cell>
          <cell r="B826" t="str">
            <v>2010-2012 Projects</v>
          </cell>
        </row>
        <row r="827">
          <cell r="A827" t="str">
            <v>E5724</v>
          </cell>
          <cell r="B827" t="str">
            <v>2010-2012 Projects</v>
          </cell>
        </row>
        <row r="828">
          <cell r="A828" t="str">
            <v>C9983</v>
          </cell>
          <cell r="B828" t="str">
            <v>2010-2012 Projects</v>
          </cell>
        </row>
        <row r="829">
          <cell r="A829" t="str">
            <v>F0964</v>
          </cell>
          <cell r="B829" t="str">
            <v>2010-2012 Projects</v>
          </cell>
        </row>
        <row r="830">
          <cell r="A830" t="str">
            <v>E9286</v>
          </cell>
          <cell r="B830" t="str">
            <v>2010-2012 Projects</v>
          </cell>
        </row>
        <row r="831">
          <cell r="A831" t="str">
            <v>E9924</v>
          </cell>
          <cell r="B831" t="str">
            <v>2010-2012 Projects</v>
          </cell>
        </row>
        <row r="832">
          <cell r="A832" t="str">
            <v>G1926</v>
          </cell>
          <cell r="B832" t="str">
            <v>2010-2012 Projects</v>
          </cell>
        </row>
        <row r="833">
          <cell r="A833" t="str">
            <v>G1927</v>
          </cell>
          <cell r="B833" t="str">
            <v>2010-2012 Projects</v>
          </cell>
        </row>
        <row r="834">
          <cell r="A834" t="str">
            <v>G3023</v>
          </cell>
          <cell r="B834" t="str">
            <v>2010-2012 Projects</v>
          </cell>
        </row>
        <row r="835">
          <cell r="A835" t="str">
            <v>G2340</v>
          </cell>
          <cell r="B835" t="str">
            <v>2010-2012 Projects</v>
          </cell>
        </row>
        <row r="836">
          <cell r="A836" t="str">
            <v>G1914</v>
          </cell>
          <cell r="B836" t="str">
            <v>2010-2012 Projects</v>
          </cell>
        </row>
        <row r="837">
          <cell r="A837" t="str">
            <v>G2955</v>
          </cell>
          <cell r="B837" t="str">
            <v>2010-2012 Projects</v>
          </cell>
        </row>
        <row r="838">
          <cell r="A838" t="str">
            <v>G1818</v>
          </cell>
          <cell r="B838" t="str">
            <v>2010-2012 Projects</v>
          </cell>
        </row>
        <row r="839">
          <cell r="A839" t="str">
            <v>G1820</v>
          </cell>
          <cell r="B839" t="str">
            <v>2010-2012 Projects</v>
          </cell>
        </row>
        <row r="840">
          <cell r="A840" t="str">
            <v>G2238</v>
          </cell>
          <cell r="B840" t="str">
            <v>2010-2012 Projects</v>
          </cell>
        </row>
        <row r="841">
          <cell r="A841" t="str">
            <v>G1915</v>
          </cell>
          <cell r="B841" t="str">
            <v>2010-2012 Projects</v>
          </cell>
        </row>
        <row r="842">
          <cell r="A842" t="str">
            <v>G2236</v>
          </cell>
          <cell r="B842" t="str">
            <v>2010-2012 Projects</v>
          </cell>
        </row>
        <row r="843">
          <cell r="A843" t="str">
            <v>G2654</v>
          </cell>
          <cell r="B843" t="str">
            <v>2010-2012 Projects</v>
          </cell>
        </row>
        <row r="844">
          <cell r="A844" t="str">
            <v>G2351</v>
          </cell>
          <cell r="B844" t="str">
            <v>2010-2012 Projects</v>
          </cell>
        </row>
        <row r="845">
          <cell r="A845" t="str">
            <v>G2457</v>
          </cell>
          <cell r="B845" t="str">
            <v>2010-2012 Projects</v>
          </cell>
        </row>
        <row r="846">
          <cell r="A846" t="str">
            <v>G2815</v>
          </cell>
          <cell r="B846" t="str">
            <v>2010-2012 Projects</v>
          </cell>
        </row>
        <row r="847">
          <cell r="A847" t="str">
            <v>G3359</v>
          </cell>
          <cell r="B847" t="str">
            <v>2010-2012 Projects</v>
          </cell>
        </row>
        <row r="848">
          <cell r="A848" t="str">
            <v>G3362</v>
          </cell>
          <cell r="B848" t="str">
            <v>2010-2012 Projects</v>
          </cell>
        </row>
        <row r="849">
          <cell r="A849" t="str">
            <v>G2160</v>
          </cell>
          <cell r="B849" t="str">
            <v>2010-2012 Projects</v>
          </cell>
        </row>
        <row r="850">
          <cell r="A850" t="str">
            <v>G1875</v>
          </cell>
          <cell r="B850" t="str">
            <v>2010-2012 Projects</v>
          </cell>
        </row>
        <row r="851">
          <cell r="A851" t="str">
            <v>G2433</v>
          </cell>
          <cell r="B851" t="str">
            <v>2010-2012 Projects</v>
          </cell>
        </row>
        <row r="852">
          <cell r="A852" t="str">
            <v>G2255</v>
          </cell>
          <cell r="B852" t="str">
            <v>2010-2012 Projects</v>
          </cell>
        </row>
        <row r="853">
          <cell r="A853" t="str">
            <v>G2958</v>
          </cell>
          <cell r="B853" t="str">
            <v>2010-2012 Projects</v>
          </cell>
        </row>
        <row r="854">
          <cell r="A854" t="str">
            <v>G3320</v>
          </cell>
          <cell r="B854" t="str">
            <v>2010-2012 Projects</v>
          </cell>
        </row>
        <row r="855">
          <cell r="A855" t="str">
            <v>G0244</v>
          </cell>
          <cell r="B855" t="str">
            <v>2010-2012 Projects</v>
          </cell>
        </row>
        <row r="856">
          <cell r="A856" t="str">
            <v>F6427</v>
          </cell>
          <cell r="B856" t="str">
            <v>2010-2012 Projects</v>
          </cell>
        </row>
        <row r="857">
          <cell r="A857" t="str">
            <v>G2574</v>
          </cell>
          <cell r="B857" t="str">
            <v>2010-2012 Projects</v>
          </cell>
        </row>
        <row r="858">
          <cell r="A858" t="str">
            <v>F0166</v>
          </cell>
          <cell r="B858" t="str">
            <v>2010-2012 Projects</v>
          </cell>
        </row>
        <row r="859">
          <cell r="A859" t="str">
            <v>G4856</v>
          </cell>
          <cell r="B859" t="str">
            <v>2010-2012 Projects</v>
          </cell>
        </row>
        <row r="860">
          <cell r="A860" t="str">
            <v>G4860</v>
          </cell>
          <cell r="B860" t="str">
            <v>2010-2012 Projects</v>
          </cell>
        </row>
        <row r="861">
          <cell r="A861" t="str">
            <v>G7893</v>
          </cell>
          <cell r="B861" t="str">
            <v>2010-2012 Projects</v>
          </cell>
        </row>
        <row r="862">
          <cell r="A862" t="str">
            <v>F4505</v>
          </cell>
          <cell r="B862" t="str">
            <v>2010-2012 Projects</v>
          </cell>
        </row>
        <row r="863">
          <cell r="A863" t="str">
            <v>G5493</v>
          </cell>
          <cell r="B863" t="str">
            <v>2010-2012 Projects</v>
          </cell>
        </row>
        <row r="864">
          <cell r="A864" t="str">
            <v>F1245</v>
          </cell>
          <cell r="B864" t="str">
            <v>2010-2012 Projects</v>
          </cell>
        </row>
        <row r="865">
          <cell r="A865" t="str">
            <v>G0770</v>
          </cell>
          <cell r="B865" t="str">
            <v>2010-2012 Projects</v>
          </cell>
        </row>
        <row r="866">
          <cell r="A866" t="str">
            <v>G4859</v>
          </cell>
          <cell r="B866" t="str">
            <v>2010-2012 Projects</v>
          </cell>
        </row>
        <row r="867">
          <cell r="A867" t="str">
            <v>G4858</v>
          </cell>
          <cell r="B867" t="str">
            <v>2010-2012 Projects</v>
          </cell>
        </row>
        <row r="868">
          <cell r="A868" t="str">
            <v>F0684</v>
          </cell>
          <cell r="B868" t="str">
            <v>2010-2012 Projects</v>
          </cell>
        </row>
        <row r="869">
          <cell r="A869" t="str">
            <v>F4091</v>
          </cell>
          <cell r="B869" t="str">
            <v>2010-2012 Projects</v>
          </cell>
        </row>
        <row r="870">
          <cell r="A870" t="str">
            <v>F6824</v>
          </cell>
          <cell r="B870" t="str">
            <v>2010-2012 Projects</v>
          </cell>
        </row>
        <row r="871">
          <cell r="A871" t="str">
            <v>G1821</v>
          </cell>
          <cell r="B871" t="str">
            <v>2010-2012 Projects</v>
          </cell>
        </row>
        <row r="872">
          <cell r="A872" t="str">
            <v>F7425</v>
          </cell>
          <cell r="B872" t="str">
            <v>2010-2012 Projects</v>
          </cell>
        </row>
        <row r="873">
          <cell r="A873" t="str">
            <v>G7107</v>
          </cell>
          <cell r="B873" t="str">
            <v>2010-2012 Projects</v>
          </cell>
        </row>
        <row r="874">
          <cell r="A874" t="str">
            <v>G7504</v>
          </cell>
          <cell r="B874" t="str">
            <v>2010-2012 Projects</v>
          </cell>
        </row>
        <row r="875">
          <cell r="A875" t="str">
            <v>F4464</v>
          </cell>
          <cell r="B875" t="str">
            <v>2010-2012 Projects</v>
          </cell>
        </row>
        <row r="876">
          <cell r="A876" t="str">
            <v>G1684</v>
          </cell>
          <cell r="B876" t="str">
            <v>2010-2012 Projects</v>
          </cell>
        </row>
        <row r="877">
          <cell r="A877" t="str">
            <v>F5024</v>
          </cell>
          <cell r="B877" t="str">
            <v>2010-2012 Projects</v>
          </cell>
        </row>
        <row r="878">
          <cell r="A878" t="str">
            <v>G1725</v>
          </cell>
          <cell r="B878" t="str">
            <v>2010-2012 Projects</v>
          </cell>
        </row>
        <row r="879">
          <cell r="A879" t="str">
            <v>F4284</v>
          </cell>
          <cell r="B879" t="str">
            <v>2010-2012 Projects</v>
          </cell>
        </row>
        <row r="880">
          <cell r="A880" t="str">
            <v>F3644</v>
          </cell>
          <cell r="B880" t="str">
            <v>2010-2012 Projects</v>
          </cell>
        </row>
        <row r="881">
          <cell r="A881" t="str">
            <v>F5249</v>
          </cell>
          <cell r="B881" t="str">
            <v>2010-2012 Projects</v>
          </cell>
        </row>
        <row r="882">
          <cell r="A882" t="str">
            <v>F4004</v>
          </cell>
          <cell r="B882" t="str">
            <v>2010-2012 Projects</v>
          </cell>
        </row>
        <row r="883">
          <cell r="A883" t="str">
            <v>G1544</v>
          </cell>
          <cell r="B883" t="str">
            <v>2010-2012 Projects</v>
          </cell>
        </row>
        <row r="884">
          <cell r="A884" t="str">
            <v>F5884</v>
          </cell>
          <cell r="B884" t="str">
            <v>2010-2012 Projects</v>
          </cell>
        </row>
        <row r="885">
          <cell r="A885" t="str">
            <v>G1721</v>
          </cell>
          <cell r="B885" t="str">
            <v>2010-2012 Projects</v>
          </cell>
        </row>
        <row r="886">
          <cell r="A886" t="str">
            <v>G1566</v>
          </cell>
          <cell r="B886" t="str">
            <v>2010-2012 Projects</v>
          </cell>
        </row>
        <row r="887">
          <cell r="A887" t="str">
            <v>G1733</v>
          </cell>
          <cell r="B887" t="str">
            <v>2010-2012 Projects</v>
          </cell>
        </row>
        <row r="888">
          <cell r="A888" t="str">
            <v>G1755</v>
          </cell>
          <cell r="B888" t="str">
            <v>2010-2012 Projects</v>
          </cell>
        </row>
        <row r="889">
          <cell r="A889" t="str">
            <v>G1471</v>
          </cell>
          <cell r="B889" t="str">
            <v>2010-2012 Projects</v>
          </cell>
        </row>
        <row r="890">
          <cell r="A890" t="str">
            <v>G1527</v>
          </cell>
          <cell r="B890" t="str">
            <v>2010-2012 Projects</v>
          </cell>
        </row>
        <row r="891">
          <cell r="A891" t="str">
            <v>G1738</v>
          </cell>
          <cell r="B891" t="str">
            <v>2010-2012 Projects</v>
          </cell>
        </row>
        <row r="892">
          <cell r="A892" t="str">
            <v>G1634</v>
          </cell>
          <cell r="B892" t="str">
            <v>2010-2012 Projects</v>
          </cell>
        </row>
        <row r="893">
          <cell r="A893" t="str">
            <v>F6724</v>
          </cell>
          <cell r="B893" t="str">
            <v>2010-2012 Projects</v>
          </cell>
        </row>
        <row r="894">
          <cell r="A894" t="str">
            <v>G6435</v>
          </cell>
          <cell r="B894" t="str">
            <v>2010-2012 Projects</v>
          </cell>
        </row>
        <row r="895">
          <cell r="A895" t="str">
            <v>G7039</v>
          </cell>
          <cell r="B895" t="str">
            <v>2010-2012 Projects</v>
          </cell>
        </row>
        <row r="896">
          <cell r="A896" t="str">
            <v>G3853</v>
          </cell>
          <cell r="B896" t="str">
            <v>2010-2012 Projects</v>
          </cell>
        </row>
        <row r="897">
          <cell r="A897" t="str">
            <v>G3553</v>
          </cell>
          <cell r="B897" t="str">
            <v>2010-2012 Projects</v>
          </cell>
        </row>
        <row r="898">
          <cell r="A898" t="str">
            <v>G5482</v>
          </cell>
          <cell r="B898" t="str">
            <v>2010-2012 Projects</v>
          </cell>
        </row>
        <row r="899">
          <cell r="A899" t="str">
            <v>G6446</v>
          </cell>
          <cell r="B899" t="str">
            <v>2010-2012 Projects</v>
          </cell>
        </row>
        <row r="900">
          <cell r="A900" t="str">
            <v>G3613</v>
          </cell>
          <cell r="B900" t="str">
            <v>2010-2012 Projects</v>
          </cell>
        </row>
        <row r="901">
          <cell r="A901" t="str">
            <v>G6675</v>
          </cell>
          <cell r="B901" t="str">
            <v>2010-2012 Projects</v>
          </cell>
        </row>
        <row r="902">
          <cell r="A902" t="str">
            <v>G6488</v>
          </cell>
          <cell r="B902" t="str">
            <v>2010-2012 Projects</v>
          </cell>
        </row>
        <row r="903">
          <cell r="A903" t="str">
            <v>G3624</v>
          </cell>
          <cell r="B903" t="str">
            <v>2010-2012 Projects</v>
          </cell>
        </row>
        <row r="904">
          <cell r="A904" t="str">
            <v>G6868</v>
          </cell>
          <cell r="B904" t="str">
            <v>2010-2012 Projects</v>
          </cell>
        </row>
        <row r="905">
          <cell r="A905" t="str">
            <v>G6406</v>
          </cell>
          <cell r="B905" t="str">
            <v>2010-2012 Projects</v>
          </cell>
        </row>
        <row r="906">
          <cell r="A906" t="str">
            <v>G7077</v>
          </cell>
          <cell r="B906" t="str">
            <v>2010-2012 Projects</v>
          </cell>
        </row>
        <row r="907">
          <cell r="A907" t="str">
            <v>G6321</v>
          </cell>
          <cell r="B907" t="str">
            <v>2010-2012 Projects</v>
          </cell>
        </row>
        <row r="908">
          <cell r="A908" t="str">
            <v>G5256</v>
          </cell>
          <cell r="B908" t="str">
            <v>2010-2012 Projects</v>
          </cell>
        </row>
        <row r="909">
          <cell r="A909" t="str">
            <v>G7094</v>
          </cell>
          <cell r="B909" t="str">
            <v>2010-2012 Projects</v>
          </cell>
        </row>
        <row r="910">
          <cell r="A910" t="str">
            <v>G7025</v>
          </cell>
          <cell r="B910" t="str">
            <v>2010-2012 Projects</v>
          </cell>
        </row>
        <row r="911">
          <cell r="A911" t="str">
            <v>G1536</v>
          </cell>
          <cell r="B911" t="str">
            <v>2010-2012 Projects</v>
          </cell>
        </row>
        <row r="912">
          <cell r="A912" t="str">
            <v>G1724</v>
          </cell>
          <cell r="B912" t="str">
            <v>2010-2012 Projects</v>
          </cell>
        </row>
        <row r="913">
          <cell r="A913" t="str">
            <v>G9443</v>
          </cell>
          <cell r="B913" t="str">
            <v>2010-2012 Projects</v>
          </cell>
        </row>
        <row r="914">
          <cell r="A914" t="str">
            <v>G7078</v>
          </cell>
          <cell r="B914" t="str">
            <v>2010-2012 Projects</v>
          </cell>
        </row>
        <row r="915">
          <cell r="A915" t="str">
            <v>G3622</v>
          </cell>
          <cell r="B915" t="str">
            <v>2010-2012 Projects</v>
          </cell>
        </row>
        <row r="916">
          <cell r="A916" t="str">
            <v>G3721</v>
          </cell>
          <cell r="B916" t="str">
            <v>2010-2012 Projects</v>
          </cell>
        </row>
        <row r="917">
          <cell r="A917" t="str">
            <v>G3539</v>
          </cell>
          <cell r="B917" t="str">
            <v>2010-2012 Projects</v>
          </cell>
        </row>
        <row r="918">
          <cell r="A918" t="str">
            <v>G5117</v>
          </cell>
          <cell r="B918" t="str">
            <v>2010-2012 Projects</v>
          </cell>
        </row>
        <row r="919">
          <cell r="A919" t="str">
            <v>G6444</v>
          </cell>
          <cell r="B919" t="str">
            <v>2010-2012 Projects</v>
          </cell>
        </row>
        <row r="920">
          <cell r="A920" t="str">
            <v>G7022</v>
          </cell>
          <cell r="B920" t="str">
            <v>2010-2012 Projects</v>
          </cell>
        </row>
        <row r="921">
          <cell r="A921" t="str">
            <v>G6967</v>
          </cell>
          <cell r="B921" t="str">
            <v>2010-2012 Projects</v>
          </cell>
        </row>
        <row r="922">
          <cell r="A922" t="str">
            <v>G1802</v>
          </cell>
          <cell r="B922" t="str">
            <v>2010-2012 Projects</v>
          </cell>
        </row>
        <row r="923">
          <cell r="A923" t="str">
            <v>G0268</v>
          </cell>
          <cell r="B923" t="str">
            <v>2010-2012 Projects</v>
          </cell>
        </row>
        <row r="924">
          <cell r="A924" t="str">
            <v>F9909</v>
          </cell>
          <cell r="B924" t="str">
            <v>2010-2012 Projects</v>
          </cell>
        </row>
        <row r="925">
          <cell r="A925" t="str">
            <v>F5367</v>
          </cell>
          <cell r="B925" t="str">
            <v>2010-2012 Projects</v>
          </cell>
        </row>
        <row r="926">
          <cell r="A926" t="str">
            <v>G0267</v>
          </cell>
          <cell r="B926" t="str">
            <v>2010-2012 Projects</v>
          </cell>
        </row>
        <row r="927">
          <cell r="A927" t="str">
            <v>G1577</v>
          </cell>
          <cell r="B927" t="str">
            <v>2010-2012 Projects</v>
          </cell>
        </row>
        <row r="928">
          <cell r="A928" t="str">
            <v>G1723</v>
          </cell>
          <cell r="B928" t="str">
            <v>2010-2012 Projects</v>
          </cell>
        </row>
        <row r="929">
          <cell r="A929" t="str">
            <v>G0270</v>
          </cell>
          <cell r="B929" t="str">
            <v>2010-2012 Projects</v>
          </cell>
        </row>
        <row r="930">
          <cell r="A930" t="str">
            <v>G4713</v>
          </cell>
          <cell r="B930" t="str">
            <v>2010-2012 Projects</v>
          </cell>
        </row>
        <row r="931">
          <cell r="A931" t="str">
            <v>E8204</v>
          </cell>
          <cell r="B931" t="str">
            <v>2010-2012 Projects</v>
          </cell>
        </row>
        <row r="932">
          <cell r="A932" t="str">
            <v>G1876</v>
          </cell>
          <cell r="B932" t="str">
            <v>2010-2012 Projects</v>
          </cell>
        </row>
        <row r="933">
          <cell r="A933" t="str">
            <v>G1963</v>
          </cell>
          <cell r="B933" t="str">
            <v>2010-2012 Projects</v>
          </cell>
        </row>
        <row r="934">
          <cell r="A934" t="str">
            <v>G2241</v>
          </cell>
          <cell r="B934" t="str">
            <v>2010-2012 Projects</v>
          </cell>
        </row>
        <row r="935">
          <cell r="A935" t="str">
            <v>G1464</v>
          </cell>
          <cell r="B935" t="str">
            <v>2010-2012 Projects</v>
          </cell>
        </row>
        <row r="936">
          <cell r="A936" t="str">
            <v>G0583</v>
          </cell>
          <cell r="B936" t="str">
            <v>2010-2012 Projects</v>
          </cell>
        </row>
        <row r="937">
          <cell r="A937" t="str">
            <v>G4137</v>
          </cell>
          <cell r="B937" t="str">
            <v>2010-2012 Projects</v>
          </cell>
        </row>
        <row r="938">
          <cell r="A938" t="str">
            <v>F2484</v>
          </cell>
          <cell r="B938" t="str">
            <v>2010-2012 Projects</v>
          </cell>
        </row>
        <row r="939">
          <cell r="A939" t="str">
            <v>G1813</v>
          </cell>
          <cell r="B939" t="str">
            <v>2010-2012 Projects</v>
          </cell>
        </row>
        <row r="940">
          <cell r="A940" t="str">
            <v>F5484</v>
          </cell>
          <cell r="B940" t="str">
            <v>2010-2012 Projects</v>
          </cell>
        </row>
        <row r="941">
          <cell r="A941" t="str">
            <v>F7344</v>
          </cell>
          <cell r="B941" t="str">
            <v>2010-2012 Projects</v>
          </cell>
        </row>
        <row r="942">
          <cell r="A942" t="str">
            <v>F0709</v>
          </cell>
          <cell r="B942" t="str">
            <v>2010-2012 Projects</v>
          </cell>
        </row>
        <row r="943">
          <cell r="A943" t="str">
            <v>F5109</v>
          </cell>
          <cell r="B943" t="str">
            <v>2010-2012 Projects</v>
          </cell>
        </row>
        <row r="944">
          <cell r="A944" t="str">
            <v>G0269</v>
          </cell>
          <cell r="B944" t="str">
            <v>2010-2012 Projects</v>
          </cell>
        </row>
        <row r="945">
          <cell r="A945" t="str">
            <v>G0425</v>
          </cell>
          <cell r="B945" t="str">
            <v>2010-2012 Projects</v>
          </cell>
        </row>
        <row r="946">
          <cell r="A946" t="str">
            <v>G0530</v>
          </cell>
          <cell r="B946" t="str">
            <v>2010-2012 Projects</v>
          </cell>
        </row>
        <row r="947">
          <cell r="A947" t="str">
            <v>G1558</v>
          </cell>
          <cell r="B947" t="str">
            <v>2010-2012 Projects</v>
          </cell>
        </row>
        <row r="948">
          <cell r="A948" t="str">
            <v>G2918</v>
          </cell>
          <cell r="B948" t="str">
            <v>2010-2012 Projects</v>
          </cell>
        </row>
        <row r="949">
          <cell r="A949" t="str">
            <v>G4604</v>
          </cell>
          <cell r="B949" t="str">
            <v>2010-2012 Projects</v>
          </cell>
        </row>
        <row r="950">
          <cell r="A950" t="str">
            <v>G6619</v>
          </cell>
          <cell r="B950" t="str">
            <v>2010-2012 Projects</v>
          </cell>
        </row>
        <row r="951">
          <cell r="A951" t="str">
            <v>G8750</v>
          </cell>
          <cell r="B951" t="str">
            <v>2010-2012 Projects</v>
          </cell>
        </row>
        <row r="952">
          <cell r="A952" t="str">
            <v>G1654</v>
          </cell>
          <cell r="B952" t="str">
            <v>2010-2012 Projects</v>
          </cell>
        </row>
        <row r="953">
          <cell r="A953" t="str">
            <v>G3813</v>
          </cell>
          <cell r="B953" t="str">
            <v>2010-2012 Projects</v>
          </cell>
        </row>
        <row r="954">
          <cell r="A954" t="str">
            <v>G4633</v>
          </cell>
          <cell r="B954" t="str">
            <v>2010-2012 Projects</v>
          </cell>
        </row>
        <row r="955">
          <cell r="A955" t="str">
            <v>G2237</v>
          </cell>
          <cell r="B955" t="str">
            <v>2010-2012 Projects</v>
          </cell>
        </row>
        <row r="956">
          <cell r="A956" t="str">
            <v>G1917</v>
          </cell>
          <cell r="B956" t="str">
            <v>2010-2012 Projects</v>
          </cell>
        </row>
        <row r="957">
          <cell r="A957" t="str">
            <v>G1945</v>
          </cell>
          <cell r="B957" t="str">
            <v>2010-2012 Projects</v>
          </cell>
        </row>
        <row r="958">
          <cell r="A958" t="str">
            <v>G1944</v>
          </cell>
          <cell r="B958" t="str">
            <v>2010-2012 Projects</v>
          </cell>
        </row>
        <row r="959">
          <cell r="A959" t="str">
            <v>G1959</v>
          </cell>
          <cell r="B959" t="str">
            <v>2010-2012 Projects</v>
          </cell>
        </row>
        <row r="960">
          <cell r="A960" t="str">
            <v>G2400</v>
          </cell>
          <cell r="B960" t="str">
            <v>2010-2012 Projects</v>
          </cell>
        </row>
        <row r="961">
          <cell r="A961" t="str">
            <v>G1404</v>
          </cell>
          <cell r="B961" t="str">
            <v>2010-2012 Projects</v>
          </cell>
        </row>
        <row r="962">
          <cell r="A962" t="str">
            <v>G3685</v>
          </cell>
          <cell r="B962" t="str">
            <v>2010-2012 Projects</v>
          </cell>
        </row>
        <row r="963">
          <cell r="A963" t="str">
            <v>G8961</v>
          </cell>
          <cell r="B963" t="str">
            <v>2010-2012 Projects</v>
          </cell>
        </row>
        <row r="964">
          <cell r="A964" t="str">
            <v>F6184</v>
          </cell>
          <cell r="B964" t="str">
            <v>2010-2012 Projects</v>
          </cell>
        </row>
        <row r="965">
          <cell r="A965" t="str">
            <v>D2437</v>
          </cell>
          <cell r="B965" t="str">
            <v>2010-2012 Projects</v>
          </cell>
        </row>
        <row r="966">
          <cell r="A966" t="str">
            <v>E8644</v>
          </cell>
          <cell r="B966" t="str">
            <v>2010-2012 Projects</v>
          </cell>
        </row>
        <row r="967">
          <cell r="A967" t="str">
            <v>F0065</v>
          </cell>
          <cell r="B967" t="str">
            <v>2010-2012 Projects</v>
          </cell>
        </row>
        <row r="968">
          <cell r="A968" t="str">
            <v>E8705</v>
          </cell>
          <cell r="B968" t="str">
            <v>2010-2012 Projects</v>
          </cell>
        </row>
        <row r="969">
          <cell r="A969" t="str">
            <v>G2213</v>
          </cell>
          <cell r="B969" t="str">
            <v>2010-2012 Projects</v>
          </cell>
        </row>
        <row r="970">
          <cell r="A970" t="str">
            <v>G1960</v>
          </cell>
          <cell r="B970" t="str">
            <v>2010-2012 Projects</v>
          </cell>
        </row>
        <row r="971">
          <cell r="A971" t="str">
            <v>G1931</v>
          </cell>
          <cell r="B971" t="str">
            <v>2010-2012 Projects</v>
          </cell>
        </row>
        <row r="972">
          <cell r="A972" t="str">
            <v>F0165</v>
          </cell>
          <cell r="B972" t="str">
            <v>2010-2012 Projects</v>
          </cell>
        </row>
        <row r="973">
          <cell r="A973" t="str">
            <v>F0685</v>
          </cell>
          <cell r="B973" t="str">
            <v>2010-2012 Projects</v>
          </cell>
        </row>
        <row r="974">
          <cell r="A974" t="str">
            <v>F4325</v>
          </cell>
          <cell r="B974" t="str">
            <v>2010-2012 Projects</v>
          </cell>
        </row>
        <row r="975">
          <cell r="A975" t="str">
            <v>F5984</v>
          </cell>
          <cell r="B975" t="str">
            <v>2010-2012 Projects</v>
          </cell>
        </row>
        <row r="976">
          <cell r="A976" t="str">
            <v>F3784</v>
          </cell>
          <cell r="B976" t="str">
            <v>2010-2012 Projects</v>
          </cell>
        </row>
        <row r="977">
          <cell r="A977" t="str">
            <v>F4045</v>
          </cell>
          <cell r="B977" t="str">
            <v>2010-2012 Projects</v>
          </cell>
        </row>
        <row r="978">
          <cell r="A978" t="str">
            <v>F4724</v>
          </cell>
          <cell r="B978" t="str">
            <v>2010-2012 Projects</v>
          </cell>
        </row>
        <row r="979">
          <cell r="A979" t="str">
            <v>F4944</v>
          </cell>
          <cell r="B979" t="str">
            <v>2010-2012 Projects</v>
          </cell>
        </row>
        <row r="980">
          <cell r="A980" t="str">
            <v>F5129</v>
          </cell>
          <cell r="B980" t="str">
            <v>2010-2012 Projects</v>
          </cell>
        </row>
        <row r="981">
          <cell r="A981" t="str">
            <v>F5384</v>
          </cell>
          <cell r="B981" t="str">
            <v>2010-2012 Projects</v>
          </cell>
        </row>
        <row r="982">
          <cell r="A982" t="str">
            <v>G0645</v>
          </cell>
          <cell r="B982" t="str">
            <v>2010-2012 Projects</v>
          </cell>
        </row>
        <row r="983">
          <cell r="A983" t="str">
            <v>G9455</v>
          </cell>
          <cell r="B983" t="str">
            <v>2010-2012 Projects</v>
          </cell>
        </row>
      </sheetData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.0 General"/>
      <sheetName val="2.0 Escalation Rates"/>
      <sheetName val="3.0 Regulatory Accounting"/>
      <sheetName val="4.0 Internal Labor"/>
      <sheetName val="4.0 Internal Labor (2)"/>
      <sheetName val="5.0 Facilities"/>
      <sheetName val="Table 5.3 Facilities"/>
      <sheetName val="6.0 A&amp;G Overhead"/>
      <sheetName val="Table 7.0 Advertising Expenses"/>
      <sheetName val="8.0 Association Dues"/>
      <sheetName val="9.0 Benefits"/>
      <sheetName val="10.0 Insurance"/>
      <sheetName val="11.0 Credit Facilities"/>
      <sheetName val="12.0 Professional Services"/>
      <sheetName val="13.0 Regulatory Expenses"/>
      <sheetName val="14.0 R&amp;D"/>
      <sheetName val="15.0 Shareholder Services"/>
      <sheetName val="16.0 Vehicles"/>
      <sheetName val="17.0 Contract Services"/>
      <sheetName val="18.0 M&amp;S Procurement"/>
      <sheetName val="Table 18.1 M&amp;S Procurement"/>
      <sheetName val="18.2 M&amp;S Unit Costs"/>
      <sheetName val="19.0 Telecom"/>
      <sheetName val="20.0 Call Center"/>
      <sheetName val="21.0 Bill Processing"/>
      <sheetName val="22.0 Information Systems"/>
      <sheetName val="Table 22.1 IS"/>
      <sheetName val="Table 22.2 IS"/>
      <sheetName val="Table 22.3 IS"/>
      <sheetName val="Table 22.4 IS"/>
      <sheetName val="Table 22.5 IS"/>
      <sheetName val="Table 22.6 IS"/>
      <sheetName val="Table 22.7A IS"/>
      <sheetName val="Table 22.7B IS "/>
      <sheetName val="Table 22.8 IS"/>
      <sheetName val="Table 22.9 IS"/>
      <sheetName val="23.0 Nuclear Generation"/>
      <sheetName val="Data for DropDowns"/>
      <sheetName val="1_0_General"/>
      <sheetName val="2_0_Escalation_Rates"/>
      <sheetName val="3_0_Regulatory_Accounting"/>
      <sheetName val="4_0_Internal_Labor"/>
      <sheetName val="4_0_Internal_Labor_(2)"/>
      <sheetName val="5_0_Facilities"/>
      <sheetName val="Table_5_3_Facilities"/>
      <sheetName val="6_0_A&amp;G_Overhead"/>
      <sheetName val="Table_7_0_Advertising_Expenses"/>
      <sheetName val="8_0_Association_Dues"/>
      <sheetName val="9_0_Benefits"/>
      <sheetName val="10_0_Insurance"/>
      <sheetName val="11_0_Credit_Facilities"/>
      <sheetName val="12_0_Professional_Services"/>
      <sheetName val="13_0_Regulatory_Expenses"/>
      <sheetName val="14_0_R&amp;D"/>
      <sheetName val="15_0_Shareholder_Services"/>
      <sheetName val="16_0_Vehicles"/>
      <sheetName val="17_0_Contract_Services"/>
      <sheetName val="18_0_M&amp;S_Procurement"/>
      <sheetName val="Table_18_1_M&amp;S_Procurement"/>
      <sheetName val="18_2_M&amp;S_Unit_Costs"/>
      <sheetName val="19_0_Telecom"/>
      <sheetName val="20_0_Call_Center"/>
      <sheetName val="21_0_Bill_Processing"/>
      <sheetName val="22_0_Information_Systems"/>
      <sheetName val="Table_22_1_IS"/>
      <sheetName val="Table_22_2_IS"/>
      <sheetName val="Table_22_3_IS"/>
      <sheetName val="Table_22_4_IS"/>
      <sheetName val="Table_22_5_IS"/>
      <sheetName val="Table_22_6_IS"/>
      <sheetName val="Table_22_7A_IS"/>
      <sheetName val="Table_22_7B_IS_"/>
      <sheetName val="Table_22_8_IS"/>
      <sheetName val="Table_22_9_IS"/>
      <sheetName val="23_0_Nuclear_Generation"/>
      <sheetName val="Data_for_DropDowns"/>
      <sheetName val="1_0_General1"/>
      <sheetName val="2_0_Escalation_Rates1"/>
      <sheetName val="3_0_Regulatory_Accounting1"/>
      <sheetName val="4_0_Internal_Labor1"/>
      <sheetName val="4_0_Internal_Labor_(2)1"/>
      <sheetName val="5_0_Facilities1"/>
      <sheetName val="Table_5_3_Facilities1"/>
      <sheetName val="6_0_A&amp;G_Overhead1"/>
      <sheetName val="Table_7_0_Advertising_Expenses1"/>
      <sheetName val="8_0_Association_Dues1"/>
      <sheetName val="9_0_Benefits1"/>
      <sheetName val="10_0_Insurance1"/>
      <sheetName val="11_0_Credit_Facilities1"/>
      <sheetName val="12_0_Professional_Services1"/>
      <sheetName val="13_0_Regulatory_Expenses1"/>
      <sheetName val="14_0_R&amp;D1"/>
      <sheetName val="15_0_Shareholder_Services1"/>
      <sheetName val="16_0_Vehicles1"/>
      <sheetName val="17_0_Contract_Services1"/>
      <sheetName val="18_0_M&amp;S_Procurement1"/>
      <sheetName val="Table_18_1_M&amp;S_Procurement1"/>
      <sheetName val="18_2_M&amp;S_Unit_Costs1"/>
      <sheetName val="19_0_Telecom1"/>
      <sheetName val="20_0_Call_Center1"/>
      <sheetName val="21_0_Bill_Processing1"/>
      <sheetName val="22_0_Information_Systems1"/>
      <sheetName val="Table_22_1_IS1"/>
      <sheetName val="Table_22_2_IS1"/>
      <sheetName val="Table_22_3_IS1"/>
      <sheetName val="Table_22_4_IS1"/>
      <sheetName val="Table_22_5_IS1"/>
      <sheetName val="Table_22_6_IS1"/>
      <sheetName val="Table_22_7A_IS1"/>
      <sheetName val="Table_22_7B_IS_1"/>
      <sheetName val="Table_22_8_IS1"/>
      <sheetName val="Table_22_9_IS1"/>
      <sheetName val="23_0_Nuclear_Generation1"/>
      <sheetName val="Data_for_DropDowns1"/>
    </sheetNames>
    <sheetDataSet>
      <sheetData sheetId="0" refreshError="1">
        <row r="31">
          <cell r="C31">
            <v>200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>
        <row r="31">
          <cell r="C31">
            <v>2000</v>
          </cell>
        </row>
      </sheetData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port"/>
      <sheetName val="Paste"/>
      <sheetName val="TDG Post Commit Factors"/>
      <sheetName val="TDG_Post_Commit_Factors"/>
      <sheetName val="TDG_Post_Commit_Factors1"/>
    </sheetNames>
    <sheetDataSet>
      <sheetData sheetId="0" refreshError="1"/>
      <sheetData sheetId="1" refreshError="1">
        <row r="1">
          <cell r="A1" t="str">
            <v>Month/Year</v>
          </cell>
        </row>
        <row r="2">
          <cell r="A2">
            <v>40817</v>
          </cell>
        </row>
        <row r="3">
          <cell r="A3" t="str">
            <v>Department</v>
          </cell>
        </row>
        <row r="4">
          <cell r="A4" t="str">
            <v>Distribution</v>
          </cell>
          <cell r="C4" t="str">
            <v>Corrective Maintenance - Distribution</v>
          </cell>
          <cell r="D4" t="str">
            <v>Components and Process Engineering</v>
          </cell>
          <cell r="E4">
            <v>2</v>
          </cell>
          <cell r="F4">
            <v>5</v>
          </cell>
          <cell r="G4">
            <v>5</v>
          </cell>
          <cell r="H4">
            <v>1</v>
          </cell>
        </row>
        <row r="5">
          <cell r="A5" t="str">
            <v>Distribution</v>
          </cell>
        </row>
        <row r="6">
          <cell r="A6" t="str">
            <v>Distribution</v>
          </cell>
        </row>
        <row r="7">
          <cell r="A7" t="str">
            <v>Distribution</v>
          </cell>
        </row>
        <row r="8">
          <cell r="A8" t="str">
            <v>Distribution</v>
          </cell>
        </row>
        <row r="9">
          <cell r="A9" t="str">
            <v>Distribution</v>
          </cell>
        </row>
        <row r="10">
          <cell r="A10" t="str">
            <v>Distribution</v>
          </cell>
        </row>
        <row r="11">
          <cell r="A11" t="str">
            <v>Distribution</v>
          </cell>
        </row>
        <row r="12">
          <cell r="A12" t="str">
            <v>Distribution</v>
          </cell>
        </row>
        <row r="13">
          <cell r="A13" t="str">
            <v>Distribution</v>
          </cell>
        </row>
        <row r="14">
          <cell r="A14" t="str">
            <v>Distribution</v>
          </cell>
        </row>
        <row r="15">
          <cell r="A15" t="str">
            <v>Distribution</v>
          </cell>
        </row>
        <row r="16">
          <cell r="A16" t="str">
            <v>Distribution</v>
          </cell>
        </row>
        <row r="17">
          <cell r="A17" t="str">
            <v>Distribution</v>
          </cell>
        </row>
        <row r="18">
          <cell r="A18" t="str">
            <v>Distribution</v>
          </cell>
        </row>
        <row r="19">
          <cell r="A19" t="str">
            <v>Distribution</v>
          </cell>
        </row>
        <row r="20">
          <cell r="A20" t="str">
            <v>Distribution</v>
          </cell>
        </row>
        <row r="21">
          <cell r="A21" t="str">
            <v>Distribution</v>
          </cell>
        </row>
        <row r="22">
          <cell r="A22" t="str">
            <v>Distribution</v>
          </cell>
        </row>
        <row r="23">
          <cell r="A23" t="str">
            <v>Distribution</v>
          </cell>
        </row>
        <row r="24">
          <cell r="A24" t="str">
            <v>Distribution</v>
          </cell>
        </row>
        <row r="25">
          <cell r="A25" t="str">
            <v>Distribution</v>
          </cell>
        </row>
        <row r="26">
          <cell r="A26" t="str">
            <v>Distribution</v>
          </cell>
        </row>
        <row r="27">
          <cell r="A27" t="str">
            <v>Distribution</v>
          </cell>
        </row>
        <row r="28">
          <cell r="A28" t="str">
            <v>Distribution</v>
          </cell>
        </row>
        <row r="29">
          <cell r="A29" t="str">
            <v>Distribution</v>
          </cell>
        </row>
        <row r="30">
          <cell r="A30" t="str">
            <v>Distribution</v>
          </cell>
        </row>
        <row r="31">
          <cell r="A31" t="str">
            <v>Distribution</v>
          </cell>
        </row>
        <row r="32">
          <cell r="A32" t="str">
            <v>Distribution</v>
          </cell>
        </row>
        <row r="33">
          <cell r="A33" t="str">
            <v>Distribution</v>
          </cell>
        </row>
        <row r="34">
          <cell r="A34" t="str">
            <v>Distribution</v>
          </cell>
        </row>
        <row r="35">
          <cell r="A35" t="str">
            <v>Distribution</v>
          </cell>
        </row>
        <row r="36">
          <cell r="A36" t="str">
            <v>Distribution</v>
          </cell>
        </row>
        <row r="37">
          <cell r="A37" t="str">
            <v>Distribution</v>
          </cell>
        </row>
        <row r="38">
          <cell r="A38" t="str">
            <v>Distribution</v>
          </cell>
        </row>
        <row r="39">
          <cell r="A39" t="str">
            <v>Distribution</v>
          </cell>
        </row>
        <row r="40">
          <cell r="A40" t="str">
            <v>Distribution</v>
          </cell>
        </row>
        <row r="41">
          <cell r="A41" t="str">
            <v>Distribution</v>
          </cell>
        </row>
        <row r="42">
          <cell r="A42" t="str">
            <v>Distribution</v>
          </cell>
        </row>
        <row r="43">
          <cell r="A43" t="str">
            <v>Distribution</v>
          </cell>
        </row>
        <row r="44">
          <cell r="A44" t="str">
            <v>Distribution</v>
          </cell>
        </row>
        <row r="45">
          <cell r="A45" t="str">
            <v>Distribution</v>
          </cell>
        </row>
        <row r="46">
          <cell r="A46" t="str">
            <v>Distribution</v>
          </cell>
        </row>
        <row r="47">
          <cell r="A47" t="str">
            <v>Distribution</v>
          </cell>
        </row>
        <row r="48">
          <cell r="A48" t="str">
            <v>Distribution</v>
          </cell>
        </row>
        <row r="49">
          <cell r="A49" t="str">
            <v>Distribution</v>
          </cell>
        </row>
        <row r="50">
          <cell r="A50" t="str">
            <v>Distribution</v>
          </cell>
        </row>
        <row r="51">
          <cell r="A51" t="str">
            <v>Distribution</v>
          </cell>
        </row>
        <row r="52">
          <cell r="A52" t="str">
            <v>Distribution</v>
          </cell>
        </row>
        <row r="53">
          <cell r="A53" t="str">
            <v>Distribution</v>
          </cell>
        </row>
        <row r="54">
          <cell r="A54" t="str">
            <v>Distribution</v>
          </cell>
        </row>
        <row r="55">
          <cell r="A55" t="str">
            <v>Distribution</v>
          </cell>
        </row>
        <row r="56">
          <cell r="A56" t="str">
            <v>Distribution</v>
          </cell>
        </row>
        <row r="57">
          <cell r="A57" t="str">
            <v>Distribution</v>
          </cell>
        </row>
        <row r="58">
          <cell r="A58" t="str">
            <v>Distribution</v>
          </cell>
        </row>
        <row r="59">
          <cell r="A59" t="str">
            <v>Distribution</v>
          </cell>
        </row>
        <row r="60">
          <cell r="A60" t="str">
            <v>Distribution</v>
          </cell>
        </row>
        <row r="61">
          <cell r="A61" t="str">
            <v>Distribution</v>
          </cell>
        </row>
        <row r="62">
          <cell r="A62" t="str">
            <v>Distribution</v>
          </cell>
        </row>
        <row r="63">
          <cell r="A63" t="str">
            <v>Distribution</v>
          </cell>
        </row>
        <row r="64">
          <cell r="A64" t="str">
            <v>Distribution</v>
          </cell>
        </row>
        <row r="65">
          <cell r="A65" t="str">
            <v>Distribution</v>
          </cell>
        </row>
        <row r="66">
          <cell r="A66" t="str">
            <v>Distribution</v>
          </cell>
        </row>
        <row r="67">
          <cell r="A67" t="str">
            <v>Distribution</v>
          </cell>
        </row>
        <row r="68">
          <cell r="A68" t="str">
            <v>Distribution</v>
          </cell>
        </row>
        <row r="69">
          <cell r="A69" t="str">
            <v>Distribution</v>
          </cell>
        </row>
        <row r="70">
          <cell r="A70" t="str">
            <v>Distribution</v>
          </cell>
        </row>
        <row r="71">
          <cell r="A71" t="str">
            <v>Distribution</v>
          </cell>
        </row>
        <row r="72">
          <cell r="A72" t="str">
            <v>Distribution</v>
          </cell>
        </row>
        <row r="73">
          <cell r="A73" t="str">
            <v>Distribution</v>
          </cell>
        </row>
        <row r="74">
          <cell r="A74" t="str">
            <v>Distribution</v>
          </cell>
        </row>
        <row r="75">
          <cell r="A75" t="str">
            <v>Distribution</v>
          </cell>
        </row>
        <row r="76">
          <cell r="A76" t="str">
            <v>Distribution</v>
          </cell>
        </row>
        <row r="77">
          <cell r="A77" t="str">
            <v>Distribution</v>
          </cell>
        </row>
        <row r="78">
          <cell r="A78" t="str">
            <v>Distribution</v>
          </cell>
        </row>
        <row r="79">
          <cell r="A79" t="str">
            <v>Distribution</v>
          </cell>
        </row>
        <row r="80">
          <cell r="A80" t="str">
            <v>Distribution</v>
          </cell>
        </row>
        <row r="81">
          <cell r="A81" t="str">
            <v>Distribution</v>
          </cell>
        </row>
        <row r="82">
          <cell r="A82" t="str">
            <v>Distribution</v>
          </cell>
        </row>
        <row r="83">
          <cell r="A83" t="str">
            <v>Distribution</v>
          </cell>
        </row>
        <row r="84">
          <cell r="A84" t="str">
            <v>Distribution</v>
          </cell>
        </row>
        <row r="85">
          <cell r="A85" t="str">
            <v>Distribution</v>
          </cell>
        </row>
        <row r="86">
          <cell r="A86" t="str">
            <v>Distribution</v>
          </cell>
        </row>
        <row r="87">
          <cell r="A87" t="str">
            <v>Distribution</v>
          </cell>
        </row>
        <row r="88">
          <cell r="A88" t="str">
            <v>Distribution</v>
          </cell>
        </row>
        <row r="89">
          <cell r="A89" t="str">
            <v>Distribution</v>
          </cell>
        </row>
        <row r="90">
          <cell r="A90" t="str">
            <v>Distribution</v>
          </cell>
        </row>
        <row r="91">
          <cell r="A91" t="str">
            <v>Distribution</v>
          </cell>
        </row>
        <row r="92">
          <cell r="A92" t="str">
            <v>Distribution</v>
          </cell>
        </row>
        <row r="93">
          <cell r="A93" t="str">
            <v>Distribution</v>
          </cell>
        </row>
        <row r="94">
          <cell r="A94" t="str">
            <v>Distribution</v>
          </cell>
        </row>
        <row r="95">
          <cell r="A95" t="str">
            <v>Distribution</v>
          </cell>
        </row>
        <row r="96">
          <cell r="A96" t="str">
            <v>Distribution</v>
          </cell>
        </row>
        <row r="97">
          <cell r="A97" t="str">
            <v>Distribution</v>
          </cell>
        </row>
        <row r="98">
          <cell r="A98" t="str">
            <v>Distribution</v>
          </cell>
        </row>
        <row r="99">
          <cell r="A99" t="str">
            <v>Distribution</v>
          </cell>
        </row>
        <row r="100">
          <cell r="A100" t="str">
            <v>Distribution</v>
          </cell>
        </row>
        <row r="101">
          <cell r="A101" t="str">
            <v>Distribution</v>
          </cell>
        </row>
        <row r="102">
          <cell r="A102" t="str">
            <v>Distribution</v>
          </cell>
        </row>
        <row r="103">
          <cell r="A103" t="str">
            <v>Distribution</v>
          </cell>
        </row>
        <row r="104">
          <cell r="A104" t="str">
            <v>Distribution</v>
          </cell>
        </row>
        <row r="105">
          <cell r="A105" t="str">
            <v>Distribution</v>
          </cell>
        </row>
        <row r="106">
          <cell r="A106" t="str">
            <v>Distribution</v>
          </cell>
        </row>
        <row r="107">
          <cell r="A107" t="str">
            <v>Distribution</v>
          </cell>
        </row>
        <row r="108">
          <cell r="A108" t="str">
            <v>Distribution</v>
          </cell>
        </row>
        <row r="109">
          <cell r="A109" t="str">
            <v>Distribution</v>
          </cell>
        </row>
        <row r="110">
          <cell r="A110" t="str">
            <v>Distribution</v>
          </cell>
        </row>
        <row r="111">
          <cell r="A111" t="str">
            <v>Distribution</v>
          </cell>
        </row>
        <row r="112">
          <cell r="A112" t="str">
            <v>Distribution</v>
          </cell>
        </row>
        <row r="113">
          <cell r="A113" t="str">
            <v>Distribution</v>
          </cell>
        </row>
        <row r="114">
          <cell r="A114" t="str">
            <v>Distribution</v>
          </cell>
        </row>
        <row r="115">
          <cell r="A115" t="str">
            <v>Distribution</v>
          </cell>
        </row>
        <row r="116">
          <cell r="A116" t="str">
            <v>Distribution</v>
          </cell>
        </row>
        <row r="117">
          <cell r="A117" t="str">
            <v>Distribution</v>
          </cell>
        </row>
        <row r="118">
          <cell r="A118" t="str">
            <v>Distribution</v>
          </cell>
        </row>
        <row r="119">
          <cell r="A119" t="str">
            <v>Distribution</v>
          </cell>
        </row>
        <row r="120">
          <cell r="A120" t="str">
            <v>Distribution</v>
          </cell>
        </row>
        <row r="121">
          <cell r="A121" t="str">
            <v>Distribution</v>
          </cell>
        </row>
        <row r="122">
          <cell r="A122" t="str">
            <v>Distribution</v>
          </cell>
        </row>
        <row r="123">
          <cell r="A123" t="str">
            <v>Distribution</v>
          </cell>
        </row>
        <row r="124">
          <cell r="A124" t="str">
            <v>Distribution</v>
          </cell>
        </row>
        <row r="125">
          <cell r="A125" t="str">
            <v>Distribution</v>
          </cell>
        </row>
        <row r="126">
          <cell r="A126" t="str">
            <v>Distribution</v>
          </cell>
        </row>
        <row r="127">
          <cell r="A127" t="str">
            <v>Distribution</v>
          </cell>
        </row>
        <row r="128">
          <cell r="A128" t="str">
            <v>Distribution</v>
          </cell>
        </row>
        <row r="129">
          <cell r="A129" t="str">
            <v>Distribution</v>
          </cell>
        </row>
        <row r="130">
          <cell r="A130" t="str">
            <v>Distribution</v>
          </cell>
        </row>
        <row r="131">
          <cell r="A131" t="str">
            <v>Distribution</v>
          </cell>
        </row>
        <row r="132">
          <cell r="A132" t="str">
            <v>Distribution</v>
          </cell>
        </row>
        <row r="133">
          <cell r="A133" t="str">
            <v>Distribution</v>
          </cell>
        </row>
        <row r="134">
          <cell r="A134" t="str">
            <v>Distribution</v>
          </cell>
        </row>
        <row r="135">
          <cell r="A135" t="str">
            <v>Distribution</v>
          </cell>
        </row>
        <row r="136">
          <cell r="A136" t="str">
            <v>Distribution</v>
          </cell>
        </row>
        <row r="137">
          <cell r="A137" t="str">
            <v>Distribution</v>
          </cell>
        </row>
        <row r="138">
          <cell r="A138" t="str">
            <v>Distribution</v>
          </cell>
        </row>
        <row r="139">
          <cell r="A139" t="str">
            <v>Distribution</v>
          </cell>
        </row>
        <row r="140">
          <cell r="A140" t="str">
            <v>Distribution</v>
          </cell>
        </row>
        <row r="141">
          <cell r="A141" t="str">
            <v>Distribution</v>
          </cell>
        </row>
        <row r="142">
          <cell r="A142" t="str">
            <v>Distribution</v>
          </cell>
        </row>
        <row r="143">
          <cell r="A143" t="str">
            <v>Distribution</v>
          </cell>
        </row>
        <row r="144">
          <cell r="A144" t="str">
            <v>Distribution</v>
          </cell>
        </row>
        <row r="145">
          <cell r="A145" t="str">
            <v>Distribution</v>
          </cell>
        </row>
        <row r="146">
          <cell r="A146" t="str">
            <v>Distribution</v>
          </cell>
        </row>
        <row r="147">
          <cell r="A147" t="str">
            <v>Distribution</v>
          </cell>
        </row>
        <row r="148">
          <cell r="A148" t="str">
            <v>Distribution</v>
          </cell>
        </row>
        <row r="149">
          <cell r="A149" t="str">
            <v>Distribution</v>
          </cell>
        </row>
        <row r="150">
          <cell r="A150" t="str">
            <v>Distribution</v>
          </cell>
        </row>
        <row r="151">
          <cell r="A151" t="str">
            <v>Distribution</v>
          </cell>
        </row>
        <row r="152">
          <cell r="A152" t="str">
            <v>Distribution</v>
          </cell>
        </row>
        <row r="153">
          <cell r="A153" t="str">
            <v>Distribution</v>
          </cell>
        </row>
        <row r="154">
          <cell r="A154" t="str">
            <v>Distribution</v>
          </cell>
        </row>
        <row r="155">
          <cell r="A155" t="str">
            <v>Distribution</v>
          </cell>
        </row>
        <row r="156">
          <cell r="A156" t="str">
            <v>Distribution</v>
          </cell>
        </row>
        <row r="157">
          <cell r="A157" t="str">
            <v>Distribution</v>
          </cell>
        </row>
        <row r="158">
          <cell r="A158" t="str">
            <v>Distribution</v>
          </cell>
        </row>
        <row r="159">
          <cell r="A159" t="str">
            <v>Distribution</v>
          </cell>
        </row>
        <row r="160">
          <cell r="A160" t="str">
            <v>Distribution</v>
          </cell>
        </row>
        <row r="161">
          <cell r="A161" t="str">
            <v>Distribution</v>
          </cell>
        </row>
        <row r="162">
          <cell r="A162" t="str">
            <v>Distribution</v>
          </cell>
        </row>
        <row r="163">
          <cell r="A163" t="str">
            <v>Distribution</v>
          </cell>
        </row>
        <row r="164">
          <cell r="A164" t="str">
            <v>Distribution</v>
          </cell>
        </row>
        <row r="165">
          <cell r="A165" t="str">
            <v>Distribution</v>
          </cell>
        </row>
        <row r="166">
          <cell r="A166" t="str">
            <v>Distribution</v>
          </cell>
        </row>
        <row r="167">
          <cell r="A167" t="str">
            <v>Distribution</v>
          </cell>
        </row>
        <row r="168">
          <cell r="A168" t="str">
            <v>Distribution</v>
          </cell>
        </row>
        <row r="169">
          <cell r="A169" t="str">
            <v>Distribution</v>
          </cell>
        </row>
        <row r="170">
          <cell r="A170" t="str">
            <v>Distribution</v>
          </cell>
        </row>
        <row r="171">
          <cell r="A171" t="str">
            <v>Distribution</v>
          </cell>
        </row>
        <row r="172">
          <cell r="A172" t="str">
            <v>Distribution</v>
          </cell>
        </row>
        <row r="173">
          <cell r="A173" t="str">
            <v>Distribution</v>
          </cell>
        </row>
        <row r="174">
          <cell r="A174" t="str">
            <v>Distribution</v>
          </cell>
        </row>
        <row r="175">
          <cell r="A175" t="str">
            <v>Distribution</v>
          </cell>
        </row>
        <row r="176">
          <cell r="A176" t="str">
            <v>Distribution</v>
          </cell>
        </row>
        <row r="177">
          <cell r="A177" t="str">
            <v>Distribution</v>
          </cell>
        </row>
        <row r="178">
          <cell r="A178" t="str">
            <v>Distribution</v>
          </cell>
        </row>
        <row r="179">
          <cell r="A179" t="str">
            <v>Distribution</v>
          </cell>
        </row>
        <row r="180">
          <cell r="A180" t="str">
            <v>Distribution</v>
          </cell>
        </row>
        <row r="181">
          <cell r="A181" t="str">
            <v>Distribution</v>
          </cell>
        </row>
        <row r="182">
          <cell r="A182" t="str">
            <v>Distribution</v>
          </cell>
        </row>
        <row r="183">
          <cell r="A183" t="str">
            <v>Distribution</v>
          </cell>
        </row>
        <row r="184">
          <cell r="A184" t="str">
            <v>Distribution</v>
          </cell>
        </row>
        <row r="185">
          <cell r="A185" t="str">
            <v>Distribution</v>
          </cell>
        </row>
        <row r="186">
          <cell r="A186" t="str">
            <v>Distribution</v>
          </cell>
        </row>
        <row r="187">
          <cell r="A187" t="str">
            <v>Distribution</v>
          </cell>
        </row>
        <row r="188">
          <cell r="A188" t="str">
            <v>Distribution</v>
          </cell>
        </row>
        <row r="189">
          <cell r="A189" t="str">
            <v>Distribution</v>
          </cell>
        </row>
        <row r="190">
          <cell r="A190" t="str">
            <v>Distribution</v>
          </cell>
        </row>
        <row r="191">
          <cell r="A191" t="str">
            <v>Distribution</v>
          </cell>
        </row>
        <row r="192">
          <cell r="A192" t="str">
            <v>Distribution</v>
          </cell>
        </row>
        <row r="193">
          <cell r="A193" t="str">
            <v>Distribution</v>
          </cell>
        </row>
        <row r="194">
          <cell r="A194" t="str">
            <v>Distribution</v>
          </cell>
        </row>
        <row r="195">
          <cell r="A195" t="str">
            <v>Distribution</v>
          </cell>
        </row>
        <row r="196">
          <cell r="A196" t="str">
            <v>Distribution</v>
          </cell>
        </row>
        <row r="197">
          <cell r="A197" t="str">
            <v>Distribution</v>
          </cell>
        </row>
        <row r="198">
          <cell r="A198" t="str">
            <v>Distribution</v>
          </cell>
        </row>
        <row r="199">
          <cell r="A199" t="str">
            <v>Distribution</v>
          </cell>
        </row>
        <row r="200">
          <cell r="A200" t="str">
            <v>Distribution</v>
          </cell>
        </row>
        <row r="201">
          <cell r="A201" t="str">
            <v>Distribution</v>
          </cell>
        </row>
        <row r="202">
          <cell r="A202" t="str">
            <v>Distribution</v>
          </cell>
        </row>
        <row r="203">
          <cell r="A203" t="str">
            <v>Distribution</v>
          </cell>
        </row>
        <row r="204">
          <cell r="A204" t="str">
            <v>Distribution</v>
          </cell>
        </row>
        <row r="205">
          <cell r="A205" t="str">
            <v>Distribution</v>
          </cell>
        </row>
        <row r="206">
          <cell r="A206" t="str">
            <v>Distribution</v>
          </cell>
        </row>
        <row r="207">
          <cell r="A207" t="str">
            <v>Distribution</v>
          </cell>
        </row>
        <row r="208">
          <cell r="A208" t="str">
            <v>Distribution</v>
          </cell>
        </row>
        <row r="209">
          <cell r="A209" t="str">
            <v>Distribution</v>
          </cell>
        </row>
        <row r="210">
          <cell r="A210" t="str">
            <v>Distribution</v>
          </cell>
        </row>
        <row r="211">
          <cell r="A211" t="str">
            <v>Distribution</v>
          </cell>
        </row>
        <row r="212">
          <cell r="A212" t="str">
            <v>Distribution</v>
          </cell>
        </row>
        <row r="213">
          <cell r="A213" t="str">
            <v>Distribution</v>
          </cell>
        </row>
        <row r="214">
          <cell r="A214" t="str">
            <v>Distribution</v>
          </cell>
        </row>
        <row r="215">
          <cell r="A215" t="str">
            <v>Distribution</v>
          </cell>
        </row>
        <row r="216">
          <cell r="A216" t="str">
            <v>Distribution</v>
          </cell>
        </row>
        <row r="217">
          <cell r="A217" t="str">
            <v>Distribution</v>
          </cell>
        </row>
        <row r="218">
          <cell r="A218" t="str">
            <v>Distribution</v>
          </cell>
        </row>
        <row r="219">
          <cell r="A219" t="str">
            <v>Distribution</v>
          </cell>
        </row>
        <row r="220">
          <cell r="A220" t="str">
            <v>Distribution</v>
          </cell>
        </row>
        <row r="221">
          <cell r="A221" t="str">
            <v>Distribution</v>
          </cell>
        </row>
        <row r="222">
          <cell r="A222" t="str">
            <v>Distribution</v>
          </cell>
        </row>
        <row r="223">
          <cell r="A223" t="str">
            <v>Distribution</v>
          </cell>
        </row>
        <row r="224">
          <cell r="A224" t="str">
            <v>Distribution</v>
          </cell>
        </row>
        <row r="225">
          <cell r="A225" t="str">
            <v>Distribution</v>
          </cell>
        </row>
        <row r="226">
          <cell r="A226" t="str">
            <v>Distribution</v>
          </cell>
        </row>
        <row r="227">
          <cell r="A227" t="str">
            <v>Distribution</v>
          </cell>
        </row>
        <row r="228">
          <cell r="A228" t="str">
            <v>Distribution</v>
          </cell>
        </row>
        <row r="229">
          <cell r="A229" t="str">
            <v>Distribution</v>
          </cell>
        </row>
        <row r="230">
          <cell r="A230" t="str">
            <v>Distribution</v>
          </cell>
        </row>
        <row r="231">
          <cell r="A231" t="str">
            <v>Distribution</v>
          </cell>
        </row>
        <row r="232">
          <cell r="A232" t="str">
            <v>Distribution</v>
          </cell>
        </row>
        <row r="233">
          <cell r="A233" t="str">
            <v>Group Admin</v>
          </cell>
        </row>
        <row r="234">
          <cell r="A234" t="str">
            <v>Group Admin</v>
          </cell>
        </row>
        <row r="235">
          <cell r="A235" t="str">
            <v>Group Admin</v>
          </cell>
        </row>
        <row r="236">
          <cell r="A236" t="str">
            <v>Group Admin</v>
          </cell>
        </row>
        <row r="237">
          <cell r="A237" t="str">
            <v>Group Admin</v>
          </cell>
        </row>
        <row r="238">
          <cell r="A238" t="str">
            <v>Group Admin</v>
          </cell>
        </row>
        <row r="239">
          <cell r="A239" t="str">
            <v>Group Admin</v>
          </cell>
        </row>
        <row r="240">
          <cell r="A240" t="str">
            <v>Integration</v>
          </cell>
        </row>
        <row r="241">
          <cell r="A241" t="str">
            <v>Integration</v>
          </cell>
        </row>
        <row r="242">
          <cell r="A242" t="str">
            <v>Integration</v>
          </cell>
        </row>
        <row r="243">
          <cell r="A243" t="str">
            <v>Integration</v>
          </cell>
        </row>
        <row r="244">
          <cell r="A244" t="str">
            <v>Integration</v>
          </cell>
        </row>
        <row r="245">
          <cell r="A245" t="str">
            <v>Integration</v>
          </cell>
        </row>
        <row r="246">
          <cell r="A246" t="str">
            <v>Other</v>
          </cell>
        </row>
        <row r="247">
          <cell r="A247" t="str">
            <v>Other</v>
          </cell>
        </row>
        <row r="248">
          <cell r="A248" t="str">
            <v>Other</v>
          </cell>
        </row>
        <row r="249">
          <cell r="A249" t="str">
            <v>Other</v>
          </cell>
        </row>
        <row r="250">
          <cell r="A250" t="str">
            <v>Other</v>
          </cell>
        </row>
        <row r="251">
          <cell r="A251" t="str">
            <v>Other</v>
          </cell>
        </row>
        <row r="252">
          <cell r="A252" t="str">
            <v>Other</v>
          </cell>
        </row>
        <row r="253">
          <cell r="A253" t="str">
            <v>Other</v>
          </cell>
        </row>
        <row r="254">
          <cell r="A254" t="str">
            <v>Other</v>
          </cell>
        </row>
        <row r="255">
          <cell r="A255" t="str">
            <v>Other</v>
          </cell>
        </row>
        <row r="256">
          <cell r="A256" t="str">
            <v>Other</v>
          </cell>
        </row>
        <row r="257">
          <cell r="A257" t="str">
            <v>Other</v>
          </cell>
        </row>
        <row r="258">
          <cell r="A258" t="str">
            <v>Other</v>
          </cell>
        </row>
        <row r="259">
          <cell r="A259" t="str">
            <v>Other</v>
          </cell>
        </row>
        <row r="260">
          <cell r="A260" t="str">
            <v>Other</v>
          </cell>
        </row>
        <row r="261">
          <cell r="A261" t="str">
            <v>Other</v>
          </cell>
        </row>
        <row r="262">
          <cell r="A262" t="str">
            <v>Other</v>
          </cell>
        </row>
        <row r="263">
          <cell r="A263" t="str">
            <v>Other</v>
          </cell>
        </row>
        <row r="264">
          <cell r="A264" t="str">
            <v>Other</v>
          </cell>
        </row>
        <row r="265">
          <cell r="A265" t="str">
            <v>Other</v>
          </cell>
        </row>
        <row r="266">
          <cell r="A266" t="str">
            <v>Other</v>
          </cell>
        </row>
        <row r="267">
          <cell r="A267" t="str">
            <v>Other</v>
          </cell>
        </row>
        <row r="268">
          <cell r="A268" t="str">
            <v>Other</v>
          </cell>
        </row>
        <row r="269">
          <cell r="A269" t="str">
            <v>Other</v>
          </cell>
        </row>
        <row r="270">
          <cell r="A270" t="str">
            <v>Other</v>
          </cell>
        </row>
        <row r="271">
          <cell r="A271" t="str">
            <v>Other</v>
          </cell>
        </row>
        <row r="272">
          <cell r="A272" t="str">
            <v>Other</v>
          </cell>
        </row>
        <row r="273">
          <cell r="A273" t="str">
            <v>Other</v>
          </cell>
        </row>
        <row r="274">
          <cell r="A274" t="str">
            <v>Other</v>
          </cell>
        </row>
        <row r="275">
          <cell r="A275" t="str">
            <v>Other</v>
          </cell>
        </row>
        <row r="276">
          <cell r="A276" t="str">
            <v>Other</v>
          </cell>
        </row>
        <row r="277">
          <cell r="A277" t="str">
            <v>Other</v>
          </cell>
        </row>
        <row r="278">
          <cell r="A278" t="str">
            <v>Other</v>
          </cell>
        </row>
        <row r="279">
          <cell r="A279" t="str">
            <v>Other</v>
          </cell>
        </row>
        <row r="280">
          <cell r="A280" t="str">
            <v>Other</v>
          </cell>
        </row>
        <row r="281">
          <cell r="A281" t="str">
            <v>Other</v>
          </cell>
        </row>
        <row r="282">
          <cell r="A282" t="str">
            <v>Other</v>
          </cell>
        </row>
        <row r="283">
          <cell r="A283" t="str">
            <v>Other</v>
          </cell>
        </row>
        <row r="284">
          <cell r="A284" t="str">
            <v>Other</v>
          </cell>
        </row>
        <row r="285">
          <cell r="A285" t="str">
            <v>Other</v>
          </cell>
        </row>
        <row r="286">
          <cell r="A286" t="str">
            <v>Other</v>
          </cell>
        </row>
        <row r="287">
          <cell r="A287" t="str">
            <v>Other</v>
          </cell>
        </row>
        <row r="288">
          <cell r="A288" t="str">
            <v>Other</v>
          </cell>
        </row>
        <row r="289">
          <cell r="A289" t="str">
            <v>Other</v>
          </cell>
        </row>
        <row r="290">
          <cell r="A290" t="str">
            <v>Other</v>
          </cell>
        </row>
        <row r="291">
          <cell r="A291" t="str">
            <v>Other</v>
          </cell>
        </row>
        <row r="292">
          <cell r="A292" t="str">
            <v>Other</v>
          </cell>
        </row>
        <row r="293">
          <cell r="A293" t="str">
            <v>Other</v>
          </cell>
        </row>
        <row r="294">
          <cell r="A294" t="str">
            <v>Other</v>
          </cell>
        </row>
        <row r="295">
          <cell r="A295" t="str">
            <v>Other</v>
          </cell>
        </row>
        <row r="296">
          <cell r="A296" t="str">
            <v>Other</v>
          </cell>
        </row>
        <row r="297">
          <cell r="A297" t="str">
            <v>Other</v>
          </cell>
        </row>
        <row r="298">
          <cell r="A298" t="str">
            <v>Other</v>
          </cell>
        </row>
        <row r="299">
          <cell r="A299" t="str">
            <v>Other</v>
          </cell>
        </row>
        <row r="300">
          <cell r="A300" t="str">
            <v>PEC WMS Cap</v>
          </cell>
        </row>
        <row r="301">
          <cell r="A301" t="str">
            <v>PEC WMS Cap</v>
          </cell>
        </row>
        <row r="302">
          <cell r="A302" t="str">
            <v>PEC WMS Cap</v>
          </cell>
        </row>
        <row r="303">
          <cell r="A303" t="str">
            <v>PEC WMS Cap</v>
          </cell>
        </row>
        <row r="304">
          <cell r="A304" t="str">
            <v>PEC WMS Cap</v>
          </cell>
        </row>
        <row r="305">
          <cell r="A305" t="str">
            <v>PEC WMS Cap</v>
          </cell>
        </row>
        <row r="306">
          <cell r="A306" t="str">
            <v>PEC WMS Cap</v>
          </cell>
        </row>
        <row r="307">
          <cell r="A307" t="str">
            <v>PEC WMS Cap</v>
          </cell>
        </row>
        <row r="308">
          <cell r="A308" t="str">
            <v>PEC WMS Cap</v>
          </cell>
        </row>
        <row r="309">
          <cell r="A309" t="str">
            <v>PEC WMS Cap</v>
          </cell>
        </row>
        <row r="310">
          <cell r="A310" t="str">
            <v>PEC WMS O&amp;M</v>
          </cell>
        </row>
        <row r="311">
          <cell r="A311" t="str">
            <v>PEC WMS O&amp;M</v>
          </cell>
        </row>
        <row r="312">
          <cell r="A312" t="str">
            <v>PEC WMS O&amp;M</v>
          </cell>
        </row>
        <row r="313">
          <cell r="A313" t="str">
            <v>PEC WMS O&amp;M</v>
          </cell>
        </row>
        <row r="314">
          <cell r="A314" t="str">
            <v>PEC WMS O&amp;M</v>
          </cell>
        </row>
        <row r="315">
          <cell r="A315" t="str">
            <v>PEC WMS O&amp;M</v>
          </cell>
        </row>
        <row r="316">
          <cell r="A316" t="str">
            <v>PEC WMS O&amp;M</v>
          </cell>
        </row>
        <row r="317">
          <cell r="A317" t="str">
            <v>PEC WMS O&amp;M</v>
          </cell>
        </row>
        <row r="318">
          <cell r="A318" t="str">
            <v>PEC WMS O&amp;M</v>
          </cell>
        </row>
        <row r="319">
          <cell r="A319" t="str">
            <v>PEF</v>
          </cell>
        </row>
        <row r="320">
          <cell r="A320" t="str">
            <v>PEF</v>
          </cell>
        </row>
        <row r="321">
          <cell r="A321" t="str">
            <v>PEF</v>
          </cell>
        </row>
        <row r="322">
          <cell r="A322" t="str">
            <v>PEF</v>
          </cell>
        </row>
        <row r="323">
          <cell r="A323" t="str">
            <v>PEF</v>
          </cell>
        </row>
        <row r="324">
          <cell r="A324" t="str">
            <v>PEF</v>
          </cell>
        </row>
        <row r="325">
          <cell r="A325" t="str">
            <v>PEF</v>
          </cell>
        </row>
        <row r="326">
          <cell r="A326" t="str">
            <v>PEF</v>
          </cell>
        </row>
        <row r="327">
          <cell r="A327" t="str">
            <v>PEF</v>
          </cell>
        </row>
        <row r="328">
          <cell r="A328" t="str">
            <v>PEF</v>
          </cell>
        </row>
        <row r="329">
          <cell r="A329" t="str">
            <v>PEF</v>
          </cell>
        </row>
        <row r="330">
          <cell r="A330" t="str">
            <v>PEF</v>
          </cell>
        </row>
        <row r="331">
          <cell r="A331" t="str">
            <v>PEF</v>
          </cell>
        </row>
        <row r="332">
          <cell r="A332" t="str">
            <v>PEF</v>
          </cell>
        </row>
        <row r="333">
          <cell r="A333" t="str">
            <v>PEF</v>
          </cell>
        </row>
        <row r="334">
          <cell r="A334" t="str">
            <v>PEF</v>
          </cell>
        </row>
        <row r="335">
          <cell r="A335" t="str">
            <v>PEF</v>
          </cell>
        </row>
        <row r="336">
          <cell r="A336" t="str">
            <v>PEF</v>
          </cell>
        </row>
        <row r="337">
          <cell r="A337" t="str">
            <v>PEF</v>
          </cell>
        </row>
        <row r="338">
          <cell r="A338" t="str">
            <v>Region</v>
          </cell>
        </row>
        <row r="339">
          <cell r="A339" t="str">
            <v>Region</v>
          </cell>
        </row>
        <row r="340">
          <cell r="A340" t="str">
            <v>Region</v>
          </cell>
        </row>
        <row r="341">
          <cell r="A341" t="str">
            <v>Region</v>
          </cell>
        </row>
        <row r="342">
          <cell r="A342" t="str">
            <v>Region</v>
          </cell>
        </row>
        <row r="343">
          <cell r="A343" t="str">
            <v>Region</v>
          </cell>
        </row>
        <row r="344">
          <cell r="A344" t="str">
            <v>Region</v>
          </cell>
        </row>
        <row r="345">
          <cell r="A345" t="str">
            <v>Region</v>
          </cell>
        </row>
        <row r="346">
          <cell r="A346" t="str">
            <v>Region</v>
          </cell>
        </row>
        <row r="347">
          <cell r="A347" t="str">
            <v>Region</v>
          </cell>
        </row>
        <row r="348">
          <cell r="A348" t="str">
            <v>Region</v>
          </cell>
        </row>
        <row r="349">
          <cell r="A349" t="str">
            <v>Region</v>
          </cell>
        </row>
        <row r="350">
          <cell r="A350" t="str">
            <v>Region</v>
          </cell>
        </row>
        <row r="351">
          <cell r="A351" t="str">
            <v>Region</v>
          </cell>
        </row>
        <row r="352">
          <cell r="A352" t="str">
            <v>Region</v>
          </cell>
        </row>
        <row r="353">
          <cell r="A353" t="str">
            <v>Region</v>
          </cell>
        </row>
        <row r="354">
          <cell r="A354" t="str">
            <v>Region</v>
          </cell>
        </row>
        <row r="355">
          <cell r="A355" t="str">
            <v>Region</v>
          </cell>
        </row>
        <row r="356">
          <cell r="A356" t="str">
            <v>Region</v>
          </cell>
        </row>
        <row r="357">
          <cell r="A357" t="str">
            <v>Region</v>
          </cell>
        </row>
        <row r="358">
          <cell r="A358" t="str">
            <v>Region</v>
          </cell>
        </row>
        <row r="359">
          <cell r="A359" t="str">
            <v>Region</v>
          </cell>
        </row>
        <row r="360">
          <cell r="A360" t="str">
            <v>Region</v>
          </cell>
        </row>
        <row r="361">
          <cell r="A361" t="str">
            <v>Region</v>
          </cell>
        </row>
        <row r="362">
          <cell r="A362" t="str">
            <v>Region</v>
          </cell>
        </row>
        <row r="363">
          <cell r="A363" t="str">
            <v>Region</v>
          </cell>
        </row>
        <row r="364">
          <cell r="A364" t="str">
            <v>Region</v>
          </cell>
        </row>
        <row r="365">
          <cell r="A365" t="str">
            <v>Region</v>
          </cell>
        </row>
        <row r="366">
          <cell r="A366" t="str">
            <v>Region</v>
          </cell>
        </row>
        <row r="367">
          <cell r="A367" t="str">
            <v>Region</v>
          </cell>
        </row>
        <row r="368">
          <cell r="A368" t="str">
            <v>Region</v>
          </cell>
        </row>
        <row r="369">
          <cell r="A369" t="str">
            <v>Region</v>
          </cell>
        </row>
        <row r="370">
          <cell r="A370" t="str">
            <v>Region</v>
          </cell>
        </row>
        <row r="371">
          <cell r="A371" t="str">
            <v>Region</v>
          </cell>
        </row>
        <row r="372">
          <cell r="A372" t="str">
            <v>Region</v>
          </cell>
        </row>
        <row r="373">
          <cell r="A373" t="str">
            <v>Region</v>
          </cell>
        </row>
        <row r="374">
          <cell r="A374" t="str">
            <v>Region</v>
          </cell>
        </row>
        <row r="375">
          <cell r="A375" t="str">
            <v>Region</v>
          </cell>
        </row>
        <row r="376">
          <cell r="A376" t="str">
            <v>Region</v>
          </cell>
        </row>
        <row r="377">
          <cell r="A377" t="str">
            <v>Region</v>
          </cell>
        </row>
        <row r="378">
          <cell r="A378" t="str">
            <v>Region</v>
          </cell>
        </row>
        <row r="379">
          <cell r="A379" t="str">
            <v>Region</v>
          </cell>
        </row>
        <row r="380">
          <cell r="A380" t="str">
            <v>Region</v>
          </cell>
        </row>
        <row r="381">
          <cell r="A381" t="str">
            <v>Region</v>
          </cell>
        </row>
        <row r="382">
          <cell r="A382" t="str">
            <v>Region</v>
          </cell>
        </row>
        <row r="383">
          <cell r="A383" t="str">
            <v>Region</v>
          </cell>
        </row>
        <row r="384">
          <cell r="A384" t="str">
            <v>Region</v>
          </cell>
        </row>
        <row r="385">
          <cell r="A385" t="str">
            <v>Region</v>
          </cell>
        </row>
        <row r="386">
          <cell r="A386" t="str">
            <v>Region</v>
          </cell>
        </row>
        <row r="387">
          <cell r="A387" t="str">
            <v>Region</v>
          </cell>
        </row>
        <row r="388">
          <cell r="A388" t="str">
            <v>Region</v>
          </cell>
        </row>
        <row r="389">
          <cell r="A389" t="str">
            <v>Region</v>
          </cell>
        </row>
        <row r="390">
          <cell r="A390" t="str">
            <v>Region</v>
          </cell>
        </row>
        <row r="391">
          <cell r="A391" t="str">
            <v>Region</v>
          </cell>
        </row>
        <row r="392">
          <cell r="A392" t="str">
            <v>Region</v>
          </cell>
        </row>
        <row r="393">
          <cell r="A393" t="str">
            <v>Region</v>
          </cell>
        </row>
        <row r="394">
          <cell r="A394" t="str">
            <v>Region</v>
          </cell>
        </row>
        <row r="395">
          <cell r="A395" t="str">
            <v>Region</v>
          </cell>
        </row>
        <row r="396">
          <cell r="A396" t="str">
            <v>Region</v>
          </cell>
        </row>
        <row r="397">
          <cell r="A397" t="str">
            <v>Region</v>
          </cell>
        </row>
        <row r="398">
          <cell r="A398" t="str">
            <v>Region</v>
          </cell>
        </row>
        <row r="399">
          <cell r="A399" t="str">
            <v>Region</v>
          </cell>
        </row>
        <row r="400">
          <cell r="A400" t="str">
            <v>Region</v>
          </cell>
        </row>
        <row r="401">
          <cell r="A401" t="str">
            <v>Region</v>
          </cell>
        </row>
        <row r="402">
          <cell r="A402" t="str">
            <v>Region</v>
          </cell>
        </row>
        <row r="403">
          <cell r="A403" t="str">
            <v>Region</v>
          </cell>
        </row>
        <row r="404">
          <cell r="A404" t="str">
            <v>Region</v>
          </cell>
        </row>
        <row r="405">
          <cell r="A405" t="str">
            <v>Region</v>
          </cell>
        </row>
        <row r="406">
          <cell r="A406" t="str">
            <v>Region</v>
          </cell>
        </row>
        <row r="407">
          <cell r="A407" t="str">
            <v>Region</v>
          </cell>
        </row>
        <row r="408">
          <cell r="A408" t="str">
            <v>Region</v>
          </cell>
        </row>
        <row r="409">
          <cell r="A409" t="str">
            <v>Region</v>
          </cell>
        </row>
        <row r="410">
          <cell r="A410" t="str">
            <v>Resource Management &amp; Construction</v>
          </cell>
        </row>
        <row r="411">
          <cell r="A411" t="str">
            <v>Resource Management &amp; Construction</v>
          </cell>
        </row>
        <row r="412">
          <cell r="A412" t="str">
            <v>Resource Management &amp; Construction</v>
          </cell>
        </row>
        <row r="413">
          <cell r="A413" t="str">
            <v>Resource Management &amp; Construction</v>
          </cell>
        </row>
        <row r="414">
          <cell r="A414" t="str">
            <v>Resource Management &amp; Construction</v>
          </cell>
        </row>
        <row r="415">
          <cell r="A415" t="str">
            <v>Resource Management &amp; Construction</v>
          </cell>
        </row>
        <row r="416">
          <cell r="A416" t="str">
            <v>Resource Management &amp; Construction</v>
          </cell>
        </row>
        <row r="417">
          <cell r="A417" t="str">
            <v>Resource Management &amp; Construction</v>
          </cell>
        </row>
        <row r="418">
          <cell r="A418" t="str">
            <v>Resource Management &amp; Construction</v>
          </cell>
        </row>
        <row r="419">
          <cell r="A419" t="str">
            <v>Resource Management &amp; Construction</v>
          </cell>
        </row>
        <row r="420">
          <cell r="A420" t="str">
            <v>Resource Management &amp; Construction</v>
          </cell>
        </row>
        <row r="421">
          <cell r="A421" t="str">
            <v>Resource Management &amp; Construction</v>
          </cell>
        </row>
        <row r="422">
          <cell r="A422" t="str">
            <v>Resource Management &amp; Construction</v>
          </cell>
        </row>
        <row r="423">
          <cell r="A423" t="str">
            <v>Resource Management &amp; Construction</v>
          </cell>
        </row>
        <row r="424">
          <cell r="A424" t="str">
            <v>Resource Management &amp; Construction</v>
          </cell>
        </row>
        <row r="425">
          <cell r="A425" t="str">
            <v>Resource Management &amp; Construction</v>
          </cell>
        </row>
        <row r="426">
          <cell r="A426" t="str">
            <v>Resource Management &amp; Construction</v>
          </cell>
        </row>
        <row r="427">
          <cell r="A427" t="str">
            <v>Resource Management &amp; Construction</v>
          </cell>
        </row>
        <row r="428">
          <cell r="A428" t="str">
            <v>Resource Management &amp; Construction</v>
          </cell>
        </row>
        <row r="429">
          <cell r="A429" t="str">
            <v>Resource Management &amp; Construction</v>
          </cell>
        </row>
        <row r="430">
          <cell r="A430" t="str">
            <v>Resource Management &amp; Construction</v>
          </cell>
        </row>
        <row r="431">
          <cell r="A431" t="str">
            <v>Resource Management &amp; Construction</v>
          </cell>
        </row>
        <row r="432">
          <cell r="A432" t="str">
            <v>Resource Management &amp; Construction</v>
          </cell>
        </row>
        <row r="433">
          <cell r="A433" t="str">
            <v>Resource Management &amp; Construction</v>
          </cell>
        </row>
        <row r="434">
          <cell r="A434" t="str">
            <v>Resource Management &amp; Construction</v>
          </cell>
        </row>
        <row r="435">
          <cell r="A435" t="str">
            <v>Resource Management &amp; Construction</v>
          </cell>
        </row>
        <row r="436">
          <cell r="A436" t="str">
            <v>Resource Management &amp; Construction</v>
          </cell>
        </row>
        <row r="437">
          <cell r="A437" t="str">
            <v>Resource Management &amp; Construction</v>
          </cell>
        </row>
        <row r="438">
          <cell r="A438" t="str">
            <v>Resource Management &amp; Construction</v>
          </cell>
        </row>
        <row r="439">
          <cell r="A439" t="str">
            <v>Smart Grid</v>
          </cell>
        </row>
        <row r="440">
          <cell r="A440" t="str">
            <v>Smart Grid</v>
          </cell>
        </row>
        <row r="441">
          <cell r="A441" t="str">
            <v>Smart Grid</v>
          </cell>
        </row>
        <row r="442">
          <cell r="A442" t="str">
            <v>Smart Grid</v>
          </cell>
        </row>
        <row r="443">
          <cell r="A443" t="str">
            <v>Smart Grid</v>
          </cell>
        </row>
        <row r="444">
          <cell r="A444" t="str">
            <v>Smart Grid</v>
          </cell>
        </row>
        <row r="445">
          <cell r="A445" t="str">
            <v>Smart Grid</v>
          </cell>
        </row>
        <row r="446">
          <cell r="A446" t="str">
            <v>Smart Grid</v>
          </cell>
        </row>
        <row r="447">
          <cell r="A447" t="str">
            <v>Smart Grid</v>
          </cell>
        </row>
        <row r="448">
          <cell r="A448" t="str">
            <v>Smart Grid</v>
          </cell>
        </row>
        <row r="449">
          <cell r="A449" t="str">
            <v>Smart Grid</v>
          </cell>
        </row>
        <row r="450">
          <cell r="A450" t="str">
            <v>Smart Grid</v>
          </cell>
        </row>
        <row r="451">
          <cell r="A451" t="str">
            <v>Smart Grid</v>
          </cell>
        </row>
        <row r="452">
          <cell r="A452" t="str">
            <v>Smart Grid</v>
          </cell>
        </row>
        <row r="453">
          <cell r="A453" t="str">
            <v>Smart Grid</v>
          </cell>
        </row>
        <row r="454">
          <cell r="A454" t="str">
            <v>Smart Grid</v>
          </cell>
        </row>
        <row r="455">
          <cell r="A455" t="str">
            <v>Smart Grid</v>
          </cell>
        </row>
        <row r="456">
          <cell r="A456" t="str">
            <v>Smart Grid</v>
          </cell>
        </row>
        <row r="457">
          <cell r="A457" t="str">
            <v>Smart Grid</v>
          </cell>
        </row>
        <row r="458">
          <cell r="A458" t="str">
            <v>Smart Grid</v>
          </cell>
        </row>
        <row r="459">
          <cell r="A459" t="str">
            <v>Smart Grid</v>
          </cell>
        </row>
        <row r="460">
          <cell r="A460" t="str">
            <v>Smart Grid</v>
          </cell>
        </row>
        <row r="461">
          <cell r="A461" t="str">
            <v>Smart Grid</v>
          </cell>
        </row>
        <row r="462">
          <cell r="A462" t="str">
            <v>Smart Grid</v>
          </cell>
        </row>
        <row r="463">
          <cell r="A463" t="str">
            <v>Smart Grid</v>
          </cell>
        </row>
        <row r="464">
          <cell r="A464" t="str">
            <v>Smart Grid</v>
          </cell>
        </row>
        <row r="465">
          <cell r="A465" t="str">
            <v>Smart Grid</v>
          </cell>
        </row>
        <row r="466">
          <cell r="A466" t="str">
            <v>Smart Grid</v>
          </cell>
        </row>
        <row r="467">
          <cell r="A467" t="str">
            <v>Smart Grid</v>
          </cell>
        </row>
        <row r="468">
          <cell r="A468" t="str">
            <v>Smart Grid</v>
          </cell>
        </row>
        <row r="469">
          <cell r="A469" t="str">
            <v>Smart Grid</v>
          </cell>
        </row>
        <row r="470">
          <cell r="A470" t="str">
            <v>Smart Grid</v>
          </cell>
        </row>
        <row r="471">
          <cell r="A471" t="str">
            <v>Smart Grid</v>
          </cell>
        </row>
        <row r="472">
          <cell r="A472" t="str">
            <v>Smart Grid</v>
          </cell>
        </row>
        <row r="473">
          <cell r="A473" t="str">
            <v>Smart Grid</v>
          </cell>
        </row>
        <row r="474">
          <cell r="A474" t="str">
            <v>Smart Grid</v>
          </cell>
        </row>
        <row r="475">
          <cell r="A475" t="str">
            <v>Smart Grid</v>
          </cell>
        </row>
        <row r="476">
          <cell r="A476" t="str">
            <v>Smart Grid</v>
          </cell>
        </row>
        <row r="477">
          <cell r="A477" t="str">
            <v>Smart Grid</v>
          </cell>
        </row>
        <row r="478">
          <cell r="A478" t="str">
            <v>Smart Grid</v>
          </cell>
        </row>
        <row r="479">
          <cell r="A479" t="str">
            <v>Smart Grid</v>
          </cell>
        </row>
        <row r="480">
          <cell r="A480" t="str">
            <v>Smart Grid</v>
          </cell>
        </row>
        <row r="481">
          <cell r="A481" t="str">
            <v>Smart Grid</v>
          </cell>
        </row>
        <row r="482">
          <cell r="A482" t="str">
            <v>Storm</v>
          </cell>
        </row>
        <row r="483">
          <cell r="A483" t="str">
            <v>Storm</v>
          </cell>
        </row>
        <row r="484">
          <cell r="A484" t="str">
            <v>Storm</v>
          </cell>
        </row>
        <row r="485">
          <cell r="A485" t="str">
            <v>Storm</v>
          </cell>
        </row>
        <row r="486">
          <cell r="A486" t="str">
            <v>Storm</v>
          </cell>
        </row>
        <row r="487">
          <cell r="A487" t="str">
            <v>Storm</v>
          </cell>
        </row>
        <row r="488">
          <cell r="A488" t="str">
            <v>Storm</v>
          </cell>
        </row>
        <row r="489">
          <cell r="A489" t="str">
            <v>Storm</v>
          </cell>
        </row>
        <row r="490">
          <cell r="A490" t="str">
            <v>Storm</v>
          </cell>
        </row>
        <row r="491">
          <cell r="A491" t="str">
            <v>Storm</v>
          </cell>
        </row>
        <row r="492">
          <cell r="A492" t="str">
            <v>Storm</v>
          </cell>
        </row>
        <row r="493">
          <cell r="A493" t="str">
            <v>Storm</v>
          </cell>
        </row>
        <row r="494">
          <cell r="A494" t="str">
            <v>Storm</v>
          </cell>
        </row>
        <row r="495">
          <cell r="A495" t="str">
            <v>Storm</v>
          </cell>
        </row>
        <row r="496">
          <cell r="A496" t="str">
            <v>Storm</v>
          </cell>
        </row>
        <row r="497">
          <cell r="A497" t="str">
            <v>Storm</v>
          </cell>
        </row>
        <row r="498">
          <cell r="A498" t="str">
            <v>Storm</v>
          </cell>
        </row>
        <row r="499">
          <cell r="A499" t="str">
            <v>Storm</v>
          </cell>
        </row>
        <row r="500">
          <cell r="A500" t="str">
            <v>Storm</v>
          </cell>
        </row>
        <row r="501">
          <cell r="A501" t="str">
            <v>Storm</v>
          </cell>
        </row>
        <row r="502">
          <cell r="A502" t="str">
            <v>Storm</v>
          </cell>
        </row>
        <row r="503">
          <cell r="A503" t="str">
            <v>Storm</v>
          </cell>
        </row>
        <row r="504">
          <cell r="A504" t="str">
            <v>Storm</v>
          </cell>
        </row>
        <row r="505">
          <cell r="A505" t="str">
            <v>Storm</v>
          </cell>
        </row>
        <row r="506">
          <cell r="A506" t="str">
            <v>Storm</v>
          </cell>
        </row>
        <row r="507">
          <cell r="A507" t="str">
            <v>Storm</v>
          </cell>
        </row>
        <row r="508">
          <cell r="A508" t="str">
            <v>Storm</v>
          </cell>
        </row>
        <row r="509">
          <cell r="A509" t="str">
            <v>Storm</v>
          </cell>
        </row>
        <row r="510">
          <cell r="A510" t="str">
            <v>Storm</v>
          </cell>
        </row>
        <row r="511">
          <cell r="A511" t="str">
            <v>Transmission</v>
          </cell>
        </row>
        <row r="512">
          <cell r="A512" t="str">
            <v>Transmission</v>
          </cell>
        </row>
        <row r="513">
          <cell r="A513" t="str">
            <v>Transmission</v>
          </cell>
        </row>
        <row r="514">
          <cell r="A514" t="str">
            <v>Transmission</v>
          </cell>
        </row>
        <row r="515">
          <cell r="A515" t="str">
            <v>Transmission</v>
          </cell>
        </row>
        <row r="516">
          <cell r="A516" t="str">
            <v>Transmission</v>
          </cell>
        </row>
        <row r="517">
          <cell r="A517" t="str">
            <v>Transmission</v>
          </cell>
        </row>
        <row r="518">
          <cell r="A518" t="str">
            <v>Transmission</v>
          </cell>
        </row>
        <row r="519">
          <cell r="A519" t="str">
            <v>Transmission</v>
          </cell>
        </row>
        <row r="520">
          <cell r="A520" t="str">
            <v>Transmission</v>
          </cell>
        </row>
        <row r="521">
          <cell r="A521" t="str">
            <v>Transmission</v>
          </cell>
        </row>
        <row r="522">
          <cell r="A522" t="str">
            <v>Transmission</v>
          </cell>
        </row>
        <row r="523">
          <cell r="A523" t="str">
            <v>Transmission</v>
          </cell>
        </row>
        <row r="524">
          <cell r="A524" t="str">
            <v>Vacancy Factor</v>
          </cell>
        </row>
      </sheetData>
      <sheetData sheetId="2" refreshError="1"/>
      <sheetData sheetId="3"/>
      <sheetData sheetId="4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Jan 2013"/>
      <sheetName val="Feb 2013"/>
      <sheetName val="Mar 2013"/>
      <sheetName val="Apr 2013"/>
      <sheetName val="May 2013"/>
      <sheetName val="Jun 2013"/>
      <sheetName val="Jul 2013"/>
      <sheetName val="Aug 2013"/>
      <sheetName val="Sep 2013"/>
      <sheetName val="Production Attendence"/>
      <sheetName val="all failures"/>
      <sheetName val="Summary"/>
      <sheetName val="Paste"/>
      <sheetName val="Jan_2013"/>
      <sheetName val="Feb_2013"/>
      <sheetName val="Mar_2013"/>
      <sheetName val="Apr_2013"/>
      <sheetName val="May_2013"/>
      <sheetName val="Jun_2013"/>
      <sheetName val="Jul_2013"/>
      <sheetName val="Aug_2013"/>
      <sheetName val="Sep_2013"/>
      <sheetName val="Production_Attendence"/>
      <sheetName val="all_failures"/>
      <sheetName val="Jan_20131"/>
      <sheetName val="Feb_20131"/>
      <sheetName val="Mar_20131"/>
      <sheetName val="Apr_20131"/>
      <sheetName val="May_20131"/>
      <sheetName val="Jun_20131"/>
      <sheetName val="Jul_20131"/>
      <sheetName val="Aug_20131"/>
      <sheetName val="Sep_20131"/>
      <sheetName val="Production_Attendence1"/>
      <sheetName val="all_failures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1">
          <cell r="L1" t="str">
            <v>G7432</v>
          </cell>
          <cell r="M1" t="str">
            <v>as-built hung up in eMax</v>
          </cell>
        </row>
        <row r="2">
          <cell r="L2" t="str">
            <v>G3294</v>
          </cell>
          <cell r="M2" t="str">
            <v>as-built hung up in eMax</v>
          </cell>
        </row>
        <row r="3">
          <cell r="L3" t="str">
            <v>G8495</v>
          </cell>
          <cell r="M3" t="str">
            <v>as-built hung up in eMax</v>
          </cell>
        </row>
        <row r="4">
          <cell r="L4" t="str">
            <v>G8553</v>
          </cell>
          <cell r="M4" t="str">
            <v>as-built hung up in eMax</v>
          </cell>
        </row>
        <row r="5">
          <cell r="L5" t="str">
            <v>G9169</v>
          </cell>
          <cell r="M5" t="str">
            <v>as-built hung up in eMax</v>
          </cell>
        </row>
        <row r="6">
          <cell r="L6" t="str">
            <v>G9483</v>
          </cell>
          <cell r="M6" t="str">
            <v>as-built hung up in eMax</v>
          </cell>
        </row>
        <row r="7">
          <cell r="L7" t="str">
            <v>G9664</v>
          </cell>
          <cell r="M7" t="str">
            <v>as-built hung up in eMax</v>
          </cell>
        </row>
        <row r="8">
          <cell r="L8" t="str">
            <v>H0946</v>
          </cell>
          <cell r="M8" t="str">
            <v>as-built hung up in eMax</v>
          </cell>
        </row>
        <row r="9">
          <cell r="L9">
            <v>0</v>
          </cell>
        </row>
        <row r="10">
          <cell r="L10">
            <v>0</v>
          </cell>
        </row>
        <row r="11">
          <cell r="L11">
            <v>0</v>
          </cell>
        </row>
        <row r="12">
          <cell r="L12">
            <v>0</v>
          </cell>
        </row>
        <row r="13">
          <cell r="L13">
            <v>0</v>
          </cell>
        </row>
        <row r="14">
          <cell r="L14">
            <v>0</v>
          </cell>
        </row>
        <row r="15">
          <cell r="L15">
            <v>0</v>
          </cell>
        </row>
        <row r="16">
          <cell r="L16">
            <v>0</v>
          </cell>
        </row>
        <row r="17">
          <cell r="L17">
            <v>0</v>
          </cell>
        </row>
        <row r="18">
          <cell r="L18">
            <v>0</v>
          </cell>
        </row>
        <row r="19">
          <cell r="L19">
            <v>0</v>
          </cell>
        </row>
        <row r="20">
          <cell r="L20">
            <v>0</v>
          </cell>
        </row>
        <row r="21">
          <cell r="L21">
            <v>0</v>
          </cell>
        </row>
        <row r="22">
          <cell r="L22">
            <v>0</v>
          </cell>
        </row>
        <row r="23">
          <cell r="L23">
            <v>0</v>
          </cell>
        </row>
        <row r="24">
          <cell r="L24">
            <v>0</v>
          </cell>
        </row>
        <row r="25">
          <cell r="L25">
            <v>0</v>
          </cell>
        </row>
        <row r="26">
          <cell r="L26">
            <v>0</v>
          </cell>
        </row>
        <row r="27">
          <cell r="L27">
            <v>0</v>
          </cell>
        </row>
        <row r="28">
          <cell r="L28">
            <v>0</v>
          </cell>
        </row>
        <row r="29">
          <cell r="L29">
            <v>0</v>
          </cell>
        </row>
        <row r="30">
          <cell r="L30">
            <v>0</v>
          </cell>
        </row>
        <row r="31">
          <cell r="L31">
            <v>0</v>
          </cell>
        </row>
        <row r="32">
          <cell r="L32">
            <v>0</v>
          </cell>
        </row>
        <row r="33">
          <cell r="L33">
            <v>0</v>
          </cell>
        </row>
        <row r="34">
          <cell r="L34">
            <v>0</v>
          </cell>
        </row>
        <row r="35">
          <cell r="L35">
            <v>0</v>
          </cell>
        </row>
        <row r="36">
          <cell r="L36">
            <v>0</v>
          </cell>
        </row>
        <row r="37">
          <cell r="L37">
            <v>0</v>
          </cell>
        </row>
        <row r="38">
          <cell r="L38">
            <v>0</v>
          </cell>
        </row>
        <row r="39">
          <cell r="L39">
            <v>0</v>
          </cell>
        </row>
        <row r="40">
          <cell r="L40">
            <v>0</v>
          </cell>
        </row>
        <row r="41">
          <cell r="L41">
            <v>0</v>
          </cell>
        </row>
        <row r="42">
          <cell r="L42">
            <v>0</v>
          </cell>
        </row>
        <row r="43">
          <cell r="L43">
            <v>0</v>
          </cell>
        </row>
        <row r="44">
          <cell r="L44">
            <v>0</v>
          </cell>
        </row>
        <row r="45">
          <cell r="L45">
            <v>0</v>
          </cell>
        </row>
        <row r="46">
          <cell r="L46">
            <v>0</v>
          </cell>
        </row>
        <row r="47">
          <cell r="L47">
            <v>0</v>
          </cell>
        </row>
        <row r="48">
          <cell r="L48">
            <v>0</v>
          </cell>
        </row>
        <row r="49">
          <cell r="L49">
            <v>0</v>
          </cell>
        </row>
        <row r="50">
          <cell r="L50">
            <v>0</v>
          </cell>
        </row>
        <row r="51">
          <cell r="L51">
            <v>0</v>
          </cell>
        </row>
        <row r="52">
          <cell r="L52">
            <v>0</v>
          </cell>
        </row>
        <row r="53">
          <cell r="L53">
            <v>0</v>
          </cell>
        </row>
        <row r="54">
          <cell r="L54">
            <v>0</v>
          </cell>
        </row>
        <row r="55">
          <cell r="L55">
            <v>0</v>
          </cell>
        </row>
        <row r="56">
          <cell r="L56">
            <v>0</v>
          </cell>
        </row>
        <row r="57">
          <cell r="L57">
            <v>0</v>
          </cell>
        </row>
        <row r="58">
          <cell r="L58">
            <v>0</v>
          </cell>
        </row>
        <row r="59">
          <cell r="L59">
            <v>0</v>
          </cell>
        </row>
        <row r="60">
          <cell r="L60">
            <v>0</v>
          </cell>
        </row>
        <row r="61">
          <cell r="L61">
            <v>0</v>
          </cell>
        </row>
        <row r="62">
          <cell r="L62">
            <v>0</v>
          </cell>
        </row>
        <row r="63">
          <cell r="L63">
            <v>0</v>
          </cell>
        </row>
        <row r="64">
          <cell r="L64">
            <v>0</v>
          </cell>
        </row>
        <row r="65">
          <cell r="L65">
            <v>0</v>
          </cell>
        </row>
        <row r="66">
          <cell r="L66">
            <v>0</v>
          </cell>
        </row>
        <row r="67">
          <cell r="L67">
            <v>0</v>
          </cell>
        </row>
        <row r="68">
          <cell r="L68">
            <v>0</v>
          </cell>
        </row>
        <row r="69">
          <cell r="L69">
            <v>0</v>
          </cell>
        </row>
        <row r="70">
          <cell r="L70">
            <v>0</v>
          </cell>
        </row>
        <row r="71">
          <cell r="L71">
            <v>0</v>
          </cell>
        </row>
      </sheetData>
      <sheetData sheetId="12" refreshError="1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e W Pivot PD by Dept"/>
      <sheetName val="SE - 2"/>
      <sheetName val="MW - 1333"/>
      <sheetName val="Sue W Pivot PD by Dept resear"/>
      <sheetName val="Sue W Pivot PD by Dept- ALL"/>
      <sheetName val="Sue W Pivot PD by Dept-by RC"/>
      <sheetName val="compare hdcts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A1" t="str">
            <v>Co ID</v>
          </cell>
          <cell r="B1" t="str">
            <v>Name</v>
          </cell>
          <cell r="C1" t="str">
            <v>Worker ID</v>
          </cell>
          <cell r="D1" t="str">
            <v>Name</v>
          </cell>
        </row>
        <row r="2">
          <cell r="A2" t="str">
            <v>326108</v>
          </cell>
          <cell r="B2" t="str">
            <v>Abbott,Ian</v>
          </cell>
          <cell r="C2" t="str">
            <v>326108</v>
          </cell>
          <cell r="D2" t="str">
            <v>Abbott,Ian</v>
          </cell>
        </row>
        <row r="3">
          <cell r="A3" t="str">
            <v>272122</v>
          </cell>
          <cell r="B3" t="str">
            <v>Abrams,Steven E.</v>
          </cell>
          <cell r="C3" t="str">
            <v>272122</v>
          </cell>
          <cell r="D3" t="str">
            <v>Abrams,Steven E.</v>
          </cell>
        </row>
        <row r="4">
          <cell r="A4" t="str">
            <v>017410</v>
          </cell>
          <cell r="B4" t="str">
            <v>Ackermann,Tom</v>
          </cell>
          <cell r="C4" t="str">
            <v>017410</v>
          </cell>
          <cell r="D4" t="str">
            <v>Ackermann,Tom</v>
          </cell>
        </row>
        <row r="5">
          <cell r="A5" t="str">
            <v>027863</v>
          </cell>
          <cell r="B5" t="str">
            <v>Ackley,Drew William</v>
          </cell>
          <cell r="C5" t="str">
            <v>027863</v>
          </cell>
          <cell r="D5" t="str">
            <v>Ackley,Drew William</v>
          </cell>
        </row>
        <row r="6">
          <cell r="A6" t="str">
            <v>027135</v>
          </cell>
          <cell r="B6" t="str">
            <v>Adams,Andre M</v>
          </cell>
          <cell r="C6" t="str">
            <v>027135</v>
          </cell>
          <cell r="D6" t="str">
            <v>Adams,Andre M</v>
          </cell>
        </row>
        <row r="7">
          <cell r="A7" t="str">
            <v>006187</v>
          </cell>
          <cell r="B7" t="str">
            <v>Adams,Jeff</v>
          </cell>
          <cell r="C7" t="str">
            <v>006187</v>
          </cell>
          <cell r="D7" t="str">
            <v>Adams,Jeff</v>
          </cell>
        </row>
        <row r="8">
          <cell r="A8" t="str">
            <v>017421</v>
          </cell>
          <cell r="B8" t="str">
            <v>Adams,Steve</v>
          </cell>
          <cell r="C8" t="str">
            <v>017421</v>
          </cell>
          <cell r="D8" t="str">
            <v>Adams,Steve</v>
          </cell>
        </row>
        <row r="9">
          <cell r="A9" t="str">
            <v>013495</v>
          </cell>
          <cell r="B9" t="str">
            <v>Adams,Tony Lynn</v>
          </cell>
          <cell r="C9" t="str">
            <v>013495</v>
          </cell>
          <cell r="D9" t="str">
            <v>Adams,Tony Lynn</v>
          </cell>
        </row>
        <row r="10">
          <cell r="A10" t="str">
            <v>017423</v>
          </cell>
          <cell r="B10" t="str">
            <v>Addison,Curtis B</v>
          </cell>
          <cell r="C10" t="str">
            <v>017423</v>
          </cell>
          <cell r="D10" t="str">
            <v>Addison,Curtis B</v>
          </cell>
        </row>
        <row r="11">
          <cell r="A11" t="str">
            <v>024948</v>
          </cell>
          <cell r="B11" t="str">
            <v>Agbenu,Abriel</v>
          </cell>
          <cell r="C11" t="str">
            <v>024948</v>
          </cell>
          <cell r="D11" t="str">
            <v>Agbenu,Abriel</v>
          </cell>
        </row>
        <row r="12">
          <cell r="A12" t="str">
            <v>023873</v>
          </cell>
          <cell r="B12" t="str">
            <v>Aker,Ryan</v>
          </cell>
          <cell r="C12" t="str">
            <v>023873</v>
          </cell>
          <cell r="D12" t="str">
            <v>Aker,Ryan</v>
          </cell>
        </row>
        <row r="13">
          <cell r="A13" t="str">
            <v>023430</v>
          </cell>
          <cell r="B13" t="str">
            <v>Akins,Douglas J</v>
          </cell>
          <cell r="C13" t="str">
            <v>023430</v>
          </cell>
          <cell r="D13" t="str">
            <v>Akins,Douglas J</v>
          </cell>
        </row>
        <row r="14">
          <cell r="A14" t="str">
            <v>033504</v>
          </cell>
          <cell r="B14" t="str">
            <v>Alexander,Donnie L</v>
          </cell>
          <cell r="C14" t="str">
            <v>033504</v>
          </cell>
          <cell r="D14" t="str">
            <v>Alexander,Donnie L</v>
          </cell>
        </row>
        <row r="15">
          <cell r="A15" t="str">
            <v>010781</v>
          </cell>
          <cell r="B15" t="str">
            <v>Alexander,Jim</v>
          </cell>
          <cell r="C15" t="str">
            <v>010781</v>
          </cell>
          <cell r="D15" t="str">
            <v>Alexander,Jim</v>
          </cell>
        </row>
        <row r="16">
          <cell r="A16" t="str">
            <v>017448</v>
          </cell>
          <cell r="B16" t="str">
            <v>Allen Jr,Robert L</v>
          </cell>
          <cell r="C16" t="str">
            <v>017448</v>
          </cell>
          <cell r="D16" t="str">
            <v>Allen Jr,Robert L</v>
          </cell>
        </row>
        <row r="17">
          <cell r="A17" t="str">
            <v>017440</v>
          </cell>
          <cell r="B17" t="str">
            <v>Allen,Carolyn Reeseman</v>
          </cell>
          <cell r="C17" t="str">
            <v>017440</v>
          </cell>
          <cell r="D17" t="str">
            <v>Allen,Carolyn Reeseman</v>
          </cell>
        </row>
        <row r="18">
          <cell r="A18" t="str">
            <v>097384</v>
          </cell>
          <cell r="B18" t="str">
            <v>Allen,Jason L</v>
          </cell>
          <cell r="C18" t="str">
            <v>097384</v>
          </cell>
          <cell r="D18" t="str">
            <v>Allen,Jason L</v>
          </cell>
        </row>
        <row r="19">
          <cell r="A19" t="str">
            <v>017465</v>
          </cell>
          <cell r="B19" t="str">
            <v>Amaya,Luis E</v>
          </cell>
          <cell r="C19" t="str">
            <v>017465</v>
          </cell>
          <cell r="D19" t="str">
            <v>Amaya,Luis E</v>
          </cell>
        </row>
        <row r="20">
          <cell r="A20" t="str">
            <v>017473</v>
          </cell>
          <cell r="B20" t="str">
            <v>Amshoff,Eric</v>
          </cell>
          <cell r="C20" t="str">
            <v>017473</v>
          </cell>
          <cell r="D20" t="str">
            <v>Amshoff,Eric</v>
          </cell>
        </row>
        <row r="21">
          <cell r="A21" t="str">
            <v>013150</v>
          </cell>
          <cell r="B21" t="str">
            <v>Anderson,Darrell Glenn</v>
          </cell>
          <cell r="C21" t="str">
            <v>013150</v>
          </cell>
          <cell r="D21" t="str">
            <v>Anderson,Darrell Glenn</v>
          </cell>
        </row>
        <row r="22">
          <cell r="A22" t="str">
            <v>017525</v>
          </cell>
          <cell r="B22" t="str">
            <v>Anderson,Michelle Artis</v>
          </cell>
          <cell r="C22" t="str">
            <v>017525</v>
          </cell>
          <cell r="D22" t="str">
            <v>Anderson,Michelle Artis</v>
          </cell>
        </row>
        <row r="23">
          <cell r="A23" t="str">
            <v>033031</v>
          </cell>
          <cell r="B23" t="str">
            <v>Andreas,Joshua E.</v>
          </cell>
          <cell r="C23" t="str">
            <v>033031</v>
          </cell>
          <cell r="D23" t="str">
            <v>Andreas,Joshua E.</v>
          </cell>
        </row>
        <row r="24">
          <cell r="A24" t="str">
            <v>017494</v>
          </cell>
          <cell r="B24" t="str">
            <v>Andrews,Matt Douglas</v>
          </cell>
          <cell r="C24" t="str">
            <v>017494</v>
          </cell>
          <cell r="D24" t="str">
            <v>Andrews,Matt Douglas</v>
          </cell>
        </row>
        <row r="25">
          <cell r="A25" t="str">
            <v>095089</v>
          </cell>
          <cell r="B25" t="str">
            <v>Angel,James L</v>
          </cell>
          <cell r="C25" t="str">
            <v>095089</v>
          </cell>
          <cell r="D25" t="str">
            <v>Angel,James L</v>
          </cell>
        </row>
        <row r="26">
          <cell r="A26" t="str">
            <v>017504</v>
          </cell>
          <cell r="B26" t="str">
            <v>Antenucci,Beth Rae</v>
          </cell>
          <cell r="C26" t="str">
            <v>017504</v>
          </cell>
          <cell r="D26" t="str">
            <v>Antenucci,Beth Rae</v>
          </cell>
        </row>
        <row r="27">
          <cell r="A27" t="str">
            <v>017515</v>
          </cell>
          <cell r="B27" t="str">
            <v>Armstrong IV,Fred W</v>
          </cell>
          <cell r="C27" t="str">
            <v>017515</v>
          </cell>
          <cell r="D27" t="str">
            <v>Armstrong IV,Fred W</v>
          </cell>
        </row>
        <row r="28">
          <cell r="A28" t="str">
            <v>012999</v>
          </cell>
          <cell r="B28" t="str">
            <v>Armstrong,Jodie Lyrae</v>
          </cell>
          <cell r="C28" t="str">
            <v>012999</v>
          </cell>
          <cell r="D28" t="str">
            <v>Armstrong,Jodie Lyrae</v>
          </cell>
        </row>
        <row r="29">
          <cell r="A29" t="str">
            <v>019034</v>
          </cell>
          <cell r="B29" t="str">
            <v>Arnold,Cecil A</v>
          </cell>
          <cell r="C29" t="str">
            <v>019034</v>
          </cell>
          <cell r="D29" t="str">
            <v>Arnold,Cecil A</v>
          </cell>
        </row>
        <row r="30">
          <cell r="A30" t="str">
            <v>097897</v>
          </cell>
          <cell r="B30" t="str">
            <v>Arnold,Marc W</v>
          </cell>
          <cell r="C30" t="str">
            <v>097897</v>
          </cell>
          <cell r="D30" t="str">
            <v>Arnold,Marc W</v>
          </cell>
        </row>
        <row r="31">
          <cell r="A31" t="str">
            <v>097199</v>
          </cell>
          <cell r="B31" t="str">
            <v>Arstingstall II,Michael R</v>
          </cell>
          <cell r="C31" t="str">
            <v>097199</v>
          </cell>
          <cell r="D31" t="str">
            <v>Arstingstall II,Michael R</v>
          </cell>
        </row>
        <row r="32">
          <cell r="A32" t="str">
            <v>289240</v>
          </cell>
          <cell r="B32" t="str">
            <v>Arthur,Joseph Clinton</v>
          </cell>
          <cell r="C32" t="str">
            <v>289240</v>
          </cell>
          <cell r="D32" t="str">
            <v>Arthur,Joseph Clinton</v>
          </cell>
        </row>
        <row r="33">
          <cell r="A33" t="str">
            <v>017523</v>
          </cell>
          <cell r="B33" t="str">
            <v>Artis,Kevin D</v>
          </cell>
          <cell r="C33" t="str">
            <v>017523</v>
          </cell>
          <cell r="D33" t="str">
            <v>Artis,Kevin D</v>
          </cell>
        </row>
        <row r="34">
          <cell r="A34" t="str">
            <v>291643</v>
          </cell>
          <cell r="B34" t="str">
            <v>Asche,Dustin K</v>
          </cell>
          <cell r="C34" t="str">
            <v>291643</v>
          </cell>
          <cell r="D34" t="str">
            <v>Asche,Dustin K</v>
          </cell>
        </row>
        <row r="35">
          <cell r="A35" t="str">
            <v>017145</v>
          </cell>
          <cell r="B35" t="str">
            <v>Ash,David</v>
          </cell>
          <cell r="C35" t="str">
            <v>017145</v>
          </cell>
          <cell r="D35" t="str">
            <v>Ash,David</v>
          </cell>
        </row>
        <row r="36">
          <cell r="A36" t="str">
            <v>014108</v>
          </cell>
          <cell r="B36" t="str">
            <v>Ashlock,Nancy</v>
          </cell>
          <cell r="C36" t="str">
            <v>014108</v>
          </cell>
          <cell r="D36" t="str">
            <v>Ashlock,Nancy</v>
          </cell>
        </row>
        <row r="37">
          <cell r="A37" t="str">
            <v>015792</v>
          </cell>
          <cell r="B37" t="str">
            <v>Atkins,Russell Lee</v>
          </cell>
          <cell r="C37" t="str">
            <v>015792</v>
          </cell>
          <cell r="D37" t="str">
            <v>Atkins,Russell Lee</v>
          </cell>
        </row>
        <row r="38">
          <cell r="A38" t="str">
            <v>017541</v>
          </cell>
          <cell r="B38" t="str">
            <v>Austin,David J</v>
          </cell>
          <cell r="C38" t="str">
            <v>017541</v>
          </cell>
          <cell r="D38" t="str">
            <v>Austin,David J</v>
          </cell>
        </row>
        <row r="39">
          <cell r="A39" t="str">
            <v>017542</v>
          </cell>
          <cell r="B39" t="str">
            <v>Austin,Howard</v>
          </cell>
          <cell r="C39" t="str">
            <v>017542</v>
          </cell>
          <cell r="D39" t="str">
            <v>Austin,Howard</v>
          </cell>
        </row>
        <row r="40">
          <cell r="A40" t="str">
            <v>023857</v>
          </cell>
          <cell r="B40" t="str">
            <v>Autenrieb,David M</v>
          </cell>
          <cell r="C40" t="str">
            <v>023857</v>
          </cell>
          <cell r="D40" t="str">
            <v>Autenrieb,David M</v>
          </cell>
        </row>
        <row r="41">
          <cell r="A41" t="str">
            <v>017547</v>
          </cell>
          <cell r="B41" t="str">
            <v>Avila,Nancy Sue</v>
          </cell>
          <cell r="C41" t="str">
            <v>017547</v>
          </cell>
          <cell r="D41" t="str">
            <v>Avila,Nancy Sue</v>
          </cell>
        </row>
        <row r="42">
          <cell r="A42" t="str">
            <v>017548</v>
          </cell>
          <cell r="B42" t="str">
            <v>Ayer,Ron</v>
          </cell>
          <cell r="C42" t="str">
            <v>017548</v>
          </cell>
          <cell r="D42" t="str">
            <v>Ayer,Ron</v>
          </cell>
        </row>
        <row r="43">
          <cell r="A43" t="str">
            <v>097956</v>
          </cell>
          <cell r="B43" t="str">
            <v>Ayers,Christopher A</v>
          </cell>
          <cell r="C43" t="str">
            <v>097956</v>
          </cell>
          <cell r="D43" t="str">
            <v>Ayers,Christopher A</v>
          </cell>
        </row>
        <row r="44">
          <cell r="A44" t="str">
            <v>289392</v>
          </cell>
          <cell r="B44" t="str">
            <v>Baber,Dylan M</v>
          </cell>
          <cell r="C44" t="str">
            <v>289392</v>
          </cell>
          <cell r="D44" t="str">
            <v>Baber,Dylan M</v>
          </cell>
        </row>
        <row r="45">
          <cell r="A45" t="str">
            <v>278490</v>
          </cell>
          <cell r="B45" t="str">
            <v>Bach,Travis E.</v>
          </cell>
          <cell r="C45" t="str">
            <v>278490</v>
          </cell>
          <cell r="D45" t="str">
            <v>Bach,Travis E.</v>
          </cell>
        </row>
        <row r="46">
          <cell r="A46" t="str">
            <v>017556</v>
          </cell>
          <cell r="B46" t="str">
            <v>Backscheider,David Wm</v>
          </cell>
          <cell r="C46" t="str">
            <v>017556</v>
          </cell>
          <cell r="D46" t="str">
            <v>Backscheider,David Wm</v>
          </cell>
        </row>
        <row r="47">
          <cell r="A47" t="str">
            <v>030124</v>
          </cell>
          <cell r="B47" t="str">
            <v>Baggatta,Jana K</v>
          </cell>
          <cell r="C47" t="str">
            <v>030124</v>
          </cell>
          <cell r="D47" t="str">
            <v>Baggatta,Jana K</v>
          </cell>
        </row>
        <row r="48">
          <cell r="A48" t="str">
            <v>030579</v>
          </cell>
          <cell r="B48" t="str">
            <v>Baird,Jason Matthew</v>
          </cell>
          <cell r="C48" t="str">
            <v>017561</v>
          </cell>
          <cell r="D48" t="str">
            <v>Bailey,Mattie L</v>
          </cell>
        </row>
        <row r="49">
          <cell r="A49" t="str">
            <v>017572</v>
          </cell>
          <cell r="B49" t="str">
            <v>Baker,Critt A</v>
          </cell>
          <cell r="C49" t="str">
            <v>030579</v>
          </cell>
          <cell r="D49" t="str">
            <v>Baird,Jason Matthew</v>
          </cell>
        </row>
        <row r="50">
          <cell r="A50" t="str">
            <v>291675</v>
          </cell>
          <cell r="B50" t="str">
            <v>Baker,Justin Allen</v>
          </cell>
          <cell r="C50" t="str">
            <v>017572</v>
          </cell>
          <cell r="D50" t="str">
            <v>Baker,Critt A</v>
          </cell>
        </row>
        <row r="51">
          <cell r="A51" t="str">
            <v>275084</v>
          </cell>
          <cell r="B51" t="str">
            <v>Baker,Justin R</v>
          </cell>
          <cell r="C51" t="str">
            <v>291675</v>
          </cell>
          <cell r="D51" t="str">
            <v>Baker,Justin Allen</v>
          </cell>
        </row>
        <row r="52">
          <cell r="A52" t="str">
            <v>029304</v>
          </cell>
          <cell r="B52" t="str">
            <v>Baldrick,Russell Bernard</v>
          </cell>
          <cell r="C52" t="str">
            <v>275084</v>
          </cell>
          <cell r="D52" t="str">
            <v>Baker,Justin R</v>
          </cell>
        </row>
        <row r="53">
          <cell r="A53" t="str">
            <v>097385</v>
          </cell>
          <cell r="B53" t="str">
            <v>Ball,Thomas J</v>
          </cell>
          <cell r="C53" t="str">
            <v>029304</v>
          </cell>
          <cell r="D53" t="str">
            <v>Baldrick,Russell Bernard</v>
          </cell>
        </row>
        <row r="54">
          <cell r="A54" t="str">
            <v>017592</v>
          </cell>
          <cell r="B54" t="str">
            <v>Ballmer,Kevin William</v>
          </cell>
          <cell r="C54" t="str">
            <v>097385</v>
          </cell>
          <cell r="D54" t="str">
            <v>Ball,Thomas J</v>
          </cell>
        </row>
        <row r="55">
          <cell r="A55" t="str">
            <v>287207</v>
          </cell>
          <cell r="B55" t="str">
            <v>Balph,Todd</v>
          </cell>
          <cell r="C55" t="str">
            <v>017592</v>
          </cell>
          <cell r="D55" t="str">
            <v>Ballmer,Kevin William</v>
          </cell>
        </row>
        <row r="56">
          <cell r="A56" t="str">
            <v>018514</v>
          </cell>
          <cell r="B56" t="str">
            <v>Bamforth,Jeff</v>
          </cell>
          <cell r="C56" t="str">
            <v>287207</v>
          </cell>
          <cell r="D56" t="str">
            <v>Balph,Todd</v>
          </cell>
        </row>
        <row r="57">
          <cell r="A57" t="str">
            <v>015018</v>
          </cell>
          <cell r="B57" t="str">
            <v>Bantley,Brian</v>
          </cell>
          <cell r="C57" t="str">
            <v>018514</v>
          </cell>
          <cell r="D57" t="str">
            <v>Bamforth,Jeff</v>
          </cell>
        </row>
        <row r="58">
          <cell r="A58" t="str">
            <v>095129</v>
          </cell>
          <cell r="B58" t="str">
            <v>Barbour,Jeremy A</v>
          </cell>
          <cell r="C58" t="str">
            <v>015018</v>
          </cell>
          <cell r="D58" t="str">
            <v>Bantley,Brian</v>
          </cell>
        </row>
        <row r="59">
          <cell r="A59" t="str">
            <v>009598</v>
          </cell>
          <cell r="B59" t="str">
            <v>Barker,Donnie</v>
          </cell>
          <cell r="C59" t="str">
            <v>095129</v>
          </cell>
          <cell r="D59" t="str">
            <v>Barbour,Jeremy A</v>
          </cell>
        </row>
        <row r="60">
          <cell r="A60" t="str">
            <v>017626</v>
          </cell>
          <cell r="B60" t="str">
            <v>Barnes III,Vernon Russell</v>
          </cell>
          <cell r="C60" t="str">
            <v>009598</v>
          </cell>
          <cell r="D60" t="str">
            <v>Barker,Donnie</v>
          </cell>
        </row>
        <row r="61">
          <cell r="A61" t="str">
            <v>017622</v>
          </cell>
          <cell r="B61" t="str">
            <v>Barnes,Norman</v>
          </cell>
          <cell r="C61" t="str">
            <v>017626</v>
          </cell>
          <cell r="D61" t="str">
            <v>Barnes III,Vernon Russell</v>
          </cell>
        </row>
        <row r="62">
          <cell r="A62" t="str">
            <v>017623</v>
          </cell>
          <cell r="B62" t="str">
            <v>Barnes,Sheryl A</v>
          </cell>
          <cell r="C62" t="str">
            <v>017622</v>
          </cell>
          <cell r="D62" t="str">
            <v>Barnes,Norman</v>
          </cell>
        </row>
        <row r="63">
          <cell r="A63" t="str">
            <v>017635</v>
          </cell>
          <cell r="B63" t="str">
            <v>Barricklow,David M</v>
          </cell>
          <cell r="C63" t="str">
            <v>017623</v>
          </cell>
          <cell r="D63" t="str">
            <v>Barnes,Sheryl A</v>
          </cell>
        </row>
        <row r="64">
          <cell r="A64" t="str">
            <v>017636</v>
          </cell>
          <cell r="B64" t="str">
            <v>Barricklow,James</v>
          </cell>
          <cell r="C64" t="str">
            <v>017635</v>
          </cell>
          <cell r="D64" t="str">
            <v>Barricklow,David M</v>
          </cell>
        </row>
        <row r="65">
          <cell r="A65" t="str">
            <v>017637</v>
          </cell>
          <cell r="B65" t="str">
            <v>Barrier,Mark J</v>
          </cell>
          <cell r="C65" t="str">
            <v>017636</v>
          </cell>
          <cell r="D65" t="str">
            <v>Barricklow,James</v>
          </cell>
        </row>
        <row r="66">
          <cell r="A66" t="str">
            <v>017642</v>
          </cell>
          <cell r="B66" t="str">
            <v>Basford,Mark C</v>
          </cell>
          <cell r="C66" t="str">
            <v>017637</v>
          </cell>
          <cell r="D66" t="str">
            <v>Barrier,Mark J</v>
          </cell>
        </row>
        <row r="67">
          <cell r="A67" t="str">
            <v>029431</v>
          </cell>
          <cell r="B67" t="str">
            <v>Basford,Michael D</v>
          </cell>
          <cell r="C67" t="str">
            <v>017642</v>
          </cell>
          <cell r="D67" t="str">
            <v>Basford,Mark C</v>
          </cell>
        </row>
        <row r="68">
          <cell r="A68" t="str">
            <v>017648</v>
          </cell>
          <cell r="B68" t="str">
            <v>Bauer,Thom</v>
          </cell>
          <cell r="C68" t="str">
            <v>029431</v>
          </cell>
          <cell r="D68" t="str">
            <v>Basford,Michael D</v>
          </cell>
        </row>
        <row r="69">
          <cell r="A69" t="str">
            <v>015783</v>
          </cell>
          <cell r="B69" t="str">
            <v>Bauerla,Gregory Paul</v>
          </cell>
          <cell r="C69" t="str">
            <v>017648</v>
          </cell>
          <cell r="D69" t="str">
            <v>Bauer,Thom</v>
          </cell>
        </row>
        <row r="70">
          <cell r="A70" t="str">
            <v>365572</v>
          </cell>
          <cell r="B70" t="str">
            <v>Bauscher,Michael</v>
          </cell>
          <cell r="C70" t="str">
            <v>015783</v>
          </cell>
          <cell r="D70" t="str">
            <v>Bauerla,Gregory Paul</v>
          </cell>
        </row>
        <row r="71">
          <cell r="A71" t="str">
            <v>280124</v>
          </cell>
          <cell r="B71" t="str">
            <v>Bautista-McCain,Theresa S</v>
          </cell>
          <cell r="C71" t="str">
            <v>365572</v>
          </cell>
          <cell r="D71" t="str">
            <v>Bauscher,Michael</v>
          </cell>
        </row>
        <row r="72">
          <cell r="A72" t="str">
            <v>022927</v>
          </cell>
          <cell r="B72" t="str">
            <v>Baxter,Janet M</v>
          </cell>
          <cell r="C72" t="str">
            <v>280124</v>
          </cell>
          <cell r="D72" t="str">
            <v>Bautista-McCain,Theresa S</v>
          </cell>
        </row>
        <row r="73">
          <cell r="A73" t="str">
            <v>017661</v>
          </cell>
          <cell r="B73" t="str">
            <v>Baynes,Michael P</v>
          </cell>
          <cell r="C73" t="str">
            <v>022927</v>
          </cell>
          <cell r="D73" t="str">
            <v>Baxter,Janet M</v>
          </cell>
        </row>
        <row r="74">
          <cell r="A74" t="str">
            <v>012784</v>
          </cell>
          <cell r="B74" t="str">
            <v>Beard,Dan</v>
          </cell>
          <cell r="C74" t="str">
            <v>017661</v>
          </cell>
          <cell r="D74" t="str">
            <v>Baynes,Michael P</v>
          </cell>
        </row>
        <row r="75">
          <cell r="A75" t="str">
            <v>066258</v>
          </cell>
          <cell r="B75" t="str">
            <v>Bea-Reed,Beverly</v>
          </cell>
          <cell r="C75" t="str">
            <v>012784</v>
          </cell>
          <cell r="D75" t="str">
            <v>Beard,Dan</v>
          </cell>
        </row>
        <row r="76">
          <cell r="A76" t="str">
            <v>017130</v>
          </cell>
          <cell r="B76" t="str">
            <v>Beck,Christopher</v>
          </cell>
          <cell r="C76" t="str">
            <v>066258</v>
          </cell>
          <cell r="D76" t="str">
            <v>Bea-Reed,Beverly</v>
          </cell>
        </row>
        <row r="77">
          <cell r="A77" t="str">
            <v>017681</v>
          </cell>
          <cell r="B77" t="str">
            <v>Beckemeyer,Gary R</v>
          </cell>
          <cell r="C77" t="str">
            <v>017130</v>
          </cell>
          <cell r="D77" t="str">
            <v>Beck,Christopher</v>
          </cell>
        </row>
        <row r="78">
          <cell r="A78" t="str">
            <v>017685</v>
          </cell>
          <cell r="B78" t="str">
            <v>Beckett,Kenny Lynn</v>
          </cell>
          <cell r="C78" t="str">
            <v>017681</v>
          </cell>
          <cell r="D78" t="str">
            <v>Beckemeyer,Gary R</v>
          </cell>
        </row>
        <row r="79">
          <cell r="A79" t="str">
            <v>022836</v>
          </cell>
          <cell r="B79" t="str">
            <v>Becknell,Patrick J</v>
          </cell>
          <cell r="C79" t="str">
            <v>017685</v>
          </cell>
          <cell r="D79" t="str">
            <v>Beckett,Kenny Lynn</v>
          </cell>
        </row>
        <row r="80">
          <cell r="A80" t="str">
            <v>017688</v>
          </cell>
          <cell r="B80" t="str">
            <v>Beckum,Jacqueline Deneen</v>
          </cell>
          <cell r="C80" t="str">
            <v>022836</v>
          </cell>
          <cell r="D80" t="str">
            <v>Becknell,Patrick J</v>
          </cell>
        </row>
        <row r="81">
          <cell r="A81" t="str">
            <v>016222</v>
          </cell>
          <cell r="B81" t="str">
            <v>Bedwell,Bill</v>
          </cell>
          <cell r="C81" t="str">
            <v>017688</v>
          </cell>
          <cell r="D81" t="str">
            <v>Beckum,Jacqueline Deneen</v>
          </cell>
        </row>
        <row r="82">
          <cell r="A82" t="str">
            <v>026196</v>
          </cell>
          <cell r="B82" t="str">
            <v>Beecher,Brian B</v>
          </cell>
          <cell r="C82" t="str">
            <v>016222</v>
          </cell>
          <cell r="D82" t="str">
            <v>Bedwell,Bill</v>
          </cell>
        </row>
        <row r="83">
          <cell r="A83" t="str">
            <v>016932</v>
          </cell>
          <cell r="B83" t="str">
            <v>Bell,Derek Alan</v>
          </cell>
          <cell r="C83" t="str">
            <v>026196</v>
          </cell>
          <cell r="D83" t="str">
            <v>Beecher,Brian B</v>
          </cell>
        </row>
        <row r="84">
          <cell r="A84" t="str">
            <v>017702</v>
          </cell>
          <cell r="B84" t="str">
            <v>Bell,Marc A</v>
          </cell>
          <cell r="C84" t="str">
            <v>016932</v>
          </cell>
          <cell r="D84" t="str">
            <v>Bell,Derek Alan</v>
          </cell>
        </row>
        <row r="85">
          <cell r="A85" t="str">
            <v>010223</v>
          </cell>
          <cell r="B85" t="str">
            <v>Bell,Steve</v>
          </cell>
          <cell r="C85" t="str">
            <v>017702</v>
          </cell>
          <cell r="D85" t="str">
            <v>Bell,Marc A</v>
          </cell>
        </row>
        <row r="86">
          <cell r="A86" t="str">
            <v>023869</v>
          </cell>
          <cell r="B86" t="str">
            <v>Bell,Travis</v>
          </cell>
          <cell r="C86" t="str">
            <v>010223</v>
          </cell>
          <cell r="D86" t="str">
            <v>Bell,Steve</v>
          </cell>
        </row>
        <row r="87">
          <cell r="A87" t="str">
            <v>025466</v>
          </cell>
          <cell r="B87" t="str">
            <v>Benford,Marcia N</v>
          </cell>
          <cell r="C87" t="str">
            <v>023869</v>
          </cell>
          <cell r="D87" t="str">
            <v>Bell,Travis</v>
          </cell>
        </row>
        <row r="88">
          <cell r="A88" t="str">
            <v>283578</v>
          </cell>
          <cell r="B88" t="str">
            <v>Bennett,Chad D</v>
          </cell>
          <cell r="C88" t="str">
            <v>025466</v>
          </cell>
          <cell r="D88" t="str">
            <v>Benford,Marcia N</v>
          </cell>
        </row>
        <row r="89">
          <cell r="A89" t="str">
            <v>017715</v>
          </cell>
          <cell r="B89" t="str">
            <v>Bennett,Richie A</v>
          </cell>
          <cell r="C89" t="str">
            <v>283578</v>
          </cell>
          <cell r="D89" t="str">
            <v>Bennett,Chad D</v>
          </cell>
        </row>
        <row r="90">
          <cell r="A90" t="str">
            <v>289394</v>
          </cell>
          <cell r="B90" t="str">
            <v>Bentley,Michael James</v>
          </cell>
          <cell r="C90" t="str">
            <v>017715</v>
          </cell>
          <cell r="D90" t="str">
            <v>Bennett,Richie A</v>
          </cell>
        </row>
        <row r="91">
          <cell r="A91" t="str">
            <v>096430</v>
          </cell>
          <cell r="B91" t="str">
            <v>Bepler,Steve</v>
          </cell>
          <cell r="C91" t="str">
            <v>289394</v>
          </cell>
          <cell r="D91" t="str">
            <v>Bentley,Michael James</v>
          </cell>
        </row>
        <row r="92">
          <cell r="A92" t="str">
            <v>016528</v>
          </cell>
          <cell r="B92" t="str">
            <v>Beretta,Jason R</v>
          </cell>
          <cell r="C92" t="str">
            <v>096430</v>
          </cell>
          <cell r="D92" t="str">
            <v>Bepler,Steve</v>
          </cell>
        </row>
        <row r="93">
          <cell r="A93" t="str">
            <v>017724</v>
          </cell>
          <cell r="B93" t="str">
            <v>Berling,Kenneth Michael</v>
          </cell>
          <cell r="C93" t="str">
            <v>016528</v>
          </cell>
          <cell r="D93" t="str">
            <v>Beretta,Jason R</v>
          </cell>
        </row>
        <row r="94">
          <cell r="A94" t="str">
            <v>017734</v>
          </cell>
          <cell r="B94" t="str">
            <v>Berryhill,Michelle Lynn</v>
          </cell>
          <cell r="C94" t="str">
            <v>017724</v>
          </cell>
          <cell r="D94" t="str">
            <v>Berling,Kenneth Michael</v>
          </cell>
        </row>
        <row r="95">
          <cell r="A95" t="str">
            <v>096436</v>
          </cell>
          <cell r="B95" t="str">
            <v>Bertram,Matthew W</v>
          </cell>
          <cell r="C95" t="str">
            <v>017734</v>
          </cell>
          <cell r="D95" t="str">
            <v>Berryhill,Michelle Lynn</v>
          </cell>
        </row>
        <row r="96">
          <cell r="A96" t="str">
            <v>015374</v>
          </cell>
          <cell r="B96" t="str">
            <v>Betts,Gloria Jean</v>
          </cell>
          <cell r="C96" t="str">
            <v>096436</v>
          </cell>
          <cell r="D96" t="str">
            <v>Bertram,Matthew W</v>
          </cell>
        </row>
        <row r="97">
          <cell r="A97" t="str">
            <v>279056</v>
          </cell>
          <cell r="B97" t="str">
            <v>Bezold,Curtis A</v>
          </cell>
          <cell r="C97" t="str">
            <v>015374</v>
          </cell>
          <cell r="D97" t="str">
            <v>Betts,Gloria Jean</v>
          </cell>
        </row>
        <row r="98">
          <cell r="A98" t="str">
            <v>017745</v>
          </cell>
          <cell r="B98" t="str">
            <v>Bezold,Tim</v>
          </cell>
          <cell r="C98" t="str">
            <v>279056</v>
          </cell>
          <cell r="D98" t="str">
            <v>Bezold,Curtis A</v>
          </cell>
        </row>
        <row r="99">
          <cell r="A99" t="str">
            <v>029608</v>
          </cell>
          <cell r="B99" t="str">
            <v>Bickett,Austin T</v>
          </cell>
          <cell r="C99" t="str">
            <v>017745</v>
          </cell>
          <cell r="D99" t="str">
            <v>Bezold,Tim</v>
          </cell>
        </row>
        <row r="100">
          <cell r="A100" t="str">
            <v>017747</v>
          </cell>
          <cell r="B100" t="str">
            <v>Biederman,Tom</v>
          </cell>
          <cell r="C100" t="str">
            <v>029608</v>
          </cell>
          <cell r="D100" t="str">
            <v>Bickett,Austin T</v>
          </cell>
        </row>
        <row r="101">
          <cell r="A101" t="str">
            <v>017751</v>
          </cell>
          <cell r="B101" t="str">
            <v>Billow,Mike</v>
          </cell>
          <cell r="C101" t="str">
            <v>017747</v>
          </cell>
          <cell r="D101" t="str">
            <v>Biederman,Tom</v>
          </cell>
        </row>
        <row r="102">
          <cell r="A102" t="str">
            <v>017757</v>
          </cell>
          <cell r="B102" t="str">
            <v>Birkenhauer,Tom</v>
          </cell>
          <cell r="C102" t="str">
            <v>017751</v>
          </cell>
          <cell r="D102" t="str">
            <v>Billow,Mike</v>
          </cell>
        </row>
        <row r="103">
          <cell r="A103" t="str">
            <v>009710</v>
          </cell>
          <cell r="B103" t="str">
            <v>Blackburn,Jeff</v>
          </cell>
          <cell r="C103" t="str">
            <v>017757</v>
          </cell>
          <cell r="D103" t="str">
            <v>Birkenhauer,Tom</v>
          </cell>
        </row>
        <row r="104">
          <cell r="A104" t="str">
            <v>017802</v>
          </cell>
          <cell r="B104" t="str">
            <v>Blevins,Kim A</v>
          </cell>
          <cell r="C104" t="str">
            <v>009710</v>
          </cell>
          <cell r="D104" t="str">
            <v>Blackburn,Jeff</v>
          </cell>
        </row>
        <row r="105">
          <cell r="A105" t="str">
            <v>025529</v>
          </cell>
          <cell r="B105" t="str">
            <v>Blevins,Kyle</v>
          </cell>
          <cell r="C105" t="str">
            <v>017802</v>
          </cell>
          <cell r="D105" t="str">
            <v>Blevins,Kim A</v>
          </cell>
        </row>
        <row r="106">
          <cell r="A106" t="str">
            <v>009827</v>
          </cell>
          <cell r="B106" t="str">
            <v>Blinn,Brent</v>
          </cell>
          <cell r="C106" t="str">
            <v>025529</v>
          </cell>
          <cell r="D106" t="str">
            <v>Blevins,Kyle</v>
          </cell>
        </row>
        <row r="107">
          <cell r="A107" t="str">
            <v>277427</v>
          </cell>
          <cell r="B107" t="str">
            <v>Bock,Nate</v>
          </cell>
          <cell r="C107" t="str">
            <v>009827</v>
          </cell>
          <cell r="D107" t="str">
            <v>Blinn,Brent</v>
          </cell>
        </row>
        <row r="108">
          <cell r="A108" t="str">
            <v>289385</v>
          </cell>
          <cell r="B108" t="str">
            <v>Bogue,Brian</v>
          </cell>
          <cell r="C108" t="str">
            <v>277427</v>
          </cell>
          <cell r="D108" t="str">
            <v>Bock,Nate</v>
          </cell>
        </row>
        <row r="109">
          <cell r="A109" t="str">
            <v>283434</v>
          </cell>
          <cell r="B109" t="str">
            <v>Boles,David G.</v>
          </cell>
          <cell r="C109" t="str">
            <v>289385</v>
          </cell>
          <cell r="D109" t="str">
            <v>Bogue,Brian</v>
          </cell>
        </row>
        <row r="110">
          <cell r="A110" t="str">
            <v>286868</v>
          </cell>
          <cell r="B110" t="str">
            <v>Boncquet,Chad</v>
          </cell>
          <cell r="C110" t="str">
            <v>283434</v>
          </cell>
          <cell r="D110" t="str">
            <v>Boles,David G.</v>
          </cell>
        </row>
        <row r="111">
          <cell r="A111" t="str">
            <v>014701</v>
          </cell>
          <cell r="B111" t="str">
            <v>Bond,Roger Dale</v>
          </cell>
          <cell r="C111" t="str">
            <v>286868</v>
          </cell>
          <cell r="D111" t="str">
            <v>Boncquet,Chad</v>
          </cell>
        </row>
        <row r="112">
          <cell r="A112" t="str">
            <v>016809</v>
          </cell>
          <cell r="B112" t="str">
            <v>Booher,Ron</v>
          </cell>
          <cell r="C112" t="str">
            <v>014701</v>
          </cell>
          <cell r="D112" t="str">
            <v>Bond,Roger Dale</v>
          </cell>
        </row>
        <row r="113">
          <cell r="A113" t="str">
            <v>008425</v>
          </cell>
          <cell r="B113" t="str">
            <v>Booker Sr,Charles Earl</v>
          </cell>
          <cell r="C113" t="str">
            <v>016809</v>
          </cell>
          <cell r="D113" t="str">
            <v>Booher,Ron</v>
          </cell>
        </row>
        <row r="114">
          <cell r="A114" t="str">
            <v>017856</v>
          </cell>
          <cell r="B114" t="str">
            <v>Bosse,David G</v>
          </cell>
          <cell r="C114" t="str">
            <v>008425</v>
          </cell>
          <cell r="D114" t="str">
            <v>Booker Sr,Charles Earl</v>
          </cell>
        </row>
        <row r="115">
          <cell r="A115" t="str">
            <v>025325</v>
          </cell>
          <cell r="B115" t="str">
            <v>Boston,Andrea Kay</v>
          </cell>
          <cell r="C115" t="str">
            <v>017856</v>
          </cell>
          <cell r="D115" t="str">
            <v>Bosse,David G</v>
          </cell>
        </row>
        <row r="116">
          <cell r="A116" t="str">
            <v>017866</v>
          </cell>
          <cell r="B116" t="str">
            <v>Bourrage,Tonya</v>
          </cell>
          <cell r="C116" t="str">
            <v>025325</v>
          </cell>
          <cell r="D116" t="str">
            <v>Boston,Andrea Kay</v>
          </cell>
        </row>
        <row r="117">
          <cell r="A117" t="str">
            <v>326645</v>
          </cell>
          <cell r="B117" t="str">
            <v>Bouwkamp,Lucas Kyle</v>
          </cell>
          <cell r="C117" t="str">
            <v>017866</v>
          </cell>
          <cell r="D117" t="str">
            <v>Bourrage,Tonya</v>
          </cell>
        </row>
        <row r="118">
          <cell r="A118" t="str">
            <v>017870</v>
          </cell>
          <cell r="B118" t="str">
            <v>Bowermaster Jr,Dale</v>
          </cell>
          <cell r="C118" t="str">
            <v>326645</v>
          </cell>
          <cell r="D118" t="str">
            <v>Bouwkamp,Lucas Kyle</v>
          </cell>
        </row>
        <row r="119">
          <cell r="A119" t="str">
            <v>010314</v>
          </cell>
          <cell r="B119" t="str">
            <v>Bowers,Larry Joe</v>
          </cell>
          <cell r="C119" t="str">
            <v>017870</v>
          </cell>
          <cell r="D119" t="str">
            <v>Bowermaster Jr,Dale</v>
          </cell>
        </row>
        <row r="120">
          <cell r="A120" t="str">
            <v>362729</v>
          </cell>
          <cell r="B120" t="str">
            <v>Bowling,Roger Scott</v>
          </cell>
          <cell r="C120" t="str">
            <v>010314</v>
          </cell>
          <cell r="D120" t="str">
            <v>Bowers,Larry Joe</v>
          </cell>
        </row>
        <row r="121">
          <cell r="A121" t="str">
            <v>025730</v>
          </cell>
          <cell r="B121" t="str">
            <v>Bozek,Sarah Elizabeth</v>
          </cell>
          <cell r="C121" t="str">
            <v>362729</v>
          </cell>
          <cell r="D121" t="str">
            <v>Bowling,Roger Scott</v>
          </cell>
        </row>
        <row r="122">
          <cell r="A122" t="str">
            <v>007480</v>
          </cell>
          <cell r="B122" t="str">
            <v>Brack,Donna Jo</v>
          </cell>
          <cell r="C122" t="str">
            <v>032642</v>
          </cell>
          <cell r="D122" t="str">
            <v>Boykin,Jueisha Bernae</v>
          </cell>
        </row>
        <row r="123">
          <cell r="A123" t="str">
            <v>278487</v>
          </cell>
          <cell r="B123" t="str">
            <v>Braden,James M</v>
          </cell>
          <cell r="C123" t="str">
            <v>025730</v>
          </cell>
          <cell r="D123" t="str">
            <v>Bozek,Sarah Elizabeth</v>
          </cell>
        </row>
        <row r="124">
          <cell r="A124" t="str">
            <v>017895</v>
          </cell>
          <cell r="B124" t="str">
            <v>Brady,Sheila L</v>
          </cell>
          <cell r="C124" t="str">
            <v>007480</v>
          </cell>
          <cell r="D124" t="str">
            <v>Brack,Donna Jo</v>
          </cell>
        </row>
        <row r="125">
          <cell r="A125" t="str">
            <v>016517</v>
          </cell>
          <cell r="B125" t="str">
            <v>Brand,Gary Lee</v>
          </cell>
          <cell r="C125" t="str">
            <v>278487</v>
          </cell>
          <cell r="D125" t="str">
            <v>Braden,James M</v>
          </cell>
        </row>
        <row r="126">
          <cell r="A126" t="str">
            <v>027137</v>
          </cell>
          <cell r="B126" t="str">
            <v>Brandt,Troy S</v>
          </cell>
          <cell r="C126" t="str">
            <v>017895</v>
          </cell>
          <cell r="D126" t="str">
            <v>Brady,Sheila L</v>
          </cell>
        </row>
        <row r="127">
          <cell r="A127" t="str">
            <v>017905</v>
          </cell>
          <cell r="B127" t="str">
            <v>Brantley,Billy</v>
          </cell>
          <cell r="C127" t="str">
            <v>016517</v>
          </cell>
          <cell r="D127" t="str">
            <v>Brand,Gary Lee</v>
          </cell>
        </row>
        <row r="128">
          <cell r="A128" t="str">
            <v>013831</v>
          </cell>
          <cell r="B128" t="str">
            <v>Braun,Brad</v>
          </cell>
          <cell r="C128" t="str">
            <v>027137</v>
          </cell>
          <cell r="D128" t="str">
            <v>Brandt,Troy S</v>
          </cell>
        </row>
        <row r="129">
          <cell r="A129" t="str">
            <v>017914</v>
          </cell>
          <cell r="B129" t="str">
            <v>Braunwart Jr,Ronald John</v>
          </cell>
          <cell r="C129" t="str">
            <v>017905</v>
          </cell>
          <cell r="D129" t="str">
            <v>Brantley,Billy</v>
          </cell>
        </row>
        <row r="130">
          <cell r="A130" t="str">
            <v>275044</v>
          </cell>
          <cell r="B130" t="str">
            <v>Breeden,William R</v>
          </cell>
          <cell r="C130" t="str">
            <v>013831</v>
          </cell>
          <cell r="D130" t="str">
            <v>Braun,Brad</v>
          </cell>
        </row>
        <row r="131">
          <cell r="A131" t="str">
            <v>016211</v>
          </cell>
          <cell r="B131" t="str">
            <v>Brengman,David Bryan</v>
          </cell>
          <cell r="C131" t="str">
            <v>017914</v>
          </cell>
          <cell r="D131" t="str">
            <v>Braunwart Jr,Ronald John</v>
          </cell>
        </row>
        <row r="132">
          <cell r="A132" t="str">
            <v>015887</v>
          </cell>
          <cell r="B132" t="str">
            <v>Brenton,Danny Ray</v>
          </cell>
          <cell r="C132" t="str">
            <v>275044</v>
          </cell>
          <cell r="D132" t="str">
            <v>Breeden,William R</v>
          </cell>
        </row>
        <row r="133">
          <cell r="A133" t="str">
            <v>361687</v>
          </cell>
          <cell r="B133" t="str">
            <v>Brewer,Sarah C</v>
          </cell>
          <cell r="C133" t="str">
            <v>016211</v>
          </cell>
          <cell r="D133" t="str">
            <v>Brengman,David Bryan</v>
          </cell>
        </row>
        <row r="134">
          <cell r="A134" t="str">
            <v>285206</v>
          </cell>
          <cell r="B134" t="str">
            <v>Bricking,alan</v>
          </cell>
          <cell r="C134" t="str">
            <v>015887</v>
          </cell>
          <cell r="D134" t="str">
            <v>Brenton,Danny Ray</v>
          </cell>
        </row>
        <row r="135">
          <cell r="A135" t="str">
            <v>008390</v>
          </cell>
          <cell r="B135" t="str">
            <v>Brinegar,Larry Joe</v>
          </cell>
          <cell r="C135" t="str">
            <v>361687</v>
          </cell>
          <cell r="D135" t="str">
            <v>Brewer,Sarah C</v>
          </cell>
        </row>
        <row r="136">
          <cell r="A136" t="str">
            <v>017949</v>
          </cell>
          <cell r="B136" t="str">
            <v>Brock,Steve</v>
          </cell>
          <cell r="C136" t="str">
            <v>285206</v>
          </cell>
          <cell r="D136" t="str">
            <v>Bricking,alan</v>
          </cell>
        </row>
        <row r="137">
          <cell r="A137" t="str">
            <v>029073</v>
          </cell>
          <cell r="B137" t="str">
            <v>Brocksmith,Kurt A.</v>
          </cell>
          <cell r="C137" t="str">
            <v>008390</v>
          </cell>
          <cell r="D137" t="str">
            <v>Brinegar,Larry Joe</v>
          </cell>
        </row>
        <row r="138">
          <cell r="A138" t="str">
            <v>017955</v>
          </cell>
          <cell r="B138" t="str">
            <v>Broemsen,Brian K</v>
          </cell>
          <cell r="C138" t="str">
            <v>017949</v>
          </cell>
          <cell r="D138" t="str">
            <v>Brock,Steve</v>
          </cell>
        </row>
        <row r="139">
          <cell r="A139" t="str">
            <v>030426</v>
          </cell>
          <cell r="B139" t="str">
            <v>Broemsen,Joseph K</v>
          </cell>
          <cell r="C139" t="str">
            <v>029073</v>
          </cell>
          <cell r="D139" t="str">
            <v>Brocksmith,Kurt A.</v>
          </cell>
        </row>
        <row r="140">
          <cell r="A140" t="str">
            <v>025956</v>
          </cell>
          <cell r="B140" t="str">
            <v>Brooks,Anthony S</v>
          </cell>
          <cell r="C140" t="str">
            <v>017955</v>
          </cell>
          <cell r="D140" t="str">
            <v>Broemsen,Brian K</v>
          </cell>
        </row>
        <row r="141">
          <cell r="A141" t="str">
            <v>014947</v>
          </cell>
          <cell r="B141" t="str">
            <v>Brough,Robert Edward</v>
          </cell>
          <cell r="C141" t="str">
            <v>030426</v>
          </cell>
          <cell r="D141" t="str">
            <v>Broemsen,Joseph K</v>
          </cell>
        </row>
        <row r="142">
          <cell r="A142" t="str">
            <v>289339</v>
          </cell>
          <cell r="B142" t="str">
            <v>Brown,Andrew j</v>
          </cell>
          <cell r="C142" t="str">
            <v>025956</v>
          </cell>
          <cell r="D142" t="str">
            <v>Brooks,Anthony S</v>
          </cell>
        </row>
        <row r="143">
          <cell r="A143" t="str">
            <v>024406</v>
          </cell>
          <cell r="B143" t="str">
            <v>Brown,Brian D</v>
          </cell>
          <cell r="C143" t="str">
            <v>014947</v>
          </cell>
          <cell r="D143" t="str">
            <v>Brough,Robert Edward</v>
          </cell>
        </row>
        <row r="144">
          <cell r="A144" t="str">
            <v>030671</v>
          </cell>
          <cell r="B144" t="str">
            <v>Brown,Christopher Charles</v>
          </cell>
          <cell r="C144" t="str">
            <v>289339</v>
          </cell>
          <cell r="D144" t="str">
            <v>Brown,Andrew j</v>
          </cell>
        </row>
        <row r="145">
          <cell r="A145" t="str">
            <v>097056</v>
          </cell>
          <cell r="B145" t="str">
            <v>Brown,Donald K</v>
          </cell>
          <cell r="C145" t="str">
            <v>024406</v>
          </cell>
          <cell r="D145" t="str">
            <v>Brown,Brian D</v>
          </cell>
        </row>
        <row r="146">
          <cell r="A146" t="str">
            <v>019364</v>
          </cell>
          <cell r="B146" t="str">
            <v>Brown,Douglas W</v>
          </cell>
          <cell r="C146" t="str">
            <v>030671</v>
          </cell>
          <cell r="D146" t="str">
            <v>Brown,Christopher Charles</v>
          </cell>
        </row>
        <row r="147">
          <cell r="A147" t="str">
            <v>010077</v>
          </cell>
          <cell r="B147" t="str">
            <v>Brown,Jeff</v>
          </cell>
          <cell r="C147" t="str">
            <v>097056</v>
          </cell>
          <cell r="D147" t="str">
            <v>Brown,Donald K</v>
          </cell>
        </row>
        <row r="148">
          <cell r="A148" t="str">
            <v>016232</v>
          </cell>
          <cell r="B148" t="str">
            <v>Brown,Kevin L</v>
          </cell>
          <cell r="C148" t="str">
            <v>019364</v>
          </cell>
          <cell r="D148" t="str">
            <v>Brown,Douglas W</v>
          </cell>
        </row>
        <row r="149">
          <cell r="A149" t="str">
            <v>016931</v>
          </cell>
          <cell r="B149" t="str">
            <v>Brown,Lori A</v>
          </cell>
          <cell r="C149" t="str">
            <v>010077</v>
          </cell>
          <cell r="D149" t="str">
            <v>Brown,Jeff</v>
          </cell>
        </row>
        <row r="150">
          <cell r="A150" t="str">
            <v>361748</v>
          </cell>
          <cell r="B150" t="str">
            <v>Brown,Matthew T</v>
          </cell>
          <cell r="C150" t="str">
            <v>016232</v>
          </cell>
          <cell r="D150" t="str">
            <v>Brown,Kevin L</v>
          </cell>
        </row>
        <row r="151">
          <cell r="A151" t="str">
            <v>017986</v>
          </cell>
          <cell r="B151" t="str">
            <v>Brown,Steve</v>
          </cell>
          <cell r="C151" t="str">
            <v>016931</v>
          </cell>
          <cell r="D151" t="str">
            <v>Brown,Lori A</v>
          </cell>
        </row>
        <row r="152">
          <cell r="A152" t="str">
            <v>019833</v>
          </cell>
          <cell r="B152" t="str">
            <v>Brownstead,Christopher J</v>
          </cell>
          <cell r="C152" t="str">
            <v>361748</v>
          </cell>
          <cell r="D152" t="str">
            <v>Brown,Matthew T</v>
          </cell>
        </row>
        <row r="153">
          <cell r="A153" t="str">
            <v>017993</v>
          </cell>
          <cell r="B153" t="str">
            <v>Brownstead,Paul D</v>
          </cell>
          <cell r="C153" t="str">
            <v>017986</v>
          </cell>
          <cell r="D153" t="str">
            <v>Brown,Steve</v>
          </cell>
        </row>
        <row r="154">
          <cell r="A154" t="str">
            <v>284716</v>
          </cell>
          <cell r="B154" t="str">
            <v>Broyles,Sara Leeann</v>
          </cell>
          <cell r="C154" t="str">
            <v>019833</v>
          </cell>
          <cell r="D154" t="str">
            <v>Brownstead,Christopher J</v>
          </cell>
        </row>
        <row r="155">
          <cell r="A155" t="str">
            <v>023861</v>
          </cell>
          <cell r="B155" t="str">
            <v>Bruener,Patrick W</v>
          </cell>
          <cell r="C155" t="str">
            <v>017993</v>
          </cell>
          <cell r="D155" t="str">
            <v>Brownstead,Paul D</v>
          </cell>
        </row>
        <row r="156">
          <cell r="A156" t="str">
            <v>273042</v>
          </cell>
          <cell r="B156" t="str">
            <v>Brungs,Paul A</v>
          </cell>
          <cell r="C156" t="str">
            <v>284716</v>
          </cell>
          <cell r="D156" t="str">
            <v>Broyles,Sara Leeann</v>
          </cell>
        </row>
        <row r="157">
          <cell r="A157" t="str">
            <v>018010</v>
          </cell>
          <cell r="B157" t="str">
            <v>Bruynis,Nicholas C</v>
          </cell>
          <cell r="C157" t="str">
            <v>273042</v>
          </cell>
          <cell r="D157" t="str">
            <v>Brungs,Paul A</v>
          </cell>
        </row>
        <row r="158">
          <cell r="A158" t="str">
            <v>030594</v>
          </cell>
          <cell r="B158" t="str">
            <v>Brya,Michael David</v>
          </cell>
          <cell r="C158" t="str">
            <v>018010</v>
          </cell>
          <cell r="D158" t="str">
            <v>Bruynis,Nicholas C</v>
          </cell>
        </row>
        <row r="159">
          <cell r="A159" t="str">
            <v>018023</v>
          </cell>
          <cell r="B159" t="str">
            <v>Bucher,Jeff</v>
          </cell>
          <cell r="C159" t="str">
            <v>030594</v>
          </cell>
          <cell r="D159" t="str">
            <v>Brya,Michael David</v>
          </cell>
        </row>
        <row r="160">
          <cell r="A160" t="str">
            <v>018024</v>
          </cell>
          <cell r="B160" t="str">
            <v>Bucher,Rhonda Kaye</v>
          </cell>
          <cell r="C160" t="str">
            <v>018023</v>
          </cell>
          <cell r="D160" t="str">
            <v>Bucher,Jeff</v>
          </cell>
        </row>
        <row r="161">
          <cell r="A161" t="str">
            <v>097339</v>
          </cell>
          <cell r="B161" t="str">
            <v>Buening,Terry W</v>
          </cell>
          <cell r="C161" t="str">
            <v>018024</v>
          </cell>
          <cell r="D161" t="str">
            <v>Bucher,Rhonda Kaye</v>
          </cell>
        </row>
        <row r="162">
          <cell r="A162" t="str">
            <v>023490</v>
          </cell>
          <cell r="B162" t="str">
            <v>Buntin,Steve</v>
          </cell>
          <cell r="C162" t="str">
            <v>097339</v>
          </cell>
          <cell r="D162" t="str">
            <v>Buening,Terry W</v>
          </cell>
        </row>
        <row r="163">
          <cell r="A163" t="str">
            <v>024432</v>
          </cell>
          <cell r="B163" t="str">
            <v>Burger,Anthony W</v>
          </cell>
          <cell r="C163" t="str">
            <v>023490</v>
          </cell>
          <cell r="D163" t="str">
            <v>Buntin,Steve</v>
          </cell>
        </row>
        <row r="164">
          <cell r="A164" t="str">
            <v>271971</v>
          </cell>
          <cell r="B164" t="str">
            <v>Burkart,Cara M</v>
          </cell>
          <cell r="C164" t="str">
            <v>024432</v>
          </cell>
          <cell r="D164" t="str">
            <v>Burger,Anthony W</v>
          </cell>
        </row>
        <row r="165">
          <cell r="A165" t="str">
            <v>011353</v>
          </cell>
          <cell r="B165" t="str">
            <v>Burke,Julie Kay</v>
          </cell>
          <cell r="C165" t="str">
            <v>271971</v>
          </cell>
          <cell r="D165" t="str">
            <v>Burkart,Cara M</v>
          </cell>
        </row>
        <row r="166">
          <cell r="A166" t="str">
            <v>018063</v>
          </cell>
          <cell r="B166" t="str">
            <v>Burkhardt,Thomas A</v>
          </cell>
          <cell r="C166" t="str">
            <v>011353</v>
          </cell>
          <cell r="D166" t="str">
            <v>Burke,Julie Kay</v>
          </cell>
        </row>
        <row r="167">
          <cell r="A167" t="str">
            <v>018066</v>
          </cell>
          <cell r="B167" t="str">
            <v>Burlile,Terry L</v>
          </cell>
          <cell r="C167" t="str">
            <v>018063</v>
          </cell>
          <cell r="D167" t="str">
            <v>Burkhardt,Thomas A</v>
          </cell>
        </row>
        <row r="168">
          <cell r="A168" t="str">
            <v>009877</v>
          </cell>
          <cell r="B168" t="str">
            <v>Burns,Sam</v>
          </cell>
          <cell r="C168" t="str">
            <v>018066</v>
          </cell>
          <cell r="D168" t="str">
            <v>Burlile,Terry L</v>
          </cell>
        </row>
        <row r="169">
          <cell r="A169" t="str">
            <v>362037</v>
          </cell>
          <cell r="B169" t="str">
            <v>Burt,Ryan</v>
          </cell>
          <cell r="C169" t="str">
            <v>009877</v>
          </cell>
          <cell r="D169" t="str">
            <v>Burns,Sam</v>
          </cell>
        </row>
        <row r="170">
          <cell r="A170" t="str">
            <v>019365</v>
          </cell>
          <cell r="B170" t="str">
            <v>Burton,Marty A</v>
          </cell>
          <cell r="C170" t="str">
            <v>362037</v>
          </cell>
          <cell r="D170" t="str">
            <v>Burt,Ryan</v>
          </cell>
        </row>
        <row r="171">
          <cell r="A171" t="str">
            <v>030025</v>
          </cell>
          <cell r="B171" t="str">
            <v>Burton,Troy Leslie</v>
          </cell>
          <cell r="C171" t="str">
            <v>019365</v>
          </cell>
          <cell r="D171" t="str">
            <v>Burton,Marty A</v>
          </cell>
        </row>
        <row r="172">
          <cell r="A172" t="str">
            <v>018096</v>
          </cell>
          <cell r="B172" t="str">
            <v>Bush,Charles T</v>
          </cell>
          <cell r="C172" t="str">
            <v>030025</v>
          </cell>
          <cell r="D172" t="str">
            <v>Burton,Troy Leslie</v>
          </cell>
        </row>
        <row r="173">
          <cell r="A173" t="str">
            <v>017823</v>
          </cell>
          <cell r="B173" t="str">
            <v>Bush,Rowena R</v>
          </cell>
          <cell r="C173" t="str">
            <v>018096</v>
          </cell>
          <cell r="D173" t="str">
            <v>Bush,Charles T</v>
          </cell>
        </row>
        <row r="174">
          <cell r="A174" t="str">
            <v>291703</v>
          </cell>
          <cell r="B174" t="str">
            <v>Butler,Jordan L</v>
          </cell>
          <cell r="C174" t="str">
            <v>017823</v>
          </cell>
          <cell r="D174" t="str">
            <v>Bush,Rowena R</v>
          </cell>
        </row>
        <row r="175">
          <cell r="A175" t="str">
            <v>097749</v>
          </cell>
          <cell r="B175" t="str">
            <v>Butler,Rick</v>
          </cell>
          <cell r="C175" t="str">
            <v>291703</v>
          </cell>
          <cell r="D175" t="str">
            <v>Butler,Jordan L</v>
          </cell>
        </row>
        <row r="176">
          <cell r="A176" t="str">
            <v>016890</v>
          </cell>
          <cell r="B176" t="str">
            <v>Butterfield,Mark K</v>
          </cell>
          <cell r="C176" t="str">
            <v>097749</v>
          </cell>
          <cell r="D176" t="str">
            <v>Butler,Rick</v>
          </cell>
        </row>
        <row r="177">
          <cell r="A177" t="str">
            <v>010472</v>
          </cell>
          <cell r="B177" t="str">
            <v>Butts,Cherie L</v>
          </cell>
          <cell r="C177" t="str">
            <v>016890</v>
          </cell>
          <cell r="D177" t="str">
            <v>Butterfield,Mark K</v>
          </cell>
        </row>
        <row r="178">
          <cell r="A178" t="str">
            <v>030136</v>
          </cell>
          <cell r="B178" t="str">
            <v>Byers,Mary</v>
          </cell>
          <cell r="C178" t="str">
            <v>010472</v>
          </cell>
          <cell r="D178" t="str">
            <v>Butts,Cherie L</v>
          </cell>
        </row>
        <row r="179">
          <cell r="A179" t="str">
            <v>024526</v>
          </cell>
          <cell r="B179" t="str">
            <v>Byrd,James W</v>
          </cell>
          <cell r="C179" t="str">
            <v>030136</v>
          </cell>
          <cell r="D179" t="str">
            <v>Byers,Mary</v>
          </cell>
        </row>
        <row r="180">
          <cell r="A180" t="str">
            <v>024533</v>
          </cell>
          <cell r="B180" t="str">
            <v>Byrd,Kelvin M</v>
          </cell>
          <cell r="C180" t="str">
            <v>024526</v>
          </cell>
          <cell r="D180" t="str">
            <v>Byrd,James W</v>
          </cell>
        </row>
        <row r="181">
          <cell r="A181" t="str">
            <v>018125</v>
          </cell>
          <cell r="B181" t="str">
            <v>Byrd,Patrick D</v>
          </cell>
          <cell r="C181" t="str">
            <v>024533</v>
          </cell>
          <cell r="D181" t="str">
            <v>Byrd,Kelvin M</v>
          </cell>
        </row>
        <row r="182">
          <cell r="A182" t="str">
            <v>018137</v>
          </cell>
          <cell r="B182" t="str">
            <v>Calla,Gary A</v>
          </cell>
          <cell r="C182" t="str">
            <v>018125</v>
          </cell>
          <cell r="D182" t="str">
            <v>Byrd,Patrick D</v>
          </cell>
        </row>
        <row r="183">
          <cell r="A183" t="str">
            <v>279878</v>
          </cell>
          <cell r="B183" t="str">
            <v>Calloway,Scott M</v>
          </cell>
          <cell r="C183" t="str">
            <v>018137</v>
          </cell>
          <cell r="D183" t="str">
            <v>Calla,Gary A</v>
          </cell>
        </row>
        <row r="184">
          <cell r="A184" t="str">
            <v>018154</v>
          </cell>
          <cell r="B184" t="str">
            <v>Campbell,Jeff</v>
          </cell>
          <cell r="C184" t="str">
            <v>279878</v>
          </cell>
          <cell r="D184" t="str">
            <v>Calloway,Scott M</v>
          </cell>
        </row>
        <row r="185">
          <cell r="A185" t="str">
            <v>008501</v>
          </cell>
          <cell r="B185" t="str">
            <v>Campbell,Steve</v>
          </cell>
          <cell r="C185" t="str">
            <v>018154</v>
          </cell>
          <cell r="D185" t="str">
            <v>Campbell,Jeff</v>
          </cell>
        </row>
        <row r="186">
          <cell r="A186" t="str">
            <v>285204</v>
          </cell>
          <cell r="B186" t="str">
            <v>Canter,Jeremy J</v>
          </cell>
          <cell r="C186" t="str">
            <v>008501</v>
          </cell>
          <cell r="D186" t="str">
            <v>Campbell,Steve</v>
          </cell>
        </row>
        <row r="187">
          <cell r="A187" t="str">
            <v>095533</v>
          </cell>
          <cell r="B187" t="str">
            <v>Carey,Scott N</v>
          </cell>
          <cell r="C187" t="str">
            <v>285204</v>
          </cell>
          <cell r="D187" t="str">
            <v>Canter,Jeremy J</v>
          </cell>
        </row>
        <row r="188">
          <cell r="A188" t="str">
            <v>010760</v>
          </cell>
          <cell r="B188" t="str">
            <v>Carie,Cathy Ann</v>
          </cell>
          <cell r="C188" t="str">
            <v>095533</v>
          </cell>
          <cell r="D188" t="str">
            <v>Carey,Scott N</v>
          </cell>
        </row>
        <row r="189">
          <cell r="A189" t="str">
            <v>016218</v>
          </cell>
          <cell r="B189" t="str">
            <v>Carlisle,Judy</v>
          </cell>
          <cell r="C189" t="str">
            <v>010760</v>
          </cell>
          <cell r="D189" t="str">
            <v>Carie,Cathy Ann</v>
          </cell>
        </row>
        <row r="190">
          <cell r="A190" t="str">
            <v>008780</v>
          </cell>
          <cell r="B190" t="str">
            <v>Carlock,Terry Neil</v>
          </cell>
          <cell r="C190" t="str">
            <v>016218</v>
          </cell>
          <cell r="D190" t="str">
            <v>Carlisle,Judy</v>
          </cell>
        </row>
        <row r="191">
          <cell r="A191" t="str">
            <v>018174</v>
          </cell>
          <cell r="B191" t="str">
            <v>Carmack,Daniel Lawrence</v>
          </cell>
          <cell r="C191" t="str">
            <v>008780</v>
          </cell>
          <cell r="D191" t="str">
            <v>Carlock,Terry Neil</v>
          </cell>
        </row>
        <row r="192">
          <cell r="A192" t="str">
            <v>018176</v>
          </cell>
          <cell r="B192" t="str">
            <v>Carmack,John G</v>
          </cell>
          <cell r="C192" t="str">
            <v>018174</v>
          </cell>
          <cell r="D192" t="str">
            <v>Carmack,Daniel Lawrence</v>
          </cell>
        </row>
        <row r="193">
          <cell r="A193" t="str">
            <v>027132</v>
          </cell>
          <cell r="B193" t="str">
            <v>Carnahan,Clint</v>
          </cell>
          <cell r="C193" t="str">
            <v>018176</v>
          </cell>
          <cell r="D193" t="str">
            <v>Carmack,John G</v>
          </cell>
        </row>
        <row r="194">
          <cell r="A194" t="str">
            <v>095808</v>
          </cell>
          <cell r="B194" t="str">
            <v>Carnahan,Jason M</v>
          </cell>
          <cell r="C194" t="str">
            <v>027132</v>
          </cell>
          <cell r="D194" t="str">
            <v>Carnahan,Clint</v>
          </cell>
        </row>
        <row r="195">
          <cell r="A195" t="str">
            <v>018179</v>
          </cell>
          <cell r="B195" t="str">
            <v>Carnahan,Jeffrey Earl</v>
          </cell>
          <cell r="C195" t="str">
            <v>095808</v>
          </cell>
          <cell r="D195" t="str">
            <v>Carnahan,Jason M</v>
          </cell>
        </row>
        <row r="196">
          <cell r="A196" t="str">
            <v>018184</v>
          </cell>
          <cell r="B196" t="str">
            <v>Carpenter IV,Richard P</v>
          </cell>
          <cell r="C196" t="str">
            <v>018179</v>
          </cell>
          <cell r="D196" t="str">
            <v>Carnahan,Jeffrey Earl</v>
          </cell>
        </row>
        <row r="197">
          <cell r="A197" t="str">
            <v>023077</v>
          </cell>
          <cell r="B197" t="str">
            <v>Carr,Barbara</v>
          </cell>
          <cell r="C197" t="str">
            <v>018184</v>
          </cell>
          <cell r="D197" t="str">
            <v>Carpenter IV,Richard P</v>
          </cell>
        </row>
        <row r="198">
          <cell r="A198" t="str">
            <v>095528</v>
          </cell>
          <cell r="B198" t="str">
            <v>Carter,Charles W</v>
          </cell>
          <cell r="C198" t="str">
            <v>023077</v>
          </cell>
          <cell r="D198" t="str">
            <v>Carr,Barbara</v>
          </cell>
        </row>
        <row r="199">
          <cell r="A199" t="str">
            <v>018203</v>
          </cell>
          <cell r="B199" t="str">
            <v>Carter,Rod</v>
          </cell>
          <cell r="C199" t="str">
            <v>095528</v>
          </cell>
          <cell r="D199" t="str">
            <v>Carter,Charles W</v>
          </cell>
        </row>
        <row r="200">
          <cell r="A200" t="str">
            <v>016252</v>
          </cell>
          <cell r="B200" t="str">
            <v>Cartwright,Troy Edward</v>
          </cell>
          <cell r="C200" t="str">
            <v>018203</v>
          </cell>
          <cell r="D200" t="str">
            <v>Carter,Rod</v>
          </cell>
        </row>
        <row r="201">
          <cell r="A201" t="str">
            <v>013677</v>
          </cell>
          <cell r="B201" t="str">
            <v>Carvin,Michele Ann</v>
          </cell>
          <cell r="C201" t="str">
            <v>016252</v>
          </cell>
          <cell r="D201" t="str">
            <v>Cartwright,Troy Edward</v>
          </cell>
        </row>
        <row r="202">
          <cell r="A202" t="str">
            <v>018210</v>
          </cell>
          <cell r="B202" t="str">
            <v>Casey,Kathy</v>
          </cell>
          <cell r="C202" t="str">
            <v>013677</v>
          </cell>
          <cell r="D202" t="str">
            <v>Carvin,Michele Ann</v>
          </cell>
        </row>
        <row r="203">
          <cell r="A203" t="str">
            <v>018213</v>
          </cell>
          <cell r="B203" t="str">
            <v>Casson III,William Arthur</v>
          </cell>
          <cell r="C203" t="str">
            <v>018210</v>
          </cell>
          <cell r="D203" t="str">
            <v>Casey,Kathy</v>
          </cell>
        </row>
        <row r="204">
          <cell r="A204" t="str">
            <v>017015</v>
          </cell>
          <cell r="B204" t="str">
            <v>Caudill,Holly E</v>
          </cell>
          <cell r="C204" t="str">
            <v>018213</v>
          </cell>
          <cell r="D204" t="str">
            <v>Casson III,William Arthur</v>
          </cell>
        </row>
        <row r="205">
          <cell r="A205" t="str">
            <v>018221</v>
          </cell>
          <cell r="B205" t="str">
            <v>Caudill,Tim</v>
          </cell>
          <cell r="C205" t="str">
            <v>017015</v>
          </cell>
          <cell r="D205" t="str">
            <v>Caudill,Holly E</v>
          </cell>
        </row>
        <row r="206">
          <cell r="A206" t="str">
            <v>018225</v>
          </cell>
          <cell r="B206" t="str">
            <v>Chadwick,Jan</v>
          </cell>
          <cell r="C206" t="str">
            <v>018221</v>
          </cell>
          <cell r="D206" t="str">
            <v>Caudill,Tim</v>
          </cell>
        </row>
        <row r="207">
          <cell r="A207" t="str">
            <v>027490</v>
          </cell>
          <cell r="B207" t="str">
            <v>Chapman Jr,Steve A</v>
          </cell>
          <cell r="C207" t="str">
            <v>018225</v>
          </cell>
          <cell r="D207" t="str">
            <v>Chadwick,Jan</v>
          </cell>
        </row>
        <row r="208">
          <cell r="A208" t="str">
            <v>009019</v>
          </cell>
          <cell r="B208" t="str">
            <v>Chase,Alan Eugene</v>
          </cell>
          <cell r="C208" t="str">
            <v>027490</v>
          </cell>
          <cell r="D208" t="str">
            <v>Chapman Jr,Steve A</v>
          </cell>
        </row>
        <row r="209">
          <cell r="A209" t="str">
            <v>017191</v>
          </cell>
          <cell r="B209" t="str">
            <v>Chase,Kyle</v>
          </cell>
          <cell r="C209" t="str">
            <v>009019</v>
          </cell>
          <cell r="D209" t="str">
            <v>Chase,Alan Eugene</v>
          </cell>
        </row>
        <row r="210">
          <cell r="A210" t="str">
            <v>010122</v>
          </cell>
          <cell r="B210" t="str">
            <v>Chenoweth,Tim</v>
          </cell>
          <cell r="C210" t="str">
            <v>017191</v>
          </cell>
          <cell r="D210" t="str">
            <v>Chase,Kyle</v>
          </cell>
        </row>
        <row r="211">
          <cell r="A211" t="str">
            <v>019840</v>
          </cell>
          <cell r="B211" t="str">
            <v>Childers,Jason L</v>
          </cell>
          <cell r="C211" t="str">
            <v>010122</v>
          </cell>
          <cell r="D211" t="str">
            <v>Chenoweth,Tim</v>
          </cell>
        </row>
        <row r="212">
          <cell r="A212" t="str">
            <v>018251</v>
          </cell>
          <cell r="B212" t="str">
            <v>Chipman,Scott William</v>
          </cell>
          <cell r="C212" t="str">
            <v>019840</v>
          </cell>
          <cell r="D212" t="str">
            <v>Childers,Jason L</v>
          </cell>
        </row>
        <row r="213">
          <cell r="A213" t="str">
            <v>018254</v>
          </cell>
          <cell r="B213" t="str">
            <v>Church,Gregory M</v>
          </cell>
          <cell r="C213" t="str">
            <v>018251</v>
          </cell>
          <cell r="D213" t="str">
            <v>Chipman,Scott William</v>
          </cell>
        </row>
        <row r="214">
          <cell r="A214" t="str">
            <v>018257</v>
          </cell>
          <cell r="B214" t="str">
            <v>Clair,Timothy F</v>
          </cell>
          <cell r="C214" t="str">
            <v>018254</v>
          </cell>
          <cell r="D214" t="str">
            <v>Church,Gregory M</v>
          </cell>
        </row>
        <row r="215">
          <cell r="A215" t="str">
            <v>018258</v>
          </cell>
          <cell r="B215" t="str">
            <v>Clark,Cathy L</v>
          </cell>
          <cell r="C215" t="str">
            <v>018257</v>
          </cell>
          <cell r="D215" t="str">
            <v>Clair,Timothy F</v>
          </cell>
        </row>
        <row r="216">
          <cell r="A216" t="str">
            <v>018263</v>
          </cell>
          <cell r="B216" t="str">
            <v>Clark,Ernest H</v>
          </cell>
          <cell r="C216" t="str">
            <v>018258</v>
          </cell>
          <cell r="D216" t="str">
            <v>Clark,Cathy L</v>
          </cell>
        </row>
        <row r="217">
          <cell r="A217" t="str">
            <v>009964</v>
          </cell>
          <cell r="B217" t="str">
            <v>Clark,Joe</v>
          </cell>
          <cell r="C217" t="str">
            <v>018263</v>
          </cell>
          <cell r="D217" t="str">
            <v>Clark,Ernest H</v>
          </cell>
        </row>
        <row r="218">
          <cell r="A218" t="str">
            <v>025797</v>
          </cell>
          <cell r="B218" t="str">
            <v>Clark,Michael W</v>
          </cell>
          <cell r="C218" t="str">
            <v>009964</v>
          </cell>
          <cell r="D218" t="str">
            <v>Clark,Joe</v>
          </cell>
        </row>
        <row r="219">
          <cell r="A219" t="str">
            <v>018271</v>
          </cell>
          <cell r="B219" t="str">
            <v>Clark,Woodford S</v>
          </cell>
          <cell r="C219" t="str">
            <v>025797</v>
          </cell>
          <cell r="D219" t="str">
            <v>Clark,Michael W</v>
          </cell>
        </row>
        <row r="220">
          <cell r="A220" t="str">
            <v>018273</v>
          </cell>
          <cell r="B220" t="str">
            <v>Clemens,Steve</v>
          </cell>
          <cell r="C220" t="str">
            <v>018271</v>
          </cell>
          <cell r="D220" t="str">
            <v>Clark,Woodford S</v>
          </cell>
        </row>
        <row r="221">
          <cell r="A221" t="str">
            <v>024936</v>
          </cell>
          <cell r="B221" t="str">
            <v>Clements,Pat</v>
          </cell>
          <cell r="C221" t="str">
            <v>018273</v>
          </cell>
          <cell r="D221" t="str">
            <v>Clemens,Steve</v>
          </cell>
        </row>
        <row r="222">
          <cell r="A222" t="str">
            <v>016174</v>
          </cell>
          <cell r="B222" t="str">
            <v>Clevenger,Brian</v>
          </cell>
          <cell r="C222" t="str">
            <v>024936</v>
          </cell>
          <cell r="D222" t="str">
            <v>Clements,Pat</v>
          </cell>
        </row>
        <row r="223">
          <cell r="A223" t="str">
            <v>009171</v>
          </cell>
          <cell r="B223" t="str">
            <v>Cline,Vickie Lynne</v>
          </cell>
          <cell r="C223" t="str">
            <v>016174</v>
          </cell>
          <cell r="D223" t="str">
            <v>Clevenger,Brian</v>
          </cell>
        </row>
        <row r="224">
          <cell r="A224" t="str">
            <v>041645</v>
          </cell>
          <cell r="B224" t="str">
            <v>Cobb,LaTressa D</v>
          </cell>
          <cell r="C224" t="str">
            <v>009171</v>
          </cell>
          <cell r="D224" t="str">
            <v>Cline,Vickie Lynne</v>
          </cell>
        </row>
        <row r="225">
          <cell r="A225" t="str">
            <v>009331</v>
          </cell>
          <cell r="B225" t="str">
            <v>Cochran,Rex Charles</v>
          </cell>
          <cell r="C225" t="str">
            <v>041645</v>
          </cell>
          <cell r="D225" t="str">
            <v>Cobb,LaTressa D</v>
          </cell>
        </row>
        <row r="226">
          <cell r="A226" t="str">
            <v>018289</v>
          </cell>
          <cell r="B226" t="str">
            <v>Cockrell,Shirley L</v>
          </cell>
          <cell r="C226" t="str">
            <v>009331</v>
          </cell>
          <cell r="D226" t="str">
            <v>Cochran,Rex Charles</v>
          </cell>
        </row>
        <row r="227">
          <cell r="A227" t="str">
            <v>030604</v>
          </cell>
          <cell r="B227" t="str">
            <v>Colby,Garrett Kent</v>
          </cell>
          <cell r="C227" t="str">
            <v>018289</v>
          </cell>
          <cell r="D227" t="str">
            <v>Cockrell,Shirley L</v>
          </cell>
        </row>
        <row r="228">
          <cell r="A228" t="str">
            <v>278547</v>
          </cell>
          <cell r="B228" t="str">
            <v>Cole,Jacob D</v>
          </cell>
          <cell r="C228" t="str">
            <v>030604</v>
          </cell>
          <cell r="D228" t="str">
            <v>Colby,Garrett Kent</v>
          </cell>
        </row>
        <row r="229">
          <cell r="A229" t="str">
            <v>266999</v>
          </cell>
          <cell r="B229" t="str">
            <v>Coleman,Daniel D</v>
          </cell>
          <cell r="C229" t="str">
            <v>278547</v>
          </cell>
          <cell r="D229" t="str">
            <v>Cole,Jacob D</v>
          </cell>
        </row>
        <row r="230">
          <cell r="A230" t="str">
            <v>032348</v>
          </cell>
          <cell r="B230" t="str">
            <v>Coleman,Jacqueline C</v>
          </cell>
          <cell r="C230" t="str">
            <v>266999</v>
          </cell>
          <cell r="D230" t="str">
            <v>Coleman,Daniel D</v>
          </cell>
        </row>
        <row r="231">
          <cell r="A231" t="str">
            <v>018302</v>
          </cell>
          <cell r="B231" t="str">
            <v>Coleman,Matt</v>
          </cell>
          <cell r="C231" t="str">
            <v>032348</v>
          </cell>
          <cell r="D231" t="str">
            <v>Coleman,Jacqueline C</v>
          </cell>
        </row>
        <row r="232">
          <cell r="A232" t="str">
            <v>018305</v>
          </cell>
          <cell r="B232" t="str">
            <v>Coleman,Yolanda T</v>
          </cell>
          <cell r="C232" t="str">
            <v>018302</v>
          </cell>
          <cell r="D232" t="str">
            <v>Coleman,Matt</v>
          </cell>
        </row>
        <row r="233">
          <cell r="A233" t="str">
            <v>018308</v>
          </cell>
          <cell r="B233" t="str">
            <v>Collins,April S</v>
          </cell>
          <cell r="C233" t="str">
            <v>018305</v>
          </cell>
          <cell r="D233" t="str">
            <v>Coleman,Yolanda T</v>
          </cell>
        </row>
        <row r="234">
          <cell r="A234" t="str">
            <v>024937</v>
          </cell>
          <cell r="B234" t="str">
            <v>Collins,Bob</v>
          </cell>
          <cell r="C234" t="str">
            <v>018308</v>
          </cell>
          <cell r="D234" t="str">
            <v>Collins,April S</v>
          </cell>
        </row>
        <row r="235">
          <cell r="A235" t="str">
            <v>018316</v>
          </cell>
          <cell r="B235" t="str">
            <v>Collins,Steve</v>
          </cell>
          <cell r="C235" t="str">
            <v>024937</v>
          </cell>
          <cell r="D235" t="str">
            <v>Collins,Bob</v>
          </cell>
        </row>
        <row r="236">
          <cell r="A236" t="str">
            <v>025470</v>
          </cell>
          <cell r="B236" t="str">
            <v>Collins,Steven H</v>
          </cell>
          <cell r="C236" t="str">
            <v>018316</v>
          </cell>
          <cell r="D236" t="str">
            <v>Collins,Steve</v>
          </cell>
        </row>
        <row r="237">
          <cell r="A237" t="str">
            <v>367850</v>
          </cell>
          <cell r="B237" t="str">
            <v>Combs,Brandon J</v>
          </cell>
          <cell r="C237" t="str">
            <v>025470</v>
          </cell>
          <cell r="D237" t="str">
            <v>Collins,Steven H</v>
          </cell>
        </row>
        <row r="238">
          <cell r="A238" t="str">
            <v>018326</v>
          </cell>
          <cell r="B238" t="str">
            <v>Compton,Dave</v>
          </cell>
          <cell r="C238" t="str">
            <v>367850</v>
          </cell>
          <cell r="D238" t="str">
            <v>Combs,Brandon J</v>
          </cell>
        </row>
        <row r="239">
          <cell r="A239" t="str">
            <v>363516</v>
          </cell>
          <cell r="B239" t="str">
            <v>Compton,Joel</v>
          </cell>
          <cell r="C239" t="str">
            <v>018326</v>
          </cell>
          <cell r="D239" t="str">
            <v>Compton,Dave</v>
          </cell>
        </row>
        <row r="240">
          <cell r="A240" t="str">
            <v>030014</v>
          </cell>
          <cell r="B240" t="str">
            <v>Connell,Jason</v>
          </cell>
          <cell r="C240" t="str">
            <v>363516</v>
          </cell>
          <cell r="D240" t="str">
            <v>Compton,Joel</v>
          </cell>
        </row>
        <row r="241">
          <cell r="A241" t="str">
            <v>018094</v>
          </cell>
          <cell r="B241" t="str">
            <v>Connelly,Nancy</v>
          </cell>
          <cell r="C241" t="str">
            <v>030014</v>
          </cell>
          <cell r="D241" t="str">
            <v>Connell,Jason</v>
          </cell>
        </row>
        <row r="242">
          <cell r="A242" t="str">
            <v>018333</v>
          </cell>
          <cell r="B242" t="str">
            <v>Connley,Jim P</v>
          </cell>
          <cell r="C242" t="str">
            <v>018094</v>
          </cell>
          <cell r="D242" t="str">
            <v>Connelly,Nancy</v>
          </cell>
        </row>
        <row r="243">
          <cell r="A243" t="str">
            <v>018336</v>
          </cell>
          <cell r="B243" t="str">
            <v>Connley,Sandy</v>
          </cell>
          <cell r="C243" t="str">
            <v>018333</v>
          </cell>
          <cell r="D243" t="str">
            <v>Connley,Jim P</v>
          </cell>
        </row>
        <row r="244">
          <cell r="A244" t="str">
            <v>033139</v>
          </cell>
          <cell r="B244" t="str">
            <v>Connley,Shaun</v>
          </cell>
          <cell r="C244" t="str">
            <v>018336</v>
          </cell>
          <cell r="D244" t="str">
            <v>Connley,Sandy</v>
          </cell>
        </row>
        <row r="245">
          <cell r="A245" t="str">
            <v>012028</v>
          </cell>
          <cell r="B245" t="str">
            <v>Cook,Deann</v>
          </cell>
          <cell r="C245" t="str">
            <v>033139</v>
          </cell>
          <cell r="D245" t="str">
            <v>Connley,Shaun</v>
          </cell>
        </row>
        <row r="246">
          <cell r="A246" t="str">
            <v>017971</v>
          </cell>
          <cell r="B246" t="str">
            <v>Cooper,Dawn L</v>
          </cell>
          <cell r="C246" t="str">
            <v>012028</v>
          </cell>
          <cell r="D246" t="str">
            <v>Cook,Deann</v>
          </cell>
        </row>
        <row r="247">
          <cell r="A247" t="str">
            <v>023413</v>
          </cell>
          <cell r="B247" t="str">
            <v>Cooper,Keith A</v>
          </cell>
          <cell r="C247" t="str">
            <v>017971</v>
          </cell>
          <cell r="D247" t="str">
            <v>Cooper,Dawn L</v>
          </cell>
        </row>
        <row r="248">
          <cell r="A248" t="str">
            <v>023862</v>
          </cell>
          <cell r="B248" t="str">
            <v>Cooper,Kristopher A</v>
          </cell>
          <cell r="C248" t="str">
            <v>023413</v>
          </cell>
          <cell r="D248" t="str">
            <v>Cooper,Keith A</v>
          </cell>
        </row>
        <row r="249">
          <cell r="A249" t="str">
            <v>029305</v>
          </cell>
          <cell r="B249" t="str">
            <v>Cooper,Nathan Stanley</v>
          </cell>
          <cell r="C249" t="str">
            <v>023862</v>
          </cell>
          <cell r="D249" t="str">
            <v>Cooper,Kristopher A</v>
          </cell>
        </row>
        <row r="250">
          <cell r="A250" t="str">
            <v>018362</v>
          </cell>
          <cell r="B250" t="str">
            <v>Coorey,Terry R</v>
          </cell>
          <cell r="C250" t="str">
            <v>029305</v>
          </cell>
          <cell r="D250" t="str">
            <v>Cooper,Nathan Stanley</v>
          </cell>
        </row>
        <row r="251">
          <cell r="A251" t="str">
            <v>095186</v>
          </cell>
          <cell r="B251" t="str">
            <v>Coppock,David A.</v>
          </cell>
          <cell r="C251" t="str">
            <v>018362</v>
          </cell>
          <cell r="D251" t="str">
            <v>Coorey,Terry R</v>
          </cell>
        </row>
        <row r="252">
          <cell r="A252" t="str">
            <v>018371</v>
          </cell>
          <cell r="B252" t="str">
            <v>Cornelius,Louis Robert</v>
          </cell>
          <cell r="C252" t="str">
            <v>095186</v>
          </cell>
          <cell r="D252" t="str">
            <v>Coppock,David A.</v>
          </cell>
        </row>
        <row r="253">
          <cell r="A253" t="str">
            <v>018374</v>
          </cell>
          <cell r="B253" t="str">
            <v>Cornelius,Toni M</v>
          </cell>
          <cell r="C253" t="str">
            <v>018371</v>
          </cell>
          <cell r="D253" t="str">
            <v>Cornelius,Louis Robert</v>
          </cell>
        </row>
        <row r="254">
          <cell r="A254" t="str">
            <v>018384</v>
          </cell>
          <cell r="B254" t="str">
            <v>Coulter,Dennis James</v>
          </cell>
          <cell r="C254" t="str">
            <v>018374</v>
          </cell>
          <cell r="D254" t="str">
            <v>Cornelius,Toni M</v>
          </cell>
        </row>
        <row r="255">
          <cell r="A255" t="str">
            <v>096553</v>
          </cell>
          <cell r="B255" t="str">
            <v>Cox,Brian D</v>
          </cell>
          <cell r="C255" t="str">
            <v>018384</v>
          </cell>
          <cell r="D255" t="str">
            <v>Coulter,Dennis James</v>
          </cell>
        </row>
        <row r="256">
          <cell r="A256" t="str">
            <v>095184</v>
          </cell>
          <cell r="B256" t="str">
            <v>Crabb,Dirk J.</v>
          </cell>
          <cell r="C256" t="str">
            <v>096553</v>
          </cell>
          <cell r="D256" t="str">
            <v>Cox,Brian D</v>
          </cell>
        </row>
        <row r="257">
          <cell r="A257" t="str">
            <v>275720</v>
          </cell>
          <cell r="B257" t="str">
            <v>Craig,Crystal L</v>
          </cell>
          <cell r="C257" t="str">
            <v>095184</v>
          </cell>
          <cell r="D257" t="str">
            <v>Crabb,Dirk J.</v>
          </cell>
        </row>
        <row r="258">
          <cell r="A258" t="str">
            <v>018401</v>
          </cell>
          <cell r="B258" t="str">
            <v>Crail,Joyce A</v>
          </cell>
          <cell r="C258" t="str">
            <v>275720</v>
          </cell>
          <cell r="D258" t="str">
            <v>Craig,Crystal L</v>
          </cell>
        </row>
        <row r="259">
          <cell r="A259" t="str">
            <v>023174</v>
          </cell>
          <cell r="B259" t="str">
            <v>Crary,Bobbi</v>
          </cell>
          <cell r="C259" t="str">
            <v>018401</v>
          </cell>
          <cell r="D259" t="str">
            <v>Crail,Joyce A</v>
          </cell>
        </row>
        <row r="260">
          <cell r="A260" t="str">
            <v>019847</v>
          </cell>
          <cell r="B260" t="str">
            <v>Crawford,Brandon S</v>
          </cell>
          <cell r="C260" t="str">
            <v>023174</v>
          </cell>
          <cell r="D260" t="str">
            <v>Crary,Bobbi</v>
          </cell>
        </row>
        <row r="261">
          <cell r="A261" t="str">
            <v>272200</v>
          </cell>
          <cell r="B261" t="str">
            <v>Cress,Nathaniel</v>
          </cell>
          <cell r="C261" t="str">
            <v>019847</v>
          </cell>
          <cell r="D261" t="str">
            <v>Crawford,Brandon S</v>
          </cell>
        </row>
        <row r="262">
          <cell r="A262" t="str">
            <v>030672</v>
          </cell>
          <cell r="B262" t="str">
            <v>Cress,Zachary David</v>
          </cell>
          <cell r="C262" t="str">
            <v>272200</v>
          </cell>
          <cell r="D262" t="str">
            <v>Cress,Nathaniel</v>
          </cell>
        </row>
        <row r="263">
          <cell r="A263" t="str">
            <v>031242</v>
          </cell>
          <cell r="B263" t="str">
            <v>Cueto,Kimberly K</v>
          </cell>
          <cell r="C263" t="str">
            <v>030672</v>
          </cell>
          <cell r="D263" t="str">
            <v>Cress,Zachary David</v>
          </cell>
        </row>
        <row r="264">
          <cell r="A264" t="str">
            <v>008433</v>
          </cell>
          <cell r="B264" t="str">
            <v>Culbertson,Wilburn Dixon</v>
          </cell>
          <cell r="C264" t="str">
            <v>031242</v>
          </cell>
          <cell r="D264" t="str">
            <v>Cueto,Kimberly K</v>
          </cell>
        </row>
        <row r="265">
          <cell r="A265" t="str">
            <v>014059</v>
          </cell>
          <cell r="B265" t="str">
            <v>Curd,Sue Anne</v>
          </cell>
          <cell r="C265" t="str">
            <v>008433</v>
          </cell>
          <cell r="D265" t="str">
            <v>Culbertson,Wilburn Dixon</v>
          </cell>
        </row>
        <row r="266">
          <cell r="A266" t="str">
            <v>017782</v>
          </cell>
          <cell r="B266" t="str">
            <v>Cutsinger Jr,Richard D</v>
          </cell>
          <cell r="C266" t="str">
            <v>014059</v>
          </cell>
          <cell r="D266" t="str">
            <v>Curd,Sue Anne</v>
          </cell>
        </row>
        <row r="267">
          <cell r="A267" t="str">
            <v>017857</v>
          </cell>
          <cell r="B267" t="str">
            <v>Dahl,Barry C</v>
          </cell>
          <cell r="C267" t="str">
            <v>017782</v>
          </cell>
          <cell r="D267" t="str">
            <v>Cutsinger Jr,Richard D</v>
          </cell>
        </row>
        <row r="268">
          <cell r="A268" t="str">
            <v>278634</v>
          </cell>
          <cell r="B268" t="str">
            <v>Dalton,Blake A</v>
          </cell>
          <cell r="C268" t="str">
            <v>017857</v>
          </cell>
          <cell r="D268" t="str">
            <v>Dahl,Barry C</v>
          </cell>
        </row>
        <row r="269">
          <cell r="A269" t="str">
            <v>017173</v>
          </cell>
          <cell r="B269" t="str">
            <v>Daniel,Kristina L</v>
          </cell>
          <cell r="C269" t="str">
            <v>278634</v>
          </cell>
          <cell r="D269" t="str">
            <v>Dalton,Blake A</v>
          </cell>
        </row>
        <row r="270">
          <cell r="A270" t="str">
            <v>031810</v>
          </cell>
          <cell r="B270" t="str">
            <v>Daniele,Brian D</v>
          </cell>
          <cell r="C270" t="str">
            <v>017173</v>
          </cell>
          <cell r="D270" t="str">
            <v>Daniel,Kristina L</v>
          </cell>
        </row>
        <row r="271">
          <cell r="A271" t="str">
            <v>023422</v>
          </cell>
          <cell r="B271" t="str">
            <v>Daniels,Aaron M</v>
          </cell>
          <cell r="C271" t="str">
            <v>031810</v>
          </cell>
          <cell r="D271" t="str">
            <v>Daniele,Brian D</v>
          </cell>
        </row>
        <row r="272">
          <cell r="A272" t="str">
            <v>289918</v>
          </cell>
          <cell r="B272" t="str">
            <v>Daniels,Chad H.</v>
          </cell>
          <cell r="C272" t="str">
            <v>023422</v>
          </cell>
          <cell r="D272" t="str">
            <v>Daniels,Aaron M</v>
          </cell>
        </row>
        <row r="273">
          <cell r="A273" t="str">
            <v>022839</v>
          </cell>
          <cell r="B273" t="str">
            <v>Daniels,James D</v>
          </cell>
          <cell r="C273" t="str">
            <v>289918</v>
          </cell>
          <cell r="D273" t="str">
            <v>Daniels,Chad H.</v>
          </cell>
        </row>
        <row r="274">
          <cell r="A274" t="str">
            <v>274768</v>
          </cell>
          <cell r="B274" t="str">
            <v>Danzinger,Joshua W</v>
          </cell>
          <cell r="C274" t="str">
            <v>022839</v>
          </cell>
          <cell r="D274" t="str">
            <v>Daniels,James D</v>
          </cell>
        </row>
        <row r="275">
          <cell r="A275" t="str">
            <v>007331</v>
          </cell>
          <cell r="B275" t="str">
            <v>Darlage,Duane R</v>
          </cell>
          <cell r="C275" t="str">
            <v>274768</v>
          </cell>
          <cell r="D275" t="str">
            <v>Danzinger,Joshua W</v>
          </cell>
        </row>
        <row r="276">
          <cell r="A276" t="str">
            <v>019472</v>
          </cell>
          <cell r="B276" t="str">
            <v>Davidson,Josh</v>
          </cell>
          <cell r="C276" t="str">
            <v>007331</v>
          </cell>
          <cell r="D276" t="str">
            <v>Darlage,Duane R</v>
          </cell>
        </row>
        <row r="277">
          <cell r="A277" t="str">
            <v>010523</v>
          </cell>
          <cell r="B277" t="str">
            <v>Davis Jr,J R (Glen)</v>
          </cell>
          <cell r="C277" t="str">
            <v>019472</v>
          </cell>
          <cell r="D277" t="str">
            <v>Davidson,Josh</v>
          </cell>
        </row>
        <row r="278">
          <cell r="A278" t="str">
            <v>018445</v>
          </cell>
          <cell r="B278" t="str">
            <v>Davis,Cindy R</v>
          </cell>
          <cell r="C278" t="str">
            <v>010523</v>
          </cell>
          <cell r="D278" t="str">
            <v>Davis Jr,J R (Glen)</v>
          </cell>
        </row>
        <row r="279">
          <cell r="A279" t="str">
            <v>018550</v>
          </cell>
          <cell r="B279" t="str">
            <v>Davis,Fran</v>
          </cell>
          <cell r="C279" t="str">
            <v>018445</v>
          </cell>
          <cell r="D279" t="str">
            <v>Davis,Cindy R</v>
          </cell>
        </row>
        <row r="280">
          <cell r="A280" t="str">
            <v>278491</v>
          </cell>
          <cell r="B280" t="str">
            <v>Davis,Jerry W</v>
          </cell>
          <cell r="C280" t="str">
            <v>018550</v>
          </cell>
          <cell r="D280" t="str">
            <v>Davis,Fran</v>
          </cell>
        </row>
        <row r="281">
          <cell r="A281" t="str">
            <v>018511</v>
          </cell>
          <cell r="B281" t="str">
            <v>Davis,Karen S</v>
          </cell>
          <cell r="C281" t="str">
            <v>278491</v>
          </cell>
          <cell r="D281" t="str">
            <v>Davis,Jerry W</v>
          </cell>
        </row>
        <row r="282">
          <cell r="A282" t="str">
            <v>015360</v>
          </cell>
          <cell r="B282" t="str">
            <v>Davis,Kathy</v>
          </cell>
          <cell r="C282" t="str">
            <v>018511</v>
          </cell>
          <cell r="D282" t="str">
            <v>Davis,Karen S</v>
          </cell>
        </row>
        <row r="283">
          <cell r="A283" t="str">
            <v>008215</v>
          </cell>
          <cell r="B283" t="str">
            <v>Dawes,Ann Elizabeth</v>
          </cell>
          <cell r="C283" t="str">
            <v>015360</v>
          </cell>
          <cell r="D283" t="str">
            <v>Davis,Kathy</v>
          </cell>
        </row>
        <row r="284">
          <cell r="A284" t="str">
            <v>032603</v>
          </cell>
          <cell r="B284" t="str">
            <v>Day,Enoch William</v>
          </cell>
          <cell r="C284" t="str">
            <v>008215</v>
          </cell>
          <cell r="D284" t="str">
            <v>Dawes,Ann Elizabeth</v>
          </cell>
        </row>
        <row r="285">
          <cell r="A285" t="str">
            <v>025467</v>
          </cell>
          <cell r="B285" t="str">
            <v>Deason,Stacy A</v>
          </cell>
          <cell r="C285" t="str">
            <v>032603</v>
          </cell>
          <cell r="D285" t="str">
            <v>Day,Enoch William</v>
          </cell>
        </row>
        <row r="286">
          <cell r="A286" t="str">
            <v>030673</v>
          </cell>
          <cell r="B286" t="str">
            <v>Deckard,Eli Marshall</v>
          </cell>
          <cell r="C286" t="str">
            <v>032298</v>
          </cell>
          <cell r="D286" t="str">
            <v>Day,Nancy</v>
          </cell>
        </row>
        <row r="287">
          <cell r="A287" t="str">
            <v>014691</v>
          </cell>
          <cell r="B287" t="str">
            <v>Delaunois,Douglas Lee</v>
          </cell>
          <cell r="C287" t="str">
            <v>025467</v>
          </cell>
          <cell r="D287" t="str">
            <v>Deason,Stacy A</v>
          </cell>
        </row>
        <row r="288">
          <cell r="A288" t="str">
            <v>024953</v>
          </cell>
          <cell r="B288" t="str">
            <v>DeLisle,Aaron</v>
          </cell>
          <cell r="C288" t="str">
            <v>030673</v>
          </cell>
          <cell r="D288" t="str">
            <v>Deckard,Eli Marshall</v>
          </cell>
        </row>
        <row r="289">
          <cell r="A289" t="str">
            <v>019927</v>
          </cell>
          <cell r="B289" t="str">
            <v>Dellicarpini,Domenic A</v>
          </cell>
          <cell r="C289" t="str">
            <v>014691</v>
          </cell>
          <cell r="D289" t="str">
            <v>Delaunois,Douglas Lee</v>
          </cell>
        </row>
        <row r="290">
          <cell r="A290" t="str">
            <v>095819</v>
          </cell>
          <cell r="B290" t="str">
            <v>Delph,Tim</v>
          </cell>
          <cell r="C290" t="str">
            <v>024953</v>
          </cell>
          <cell r="D290" t="str">
            <v>DeLisle,Aaron</v>
          </cell>
        </row>
        <row r="291">
          <cell r="A291" t="str">
            <v>033515</v>
          </cell>
          <cell r="B291" t="str">
            <v>Delphia,Ryan Andrew</v>
          </cell>
          <cell r="C291" t="str">
            <v>019927</v>
          </cell>
          <cell r="D291" t="str">
            <v>Dellicarpini,Domenic A</v>
          </cell>
        </row>
        <row r="292">
          <cell r="A292" t="str">
            <v>015045</v>
          </cell>
          <cell r="B292" t="str">
            <v>Dennis,Kevin L</v>
          </cell>
          <cell r="C292" t="str">
            <v>095819</v>
          </cell>
          <cell r="D292" t="str">
            <v>Delph,Tim</v>
          </cell>
        </row>
        <row r="293">
          <cell r="A293" t="str">
            <v>097054</v>
          </cell>
          <cell r="B293" t="str">
            <v>Dennis,Paul E</v>
          </cell>
          <cell r="C293" t="str">
            <v>033515</v>
          </cell>
          <cell r="D293" t="str">
            <v>Delphia,Ryan Andrew</v>
          </cell>
        </row>
        <row r="294">
          <cell r="A294" t="str">
            <v>019565</v>
          </cell>
          <cell r="B294" t="str">
            <v>Denson,Jim</v>
          </cell>
          <cell r="C294" t="str">
            <v>015045</v>
          </cell>
          <cell r="D294" t="str">
            <v>Dennis,Kevin L</v>
          </cell>
        </row>
        <row r="295">
          <cell r="A295" t="str">
            <v>011106</v>
          </cell>
          <cell r="B295" t="str">
            <v>Denson,Richard Douglas</v>
          </cell>
          <cell r="C295" t="str">
            <v>097054</v>
          </cell>
          <cell r="D295" t="str">
            <v>Dennis,Paul E</v>
          </cell>
        </row>
        <row r="296">
          <cell r="A296" t="str">
            <v>096956</v>
          </cell>
          <cell r="B296" t="str">
            <v>Denton,Jason T</v>
          </cell>
          <cell r="C296" t="str">
            <v>019565</v>
          </cell>
          <cell r="D296" t="str">
            <v>Denson,Jim</v>
          </cell>
        </row>
        <row r="297">
          <cell r="A297" t="str">
            <v>027121</v>
          </cell>
          <cell r="B297" t="str">
            <v>Denton,Rick</v>
          </cell>
          <cell r="C297" t="str">
            <v>011106</v>
          </cell>
          <cell r="D297" t="str">
            <v>Denson,Richard Douglas</v>
          </cell>
        </row>
        <row r="298">
          <cell r="A298" t="str">
            <v>015151</v>
          </cell>
          <cell r="B298" t="str">
            <v>Devine,Michele Lee</v>
          </cell>
          <cell r="C298" t="str">
            <v>096956</v>
          </cell>
          <cell r="D298" t="str">
            <v>Denton,Jason T</v>
          </cell>
        </row>
        <row r="299">
          <cell r="A299" t="str">
            <v>362728</v>
          </cell>
          <cell r="B299" t="str">
            <v>Dicks,Greg</v>
          </cell>
          <cell r="C299" t="str">
            <v>027121</v>
          </cell>
          <cell r="D299" t="str">
            <v>Denton,Rick</v>
          </cell>
        </row>
        <row r="300">
          <cell r="A300" t="str">
            <v>278495</v>
          </cell>
          <cell r="B300" t="str">
            <v>Digges,Christopher J.</v>
          </cell>
          <cell r="C300" t="str">
            <v>015151</v>
          </cell>
          <cell r="D300" t="str">
            <v>Devine,Michele Lee</v>
          </cell>
        </row>
        <row r="301">
          <cell r="A301" t="str">
            <v>010093</v>
          </cell>
          <cell r="B301" t="str">
            <v>Dilley,Douglas Edward</v>
          </cell>
          <cell r="C301" t="str">
            <v>362728</v>
          </cell>
          <cell r="D301" t="str">
            <v>Dicks,Greg</v>
          </cell>
        </row>
        <row r="302">
          <cell r="A302" t="str">
            <v>027122</v>
          </cell>
          <cell r="B302" t="str">
            <v>Dillon,Dallas A</v>
          </cell>
          <cell r="C302" t="str">
            <v>278495</v>
          </cell>
          <cell r="D302" t="str">
            <v>Digges,Christopher J.</v>
          </cell>
        </row>
        <row r="303">
          <cell r="A303" t="str">
            <v>020045</v>
          </cell>
          <cell r="B303" t="str">
            <v>Dittmer,Troy</v>
          </cell>
          <cell r="C303" t="str">
            <v>010093</v>
          </cell>
          <cell r="D303" t="str">
            <v>Dilley,Douglas Edward</v>
          </cell>
        </row>
        <row r="304">
          <cell r="A304" t="str">
            <v>010068</v>
          </cell>
          <cell r="B304" t="str">
            <v>Dodson,Mariea Carolyn</v>
          </cell>
          <cell r="C304" t="str">
            <v>027122</v>
          </cell>
          <cell r="D304" t="str">
            <v>Dillon,Dallas A</v>
          </cell>
        </row>
        <row r="305">
          <cell r="A305" t="str">
            <v>015794</v>
          </cell>
          <cell r="B305" t="str">
            <v>Doell,Jim</v>
          </cell>
          <cell r="C305" t="str">
            <v>020045</v>
          </cell>
          <cell r="D305" t="str">
            <v>Dittmer,Troy</v>
          </cell>
        </row>
        <row r="306">
          <cell r="A306" t="str">
            <v>020480</v>
          </cell>
          <cell r="B306" t="str">
            <v>Donnermeyer,Lynn</v>
          </cell>
          <cell r="C306" t="str">
            <v>010068</v>
          </cell>
          <cell r="D306" t="str">
            <v>Dodson,Mariea Carolyn</v>
          </cell>
        </row>
        <row r="307">
          <cell r="A307" t="str">
            <v>095136</v>
          </cell>
          <cell r="B307" t="str">
            <v>Donovan,Shane C</v>
          </cell>
          <cell r="C307" t="str">
            <v>015794</v>
          </cell>
          <cell r="D307" t="str">
            <v>Doell,Jim</v>
          </cell>
        </row>
        <row r="308">
          <cell r="A308" t="str">
            <v>272120</v>
          </cell>
          <cell r="B308" t="str">
            <v>Dotson,Craig</v>
          </cell>
          <cell r="C308" t="str">
            <v>020480</v>
          </cell>
          <cell r="D308" t="str">
            <v>Donnermeyer,Lynn</v>
          </cell>
        </row>
        <row r="309">
          <cell r="A309" t="str">
            <v>012497</v>
          </cell>
          <cell r="B309" t="str">
            <v>Downing,Mark Alan</v>
          </cell>
          <cell r="C309" t="str">
            <v>095136</v>
          </cell>
          <cell r="D309" t="str">
            <v>Donovan,Shane C</v>
          </cell>
        </row>
        <row r="310">
          <cell r="A310" t="str">
            <v>097957</v>
          </cell>
          <cell r="B310" t="str">
            <v>Doyle,Patrick J</v>
          </cell>
          <cell r="C310" t="str">
            <v>272120</v>
          </cell>
          <cell r="D310" t="str">
            <v>Dotson,Craig</v>
          </cell>
        </row>
        <row r="311">
          <cell r="A311" t="str">
            <v>020994</v>
          </cell>
          <cell r="B311" t="str">
            <v>Draud,Dana L</v>
          </cell>
          <cell r="C311" t="str">
            <v>012497</v>
          </cell>
          <cell r="D311" t="str">
            <v>Downing,Mark Alan</v>
          </cell>
        </row>
        <row r="312">
          <cell r="A312" t="str">
            <v>021106</v>
          </cell>
          <cell r="B312" t="str">
            <v>Dryer,Clinton W</v>
          </cell>
          <cell r="C312" t="str">
            <v>097957</v>
          </cell>
          <cell r="D312" t="str">
            <v>Doyle,Patrick J</v>
          </cell>
        </row>
        <row r="313">
          <cell r="A313" t="str">
            <v>286660</v>
          </cell>
          <cell r="B313" t="str">
            <v>Dube,Kirk</v>
          </cell>
          <cell r="C313" t="str">
            <v>020994</v>
          </cell>
          <cell r="D313" t="str">
            <v>Draud,Dana L</v>
          </cell>
        </row>
        <row r="314">
          <cell r="A314" t="str">
            <v>009296</v>
          </cell>
          <cell r="B314" t="str">
            <v>Ducker,Kerry Brian</v>
          </cell>
          <cell r="C314" t="str">
            <v>021106</v>
          </cell>
          <cell r="D314" t="str">
            <v>Dryer,Clinton W</v>
          </cell>
        </row>
        <row r="315">
          <cell r="A315" t="str">
            <v>021210</v>
          </cell>
          <cell r="B315" t="str">
            <v>Ducker,Steve</v>
          </cell>
          <cell r="C315" t="str">
            <v>286660</v>
          </cell>
          <cell r="D315" t="str">
            <v>Dube,Kirk</v>
          </cell>
        </row>
        <row r="316">
          <cell r="A316" t="str">
            <v>275080</v>
          </cell>
          <cell r="B316" t="str">
            <v>Dudley Jr,Lawrence K</v>
          </cell>
          <cell r="C316" t="str">
            <v>009296</v>
          </cell>
          <cell r="D316" t="str">
            <v>Ducker,Kerry Brian</v>
          </cell>
        </row>
        <row r="317">
          <cell r="A317" t="str">
            <v>283431</v>
          </cell>
          <cell r="B317" t="str">
            <v>Dudley,Tim</v>
          </cell>
          <cell r="C317" t="str">
            <v>021210</v>
          </cell>
          <cell r="D317" t="str">
            <v>Ducker,Steve</v>
          </cell>
        </row>
        <row r="318">
          <cell r="A318" t="str">
            <v>021304</v>
          </cell>
          <cell r="B318" t="str">
            <v>Duffy,W.</v>
          </cell>
          <cell r="C318" t="str">
            <v>275080</v>
          </cell>
          <cell r="D318" t="str">
            <v>Dudley Jr,Lawrence K</v>
          </cell>
        </row>
        <row r="319">
          <cell r="A319" t="str">
            <v>027163</v>
          </cell>
          <cell r="B319" t="str">
            <v>Dugan,Matthew P.</v>
          </cell>
          <cell r="C319" t="str">
            <v>283431</v>
          </cell>
          <cell r="D319" t="str">
            <v>Dudley,Tim</v>
          </cell>
        </row>
        <row r="320">
          <cell r="A320" t="str">
            <v>015942</v>
          </cell>
          <cell r="B320" t="str">
            <v>Dungan,Richard Lee</v>
          </cell>
          <cell r="C320" t="str">
            <v>021304</v>
          </cell>
          <cell r="D320" t="str">
            <v>Duffy,W.</v>
          </cell>
        </row>
        <row r="321">
          <cell r="A321" t="str">
            <v>024950</v>
          </cell>
          <cell r="B321" t="str">
            <v>Dunnom,Larry</v>
          </cell>
          <cell r="C321" t="str">
            <v>027163</v>
          </cell>
          <cell r="D321" t="str">
            <v>Dugan,Matthew P.</v>
          </cell>
        </row>
        <row r="322">
          <cell r="A322" t="str">
            <v>021750</v>
          </cell>
          <cell r="B322" t="str">
            <v>Duryea,Douglas</v>
          </cell>
          <cell r="C322" t="str">
            <v>015942</v>
          </cell>
          <cell r="D322" t="str">
            <v>Dungan,Richard Lee</v>
          </cell>
        </row>
        <row r="323">
          <cell r="A323" t="str">
            <v>096435</v>
          </cell>
          <cell r="B323" t="str">
            <v>Eads,Phil</v>
          </cell>
          <cell r="C323" t="str">
            <v>024950</v>
          </cell>
          <cell r="D323" t="str">
            <v>Dunnom,Larry</v>
          </cell>
        </row>
        <row r="324">
          <cell r="A324" t="str">
            <v>278494</v>
          </cell>
          <cell r="B324" t="str">
            <v>Early,Ryann S</v>
          </cell>
          <cell r="C324" t="str">
            <v>021750</v>
          </cell>
          <cell r="D324" t="str">
            <v>Duryea,Douglas</v>
          </cell>
        </row>
        <row r="325">
          <cell r="A325" t="str">
            <v>283090</v>
          </cell>
          <cell r="B325" t="str">
            <v>Easton,Angela S.</v>
          </cell>
          <cell r="C325" t="str">
            <v>096435</v>
          </cell>
          <cell r="D325" t="str">
            <v>Eads,Phil</v>
          </cell>
        </row>
        <row r="326">
          <cell r="A326" t="str">
            <v>278484</v>
          </cell>
          <cell r="B326" t="str">
            <v>Eaton,Taylor M</v>
          </cell>
          <cell r="C326" t="str">
            <v>278494</v>
          </cell>
          <cell r="D326" t="str">
            <v>Early,Ryann S</v>
          </cell>
        </row>
        <row r="327">
          <cell r="A327" t="str">
            <v>291567</v>
          </cell>
          <cell r="B327" t="str">
            <v>Eberenz,Mitch</v>
          </cell>
          <cell r="C327" t="str">
            <v>283090</v>
          </cell>
          <cell r="D327" t="str">
            <v>Easton,Angela S.</v>
          </cell>
        </row>
        <row r="328">
          <cell r="A328" t="str">
            <v>011595</v>
          </cell>
          <cell r="B328" t="str">
            <v>Ebling,Michael Kent</v>
          </cell>
          <cell r="C328" t="str">
            <v>278484</v>
          </cell>
          <cell r="D328" t="str">
            <v>Eaton,Taylor M</v>
          </cell>
        </row>
        <row r="329">
          <cell r="A329" t="str">
            <v>361749</v>
          </cell>
          <cell r="B329" t="str">
            <v>Eckert,Evan W</v>
          </cell>
          <cell r="C329" t="str">
            <v>291567</v>
          </cell>
          <cell r="D329" t="str">
            <v>Eberenz,Mitch</v>
          </cell>
        </row>
        <row r="330">
          <cell r="A330" t="str">
            <v>021969</v>
          </cell>
          <cell r="B330" t="str">
            <v>Eckstein,Don</v>
          </cell>
          <cell r="C330" t="str">
            <v>011595</v>
          </cell>
          <cell r="D330" t="str">
            <v>Ebling,Michael Kent</v>
          </cell>
        </row>
        <row r="331">
          <cell r="A331" t="str">
            <v>021987</v>
          </cell>
          <cell r="B331" t="str">
            <v>Eddins,Rick</v>
          </cell>
          <cell r="C331" t="str">
            <v>361749</v>
          </cell>
          <cell r="D331" t="str">
            <v>Eckert,Evan W</v>
          </cell>
        </row>
        <row r="332">
          <cell r="A332" t="str">
            <v>011680</v>
          </cell>
          <cell r="B332" t="str">
            <v>Eddy,Dwight Robert</v>
          </cell>
          <cell r="C332" t="str">
            <v>021969</v>
          </cell>
          <cell r="D332" t="str">
            <v>Eckstein,Don</v>
          </cell>
        </row>
        <row r="333">
          <cell r="A333" t="str">
            <v>096457</v>
          </cell>
          <cell r="B333" t="str">
            <v>Edmonds,Shawn L</v>
          </cell>
          <cell r="C333" t="str">
            <v>021987</v>
          </cell>
          <cell r="D333" t="str">
            <v>Eddins,Rick</v>
          </cell>
        </row>
        <row r="334">
          <cell r="A334" t="str">
            <v>097354</v>
          </cell>
          <cell r="B334" t="str">
            <v>Edwards,April N</v>
          </cell>
          <cell r="C334" t="str">
            <v>011680</v>
          </cell>
          <cell r="D334" t="str">
            <v>Eddy,Dwight Robert</v>
          </cell>
        </row>
        <row r="335">
          <cell r="A335" t="str">
            <v>014178</v>
          </cell>
          <cell r="B335" t="str">
            <v>Edwards,Kim</v>
          </cell>
          <cell r="C335" t="str">
            <v>096457</v>
          </cell>
          <cell r="D335" t="str">
            <v>Edmonds,Shawn L</v>
          </cell>
        </row>
        <row r="336">
          <cell r="A336" t="str">
            <v>022119</v>
          </cell>
          <cell r="B336" t="str">
            <v>Edwards,Michael</v>
          </cell>
          <cell r="C336" t="str">
            <v>097354</v>
          </cell>
          <cell r="D336" t="str">
            <v>Edwards,April N</v>
          </cell>
        </row>
        <row r="337">
          <cell r="A337" t="str">
            <v>009245</v>
          </cell>
          <cell r="B337" t="str">
            <v>Edwards,Michael James</v>
          </cell>
          <cell r="C337" t="str">
            <v>014178</v>
          </cell>
          <cell r="D337" t="str">
            <v>Edwards,Kim</v>
          </cell>
        </row>
        <row r="338">
          <cell r="A338" t="str">
            <v>022166</v>
          </cell>
          <cell r="B338" t="str">
            <v>Edwards,Ray L</v>
          </cell>
          <cell r="C338" t="str">
            <v>022119</v>
          </cell>
          <cell r="D338" t="str">
            <v>Edwards,Michael</v>
          </cell>
        </row>
        <row r="339">
          <cell r="A339" t="str">
            <v>019850</v>
          </cell>
          <cell r="B339" t="str">
            <v>Edwards,Tj</v>
          </cell>
          <cell r="C339" t="str">
            <v>009245</v>
          </cell>
          <cell r="D339" t="str">
            <v>Edwards,Michael James</v>
          </cell>
        </row>
        <row r="340">
          <cell r="A340" t="str">
            <v>022215</v>
          </cell>
          <cell r="B340" t="str">
            <v>Edwards,Willie H</v>
          </cell>
          <cell r="C340" t="str">
            <v>022166</v>
          </cell>
          <cell r="D340" t="str">
            <v>Edwards,Ray L</v>
          </cell>
        </row>
        <row r="341">
          <cell r="A341" t="str">
            <v>022400</v>
          </cell>
          <cell r="B341" t="str">
            <v>Eisenman,Greg</v>
          </cell>
          <cell r="C341" t="str">
            <v>019850</v>
          </cell>
          <cell r="D341" t="str">
            <v>Edwards,Tj</v>
          </cell>
        </row>
        <row r="342">
          <cell r="A342" t="str">
            <v>326136</v>
          </cell>
          <cell r="B342" t="str">
            <v>Elder,Tony</v>
          </cell>
          <cell r="C342" t="str">
            <v>022215</v>
          </cell>
          <cell r="D342" t="str">
            <v>Edwards,Willie H</v>
          </cell>
        </row>
        <row r="343">
          <cell r="A343" t="str">
            <v>097340</v>
          </cell>
          <cell r="B343" t="str">
            <v>Elkins,Kevin L</v>
          </cell>
          <cell r="C343" t="str">
            <v>022400</v>
          </cell>
          <cell r="D343" t="str">
            <v>Eisenman,Greg</v>
          </cell>
        </row>
        <row r="344">
          <cell r="A344" t="str">
            <v>022522</v>
          </cell>
          <cell r="B344" t="str">
            <v>Elliott,Marie Florence</v>
          </cell>
          <cell r="C344" t="str">
            <v>326136</v>
          </cell>
          <cell r="D344" t="str">
            <v>Elder,Tony</v>
          </cell>
        </row>
        <row r="345">
          <cell r="A345" t="str">
            <v>291203</v>
          </cell>
          <cell r="B345" t="str">
            <v>Elliott,Zane McHugh</v>
          </cell>
          <cell r="C345" t="str">
            <v>097340</v>
          </cell>
          <cell r="D345" t="str">
            <v>Elkins,Kevin L</v>
          </cell>
        </row>
        <row r="346">
          <cell r="A346" t="str">
            <v>022945</v>
          </cell>
          <cell r="B346" t="str">
            <v>Ellis,Michael R</v>
          </cell>
          <cell r="C346" t="str">
            <v>022522</v>
          </cell>
          <cell r="D346" t="str">
            <v>Elliott,Marie Florence</v>
          </cell>
        </row>
        <row r="347">
          <cell r="A347" t="str">
            <v>022595</v>
          </cell>
          <cell r="B347" t="str">
            <v>Elsbernd,Daniel G</v>
          </cell>
          <cell r="C347" t="str">
            <v>291203</v>
          </cell>
          <cell r="D347" t="str">
            <v>Elliott,Zane McHugh</v>
          </cell>
        </row>
        <row r="348">
          <cell r="A348" t="str">
            <v>030772</v>
          </cell>
          <cell r="B348" t="str">
            <v>Emmel,Timothy D.</v>
          </cell>
          <cell r="C348" t="str">
            <v>022945</v>
          </cell>
          <cell r="D348" t="str">
            <v>Ellis,Michael R</v>
          </cell>
        </row>
        <row r="349">
          <cell r="A349" t="str">
            <v>288348</v>
          </cell>
          <cell r="B349" t="str">
            <v>Emory,Hassan L</v>
          </cell>
          <cell r="C349" t="str">
            <v>022595</v>
          </cell>
          <cell r="D349" t="str">
            <v>Elsbernd,Daniel G</v>
          </cell>
        </row>
        <row r="350">
          <cell r="A350" t="str">
            <v>027354</v>
          </cell>
          <cell r="B350" t="str">
            <v>Emry,Josh</v>
          </cell>
          <cell r="C350" t="str">
            <v>030772</v>
          </cell>
          <cell r="D350" t="str">
            <v>Emmel,Timothy D.</v>
          </cell>
        </row>
        <row r="351">
          <cell r="A351" t="str">
            <v>011171</v>
          </cell>
          <cell r="B351" t="str">
            <v>Emry,Kevin Lee</v>
          </cell>
          <cell r="C351" t="str">
            <v>288348</v>
          </cell>
          <cell r="D351" t="str">
            <v>Emory,Hassan L</v>
          </cell>
        </row>
        <row r="352">
          <cell r="A352" t="str">
            <v>022745</v>
          </cell>
          <cell r="B352" t="str">
            <v>Engel,Michael P</v>
          </cell>
          <cell r="C352" t="str">
            <v>027354</v>
          </cell>
          <cell r="D352" t="str">
            <v>Emry,Josh</v>
          </cell>
        </row>
        <row r="353">
          <cell r="A353" t="str">
            <v>015955</v>
          </cell>
          <cell r="B353" t="str">
            <v>Enochs,Vicki Ann</v>
          </cell>
          <cell r="C353" t="str">
            <v>011171</v>
          </cell>
          <cell r="D353" t="str">
            <v>Emry,Kevin Lee</v>
          </cell>
        </row>
        <row r="354">
          <cell r="A354" t="str">
            <v>023030</v>
          </cell>
          <cell r="B354" t="str">
            <v>Espelage,Peggy</v>
          </cell>
          <cell r="C354" t="str">
            <v>022745</v>
          </cell>
          <cell r="D354" t="str">
            <v>Engel,Michael P</v>
          </cell>
        </row>
        <row r="355">
          <cell r="A355" t="str">
            <v>026139</v>
          </cell>
          <cell r="B355" t="str">
            <v>Estell,Eric Christian</v>
          </cell>
          <cell r="C355" t="str">
            <v>015955</v>
          </cell>
          <cell r="D355" t="str">
            <v>Enochs,Vicki Ann</v>
          </cell>
        </row>
        <row r="356">
          <cell r="A356" t="str">
            <v>023004</v>
          </cell>
          <cell r="B356" t="str">
            <v>Evans,Carla J</v>
          </cell>
          <cell r="C356" t="str">
            <v>023030</v>
          </cell>
          <cell r="D356" t="str">
            <v>Espelage,Peggy</v>
          </cell>
        </row>
        <row r="357">
          <cell r="A357" t="str">
            <v>032349</v>
          </cell>
          <cell r="B357" t="str">
            <v>Evans,Connie A</v>
          </cell>
          <cell r="C357" t="str">
            <v>026139</v>
          </cell>
          <cell r="D357" t="str">
            <v>Estell,Eric Christian</v>
          </cell>
        </row>
        <row r="358">
          <cell r="A358" t="str">
            <v>023179</v>
          </cell>
          <cell r="B358" t="str">
            <v>Evans,James Edwin</v>
          </cell>
          <cell r="C358" t="str">
            <v>023004</v>
          </cell>
          <cell r="D358" t="str">
            <v>Evans,Carla J</v>
          </cell>
        </row>
        <row r="359">
          <cell r="A359" t="str">
            <v>026593</v>
          </cell>
          <cell r="B359" t="str">
            <v>Evans,Joe</v>
          </cell>
          <cell r="C359" t="str">
            <v>032349</v>
          </cell>
          <cell r="D359" t="str">
            <v>Evans,Connie A</v>
          </cell>
        </row>
        <row r="360">
          <cell r="A360" t="str">
            <v>015365</v>
          </cell>
          <cell r="B360" t="str">
            <v>Evans,Susan Lynn</v>
          </cell>
          <cell r="C360" t="str">
            <v>023179</v>
          </cell>
          <cell r="D360" t="str">
            <v>Evans,James Edwin</v>
          </cell>
        </row>
        <row r="361">
          <cell r="A361" t="str">
            <v>367874</v>
          </cell>
          <cell r="B361" t="str">
            <v>Eveland,Cole</v>
          </cell>
          <cell r="C361" t="str">
            <v>026593</v>
          </cell>
          <cell r="D361" t="str">
            <v>Evans,Joe</v>
          </cell>
        </row>
        <row r="362">
          <cell r="A362" t="str">
            <v>274773</v>
          </cell>
          <cell r="B362" t="str">
            <v>Face,Nathan K.</v>
          </cell>
          <cell r="C362" t="str">
            <v>015365</v>
          </cell>
          <cell r="D362" t="str">
            <v>Evans,Susan Lynn</v>
          </cell>
        </row>
        <row r="363">
          <cell r="A363" t="str">
            <v>029087</v>
          </cell>
          <cell r="B363" t="str">
            <v>Fackler,Justin Thomas</v>
          </cell>
          <cell r="C363" t="str">
            <v>367874</v>
          </cell>
          <cell r="D363" t="str">
            <v>Eveland,Cole</v>
          </cell>
        </row>
        <row r="364">
          <cell r="A364" t="str">
            <v>017253</v>
          </cell>
          <cell r="B364" t="str">
            <v>Faris,William S</v>
          </cell>
          <cell r="C364" t="str">
            <v>274773</v>
          </cell>
          <cell r="D364" t="str">
            <v>Face,Nathan K.</v>
          </cell>
        </row>
        <row r="365">
          <cell r="A365" t="str">
            <v>272353</v>
          </cell>
          <cell r="B365" t="str">
            <v>Fasbender,Michael A</v>
          </cell>
          <cell r="C365" t="str">
            <v>029087</v>
          </cell>
          <cell r="D365" t="str">
            <v>Fackler,Justin Thomas</v>
          </cell>
        </row>
        <row r="366">
          <cell r="A366" t="str">
            <v>030528</v>
          </cell>
          <cell r="B366" t="str">
            <v>Fecke,Nate</v>
          </cell>
          <cell r="C366" t="str">
            <v>017253</v>
          </cell>
          <cell r="D366" t="str">
            <v>Faris,William S</v>
          </cell>
        </row>
        <row r="367">
          <cell r="A367" t="str">
            <v>326134</v>
          </cell>
          <cell r="B367" t="str">
            <v>Feiler,Lenny</v>
          </cell>
          <cell r="C367" t="str">
            <v>272353</v>
          </cell>
          <cell r="D367" t="str">
            <v>Fasbender,Michael A</v>
          </cell>
        </row>
        <row r="368">
          <cell r="A368" t="str">
            <v>279924</v>
          </cell>
          <cell r="B368" t="str">
            <v>Feltner,Brett H</v>
          </cell>
          <cell r="C368" t="str">
            <v>030528</v>
          </cell>
          <cell r="D368" t="str">
            <v>Fecke,Nate</v>
          </cell>
        </row>
        <row r="369">
          <cell r="A369" t="str">
            <v>272034</v>
          </cell>
          <cell r="B369" t="str">
            <v>Felton,Kyle R</v>
          </cell>
          <cell r="C369" t="str">
            <v>326134</v>
          </cell>
          <cell r="D369" t="str">
            <v>Feiler,Lenny</v>
          </cell>
        </row>
        <row r="370">
          <cell r="A370" t="str">
            <v>024175</v>
          </cell>
          <cell r="B370" t="str">
            <v>Ferrara,Paul A</v>
          </cell>
          <cell r="C370" t="str">
            <v>279924</v>
          </cell>
          <cell r="D370" t="str">
            <v>Feltner,Brett H</v>
          </cell>
        </row>
        <row r="371">
          <cell r="A371" t="str">
            <v>015382</v>
          </cell>
          <cell r="B371" t="str">
            <v>Ferree,Beth Ann</v>
          </cell>
          <cell r="C371" t="str">
            <v>272034</v>
          </cell>
          <cell r="D371" t="str">
            <v>Felton,Kyle R</v>
          </cell>
        </row>
        <row r="372">
          <cell r="A372" t="str">
            <v>015378</v>
          </cell>
          <cell r="B372" t="str">
            <v>Fertig,Scott</v>
          </cell>
          <cell r="C372" t="str">
            <v>024175</v>
          </cell>
          <cell r="D372" t="str">
            <v>Ferrara,Paul A</v>
          </cell>
        </row>
        <row r="373">
          <cell r="A373" t="str">
            <v>289919</v>
          </cell>
          <cell r="B373" t="str">
            <v>Fillmore,John L</v>
          </cell>
          <cell r="C373" t="str">
            <v>015382</v>
          </cell>
          <cell r="D373" t="str">
            <v>Ferree,Beth Ann</v>
          </cell>
        </row>
        <row r="374">
          <cell r="A374" t="str">
            <v>024600</v>
          </cell>
          <cell r="B374" t="str">
            <v>Finley,Gregory Andrew</v>
          </cell>
          <cell r="C374" t="str">
            <v>015378</v>
          </cell>
          <cell r="D374" t="str">
            <v>Fertig,Scott</v>
          </cell>
        </row>
        <row r="375">
          <cell r="A375" t="str">
            <v>024749</v>
          </cell>
          <cell r="B375" t="str">
            <v>Fischer,Steve R</v>
          </cell>
          <cell r="C375" t="str">
            <v>289919</v>
          </cell>
          <cell r="D375" t="str">
            <v>Fillmore,John L</v>
          </cell>
        </row>
        <row r="376">
          <cell r="A376" t="str">
            <v>030595</v>
          </cell>
          <cell r="B376" t="str">
            <v>Fisk,Joseph David</v>
          </cell>
          <cell r="C376" t="str">
            <v>024600</v>
          </cell>
          <cell r="D376" t="str">
            <v>Finley,Gregory Andrew</v>
          </cell>
        </row>
        <row r="377">
          <cell r="A377" t="str">
            <v>017162</v>
          </cell>
          <cell r="B377" t="str">
            <v>Fite,Chris</v>
          </cell>
          <cell r="C377" t="str">
            <v>024749</v>
          </cell>
          <cell r="D377" t="str">
            <v>Fischer,Steve R</v>
          </cell>
        </row>
        <row r="378">
          <cell r="A378" t="str">
            <v>015400</v>
          </cell>
          <cell r="B378" t="str">
            <v>Fitz,Terry Tim</v>
          </cell>
          <cell r="C378" t="str">
            <v>030595</v>
          </cell>
          <cell r="D378" t="str">
            <v>Fisk,Joseph David</v>
          </cell>
        </row>
        <row r="379">
          <cell r="A379" t="str">
            <v>009551</v>
          </cell>
          <cell r="B379" t="str">
            <v>Fitzgerald,James Bryan</v>
          </cell>
          <cell r="C379" t="str">
            <v>017162</v>
          </cell>
          <cell r="D379" t="str">
            <v>Fite,Chris</v>
          </cell>
        </row>
        <row r="380">
          <cell r="A380" t="str">
            <v>025080</v>
          </cell>
          <cell r="B380" t="str">
            <v>Flege,Alan S</v>
          </cell>
          <cell r="C380" t="str">
            <v>015400</v>
          </cell>
          <cell r="D380" t="str">
            <v>Fitz,Terry Tim</v>
          </cell>
        </row>
        <row r="381">
          <cell r="A381" t="str">
            <v>095851</v>
          </cell>
          <cell r="B381" t="str">
            <v>Flesher,Aaron R</v>
          </cell>
          <cell r="C381" t="str">
            <v>009551</v>
          </cell>
          <cell r="D381" t="str">
            <v>Fitzgerald,James Bryan</v>
          </cell>
        </row>
        <row r="382">
          <cell r="A382" t="str">
            <v>011079</v>
          </cell>
          <cell r="B382" t="str">
            <v>Fletcher,Curtis Eugene</v>
          </cell>
          <cell r="C382" t="str">
            <v>025080</v>
          </cell>
          <cell r="D382" t="str">
            <v>Flege,Alan S</v>
          </cell>
        </row>
        <row r="383">
          <cell r="A383" t="str">
            <v>025170</v>
          </cell>
          <cell r="B383" t="str">
            <v>Flores,Luis F</v>
          </cell>
          <cell r="C383" t="str">
            <v>095851</v>
          </cell>
          <cell r="D383" t="str">
            <v>Flesher,Aaron R</v>
          </cell>
        </row>
        <row r="384">
          <cell r="A384" t="str">
            <v>024409</v>
          </cell>
          <cell r="B384" t="str">
            <v>Floyd,John R</v>
          </cell>
          <cell r="C384" t="str">
            <v>011079</v>
          </cell>
          <cell r="D384" t="str">
            <v>Fletcher,Curtis Eugene</v>
          </cell>
        </row>
        <row r="385">
          <cell r="A385" t="str">
            <v>025240</v>
          </cell>
          <cell r="B385" t="str">
            <v>Fohl,Daniel L</v>
          </cell>
          <cell r="C385" t="str">
            <v>025170</v>
          </cell>
          <cell r="D385" t="str">
            <v>Flores,Luis F</v>
          </cell>
        </row>
        <row r="386">
          <cell r="A386" t="str">
            <v>025340</v>
          </cell>
          <cell r="B386" t="str">
            <v>Forest,Dave</v>
          </cell>
          <cell r="C386" t="str">
            <v>024409</v>
          </cell>
          <cell r="D386" t="str">
            <v>Floyd,John R</v>
          </cell>
        </row>
        <row r="387">
          <cell r="A387" t="str">
            <v>027162</v>
          </cell>
          <cell r="B387" t="str">
            <v>Foster,Eric T</v>
          </cell>
          <cell r="C387" t="str">
            <v>025240</v>
          </cell>
          <cell r="D387" t="str">
            <v>Fohl,Daniel L</v>
          </cell>
        </row>
        <row r="388">
          <cell r="A388" t="str">
            <v>024041</v>
          </cell>
          <cell r="B388" t="str">
            <v>Foster,Kalen R</v>
          </cell>
          <cell r="C388" t="str">
            <v>025340</v>
          </cell>
          <cell r="D388" t="str">
            <v>Forest,Dave</v>
          </cell>
        </row>
        <row r="389">
          <cell r="A389" t="str">
            <v>095529</v>
          </cell>
          <cell r="B389" t="str">
            <v>Fox,Douglas G</v>
          </cell>
          <cell r="C389" t="str">
            <v>027162</v>
          </cell>
          <cell r="D389" t="str">
            <v>Foster,Eric T</v>
          </cell>
        </row>
        <row r="390">
          <cell r="A390" t="str">
            <v>009385</v>
          </cell>
          <cell r="B390" t="str">
            <v>Fox,Jerry Michael</v>
          </cell>
          <cell r="C390" t="str">
            <v>024041</v>
          </cell>
          <cell r="D390" t="str">
            <v>Foster,Kalen R</v>
          </cell>
        </row>
        <row r="391">
          <cell r="A391" t="str">
            <v>025482</v>
          </cell>
          <cell r="B391" t="str">
            <v>Fox,Ron</v>
          </cell>
          <cell r="C391" t="str">
            <v>095529</v>
          </cell>
          <cell r="D391" t="str">
            <v>Fox,Douglas G</v>
          </cell>
        </row>
        <row r="392">
          <cell r="A392" t="str">
            <v>017135</v>
          </cell>
          <cell r="B392" t="str">
            <v>Francis,Brad</v>
          </cell>
          <cell r="C392" t="str">
            <v>009385</v>
          </cell>
          <cell r="D392" t="str">
            <v>Fox,Jerry Michael</v>
          </cell>
        </row>
        <row r="393">
          <cell r="A393" t="str">
            <v>289939</v>
          </cell>
          <cell r="B393" t="str">
            <v>Francis,Coleman Lloyd</v>
          </cell>
          <cell r="C393" t="str">
            <v>025482</v>
          </cell>
          <cell r="D393" t="str">
            <v>Fox,Ron</v>
          </cell>
        </row>
        <row r="394">
          <cell r="A394" t="str">
            <v>025660</v>
          </cell>
          <cell r="B394" t="str">
            <v>Franklin,Gerald W</v>
          </cell>
          <cell r="C394" t="str">
            <v>017135</v>
          </cell>
          <cell r="D394" t="str">
            <v>Francis,Brad</v>
          </cell>
        </row>
        <row r="395">
          <cell r="A395" t="str">
            <v>025680</v>
          </cell>
          <cell r="B395" t="str">
            <v>Franzen,Timothy H</v>
          </cell>
          <cell r="C395" t="str">
            <v>289939</v>
          </cell>
          <cell r="D395" t="str">
            <v>Francis,Coleman Lloyd</v>
          </cell>
        </row>
        <row r="396">
          <cell r="A396" t="str">
            <v>095818</v>
          </cell>
          <cell r="B396" t="str">
            <v>Frazier,Jason E</v>
          </cell>
          <cell r="C396" t="str">
            <v>025660</v>
          </cell>
          <cell r="D396" t="str">
            <v>Franklin,Gerald W</v>
          </cell>
        </row>
        <row r="397">
          <cell r="A397" t="str">
            <v>025871</v>
          </cell>
          <cell r="B397" t="str">
            <v>Fricke,Joe</v>
          </cell>
          <cell r="C397" t="str">
            <v>025680</v>
          </cell>
          <cell r="D397" t="str">
            <v>Franzen,Timothy H</v>
          </cell>
        </row>
        <row r="398">
          <cell r="A398" t="str">
            <v>025611</v>
          </cell>
          <cell r="B398" t="str">
            <v>Frierson,Terry D</v>
          </cell>
          <cell r="C398" t="str">
            <v>095818</v>
          </cell>
          <cell r="D398" t="str">
            <v>Frazier,Jason E</v>
          </cell>
        </row>
        <row r="399">
          <cell r="A399" t="str">
            <v>025937</v>
          </cell>
          <cell r="B399" t="str">
            <v>Fritsch,Gregory Thomas</v>
          </cell>
          <cell r="C399" t="str">
            <v>025871</v>
          </cell>
          <cell r="D399" t="str">
            <v>Fricke,Joe</v>
          </cell>
        </row>
        <row r="400">
          <cell r="A400" t="str">
            <v>025948</v>
          </cell>
          <cell r="B400" t="str">
            <v>Fritsch,Mike</v>
          </cell>
          <cell r="C400" t="str">
            <v>025611</v>
          </cell>
          <cell r="D400" t="str">
            <v>Frierson,Terry D</v>
          </cell>
        </row>
        <row r="401">
          <cell r="A401" t="str">
            <v>026039</v>
          </cell>
          <cell r="B401" t="str">
            <v>Frueauff,David Donald</v>
          </cell>
          <cell r="C401" t="str">
            <v>025937</v>
          </cell>
          <cell r="D401" t="str">
            <v>Fritsch,Gregory Thomas</v>
          </cell>
        </row>
        <row r="402">
          <cell r="A402" t="str">
            <v>361751</v>
          </cell>
          <cell r="B402" t="str">
            <v>Fry,Bryan</v>
          </cell>
          <cell r="C402" t="str">
            <v>025948</v>
          </cell>
          <cell r="D402" t="str">
            <v>Fritsch,Mike</v>
          </cell>
        </row>
        <row r="403">
          <cell r="A403" t="str">
            <v>012678</v>
          </cell>
          <cell r="B403" t="str">
            <v>Fryman,Joyce Arlene</v>
          </cell>
          <cell r="C403" t="str">
            <v>026039</v>
          </cell>
          <cell r="D403" t="str">
            <v>Frueauff,David Donald</v>
          </cell>
        </row>
        <row r="404">
          <cell r="A404" t="str">
            <v>272027</v>
          </cell>
          <cell r="B404" t="str">
            <v>Funk,Brian G</v>
          </cell>
          <cell r="C404" t="str">
            <v>361751</v>
          </cell>
          <cell r="D404" t="str">
            <v>Fry,Bryan</v>
          </cell>
        </row>
        <row r="405">
          <cell r="A405" t="str">
            <v>009801</v>
          </cell>
          <cell r="B405" t="str">
            <v>Funk,Greg</v>
          </cell>
          <cell r="C405" t="str">
            <v>012678</v>
          </cell>
          <cell r="D405" t="str">
            <v>Fryman,Joyce Arlene</v>
          </cell>
        </row>
        <row r="406">
          <cell r="A406" t="str">
            <v>013229</v>
          </cell>
          <cell r="B406" t="str">
            <v>Furnish II,Tom</v>
          </cell>
          <cell r="C406" t="str">
            <v>272027</v>
          </cell>
          <cell r="D406" t="str">
            <v>Funk,Brian G</v>
          </cell>
        </row>
        <row r="407">
          <cell r="A407" t="str">
            <v>008803</v>
          </cell>
          <cell r="B407" t="str">
            <v>Gadberry,Steve</v>
          </cell>
          <cell r="C407" t="str">
            <v>009801</v>
          </cell>
          <cell r="D407" t="str">
            <v>Funk,Greg</v>
          </cell>
        </row>
        <row r="408">
          <cell r="A408" t="str">
            <v>019814</v>
          </cell>
          <cell r="B408" t="str">
            <v>Gador,Rob</v>
          </cell>
          <cell r="C408" t="str">
            <v>013229</v>
          </cell>
          <cell r="D408" t="str">
            <v>Furnish II,Tom</v>
          </cell>
        </row>
        <row r="409">
          <cell r="A409" t="str">
            <v>009396</v>
          </cell>
          <cell r="B409" t="str">
            <v>Gage,Jon David</v>
          </cell>
          <cell r="C409" t="str">
            <v>008803</v>
          </cell>
          <cell r="D409" t="str">
            <v>Gadberry,Steve</v>
          </cell>
        </row>
        <row r="410">
          <cell r="A410" t="str">
            <v>009431</v>
          </cell>
          <cell r="B410" t="str">
            <v>Gaillard,Jimmie Carl</v>
          </cell>
          <cell r="C410" t="str">
            <v>019814</v>
          </cell>
          <cell r="D410" t="str">
            <v>Gador,Rob</v>
          </cell>
        </row>
        <row r="411">
          <cell r="A411" t="str">
            <v>026451</v>
          </cell>
          <cell r="B411" t="str">
            <v>Gaines Jr,Lymon</v>
          </cell>
          <cell r="C411" t="str">
            <v>009396</v>
          </cell>
          <cell r="D411" t="str">
            <v>Gage,Jon David</v>
          </cell>
        </row>
        <row r="412">
          <cell r="A412" t="str">
            <v>284988</v>
          </cell>
          <cell r="B412" t="str">
            <v>Gaines,Mia L</v>
          </cell>
          <cell r="C412" t="str">
            <v>009431</v>
          </cell>
          <cell r="D412" t="str">
            <v>Gaillard,Jimmie Carl</v>
          </cell>
        </row>
        <row r="413">
          <cell r="A413" t="str">
            <v>026475</v>
          </cell>
          <cell r="B413" t="str">
            <v>Galinari,Lynda S</v>
          </cell>
          <cell r="C413" t="str">
            <v>026451</v>
          </cell>
          <cell r="D413" t="str">
            <v>Gaines Jr,Lymon</v>
          </cell>
        </row>
        <row r="414">
          <cell r="A414" t="str">
            <v>097057</v>
          </cell>
          <cell r="B414" t="str">
            <v>Garcia,Joe</v>
          </cell>
          <cell r="C414" t="str">
            <v>284988</v>
          </cell>
          <cell r="D414" t="str">
            <v>Gaines,Mia L</v>
          </cell>
        </row>
        <row r="415">
          <cell r="A415" t="str">
            <v>027746</v>
          </cell>
          <cell r="B415" t="str">
            <v>Gardner,Jack J</v>
          </cell>
          <cell r="C415" t="str">
            <v>026475</v>
          </cell>
          <cell r="D415" t="str">
            <v>Galinari,Lynda S</v>
          </cell>
        </row>
        <row r="416">
          <cell r="A416" t="str">
            <v>014079</v>
          </cell>
          <cell r="B416" t="str">
            <v>Gardner,Shelly</v>
          </cell>
          <cell r="C416" t="str">
            <v>097057</v>
          </cell>
          <cell r="D416" t="str">
            <v>Garcia,Joe</v>
          </cell>
        </row>
        <row r="417">
          <cell r="A417" t="str">
            <v>013110</v>
          </cell>
          <cell r="B417" t="str">
            <v>Gardner,Tammy Sue</v>
          </cell>
          <cell r="C417" t="str">
            <v>027746</v>
          </cell>
          <cell r="D417" t="str">
            <v>Gardner,Jack J</v>
          </cell>
        </row>
        <row r="418">
          <cell r="A418" t="str">
            <v>016535</v>
          </cell>
          <cell r="B418" t="str">
            <v>Garrison,Joseph Floyd</v>
          </cell>
          <cell r="C418" t="str">
            <v>014079</v>
          </cell>
          <cell r="D418" t="str">
            <v>Gardner,Shelly</v>
          </cell>
        </row>
        <row r="419">
          <cell r="A419" t="str">
            <v>023791</v>
          </cell>
          <cell r="B419" t="str">
            <v>Gasper,Taunya</v>
          </cell>
          <cell r="C419" t="str">
            <v>013110</v>
          </cell>
          <cell r="D419" t="str">
            <v>Gardner,Tammy Sue</v>
          </cell>
        </row>
        <row r="420">
          <cell r="A420" t="str">
            <v>026857</v>
          </cell>
          <cell r="B420" t="str">
            <v>Gebhardt,Ronald L</v>
          </cell>
          <cell r="C420" t="str">
            <v>016535</v>
          </cell>
          <cell r="D420" t="str">
            <v>Garrison,Joseph Floyd</v>
          </cell>
        </row>
        <row r="421">
          <cell r="A421" t="str">
            <v>023418</v>
          </cell>
          <cell r="B421" t="str">
            <v>Geiman,Charles J</v>
          </cell>
          <cell r="C421" t="str">
            <v>023791</v>
          </cell>
          <cell r="D421" t="str">
            <v>Gasper,Taunya</v>
          </cell>
        </row>
        <row r="422">
          <cell r="A422" t="str">
            <v>291406</v>
          </cell>
          <cell r="B422" t="str">
            <v>Geiman,Kevin Charles</v>
          </cell>
          <cell r="C422" t="str">
            <v>026857</v>
          </cell>
          <cell r="D422" t="str">
            <v>Gebhardt,Ronald L</v>
          </cell>
        </row>
        <row r="423">
          <cell r="A423" t="str">
            <v>361858</v>
          </cell>
          <cell r="B423" t="str">
            <v>Geiman,Tom</v>
          </cell>
          <cell r="C423" t="str">
            <v>023418</v>
          </cell>
          <cell r="D423" t="str">
            <v>Geiman,Charles J</v>
          </cell>
        </row>
        <row r="424">
          <cell r="A424" t="str">
            <v>015455</v>
          </cell>
          <cell r="B424" t="str">
            <v>Gesell,Gary Raymond</v>
          </cell>
          <cell r="C424" t="str">
            <v>291406</v>
          </cell>
          <cell r="D424" t="str">
            <v>Geiman,Kevin Charles</v>
          </cell>
        </row>
        <row r="425">
          <cell r="A425" t="str">
            <v>027472</v>
          </cell>
          <cell r="B425" t="str">
            <v>Getzendanner,Michael E</v>
          </cell>
          <cell r="C425" t="str">
            <v>361858</v>
          </cell>
          <cell r="D425" t="str">
            <v>Geiman,Tom</v>
          </cell>
        </row>
        <row r="426">
          <cell r="A426" t="str">
            <v>027509</v>
          </cell>
          <cell r="B426" t="str">
            <v>Giancola,Lawrence P</v>
          </cell>
          <cell r="C426" t="str">
            <v>015455</v>
          </cell>
          <cell r="D426" t="str">
            <v>Gesell,Gary Raymond</v>
          </cell>
        </row>
        <row r="427">
          <cell r="A427" t="str">
            <v>016247</v>
          </cell>
          <cell r="B427" t="str">
            <v>Gibson,Earl Douglas</v>
          </cell>
          <cell r="C427" t="str">
            <v>027472</v>
          </cell>
          <cell r="D427" t="str">
            <v>Getzendanner,Michael E</v>
          </cell>
        </row>
        <row r="428">
          <cell r="A428" t="str">
            <v>014618</v>
          </cell>
          <cell r="B428" t="str">
            <v>Gibson,Keith Gail</v>
          </cell>
          <cell r="C428" t="str">
            <v>027509</v>
          </cell>
          <cell r="D428" t="str">
            <v>Giancola,Lawrence P</v>
          </cell>
        </row>
        <row r="429">
          <cell r="A429" t="str">
            <v>033535</v>
          </cell>
          <cell r="B429" t="str">
            <v>Gideon,Carl E</v>
          </cell>
          <cell r="C429" t="str">
            <v>016247</v>
          </cell>
          <cell r="D429" t="str">
            <v>Gibson,Earl Douglas</v>
          </cell>
        </row>
        <row r="430">
          <cell r="A430" t="str">
            <v>027689</v>
          </cell>
          <cell r="B430" t="str">
            <v>Giesting,Mark T</v>
          </cell>
          <cell r="C430" t="str">
            <v>014618</v>
          </cell>
          <cell r="D430" t="str">
            <v>Gibson,Keith Gail</v>
          </cell>
        </row>
        <row r="431">
          <cell r="A431" t="str">
            <v>027879</v>
          </cell>
          <cell r="B431" t="str">
            <v>Gill,Daron L</v>
          </cell>
          <cell r="C431" t="str">
            <v>033535</v>
          </cell>
          <cell r="D431" t="str">
            <v>Gideon,Carl E</v>
          </cell>
        </row>
        <row r="432">
          <cell r="A432" t="str">
            <v>027925</v>
          </cell>
          <cell r="B432" t="str">
            <v>Gillespie,John Joseph</v>
          </cell>
          <cell r="C432" t="str">
            <v>027689</v>
          </cell>
          <cell r="D432" t="str">
            <v>Giesting,Mark T</v>
          </cell>
        </row>
        <row r="433">
          <cell r="A433" t="str">
            <v>011841</v>
          </cell>
          <cell r="B433" t="str">
            <v>Gilliam,Greg</v>
          </cell>
          <cell r="C433" t="str">
            <v>027879</v>
          </cell>
          <cell r="D433" t="str">
            <v>Gill,Daron L</v>
          </cell>
        </row>
        <row r="434">
          <cell r="A434" t="str">
            <v>019368</v>
          </cell>
          <cell r="B434" t="str">
            <v>Gingerich,Brett M</v>
          </cell>
          <cell r="C434" t="str">
            <v>027925</v>
          </cell>
          <cell r="D434" t="str">
            <v>Gillespie,John Joseph</v>
          </cell>
        </row>
        <row r="435">
          <cell r="A435" t="str">
            <v>361792</v>
          </cell>
          <cell r="B435" t="str">
            <v>Girard,Aaron Wade</v>
          </cell>
          <cell r="C435" t="str">
            <v>011841</v>
          </cell>
          <cell r="D435" t="str">
            <v>Gilliam,Greg</v>
          </cell>
        </row>
        <row r="436">
          <cell r="A436" t="str">
            <v>361324</v>
          </cell>
          <cell r="B436" t="str">
            <v>Girod,Christina</v>
          </cell>
          <cell r="C436" t="str">
            <v>019368</v>
          </cell>
          <cell r="D436" t="str">
            <v>Gingerich,Brett M</v>
          </cell>
        </row>
        <row r="437">
          <cell r="A437" t="str">
            <v>028152</v>
          </cell>
          <cell r="B437" t="str">
            <v>Glace,Jeffrey</v>
          </cell>
          <cell r="C437" t="str">
            <v>361792</v>
          </cell>
          <cell r="D437" t="str">
            <v>Girard,Aaron Wade</v>
          </cell>
        </row>
        <row r="438">
          <cell r="A438" t="str">
            <v>290445</v>
          </cell>
          <cell r="B438" t="str">
            <v>Glassco,Stacey</v>
          </cell>
          <cell r="C438" t="str">
            <v>361324</v>
          </cell>
          <cell r="D438" t="str">
            <v>Girod,Christina</v>
          </cell>
        </row>
        <row r="439">
          <cell r="A439" t="str">
            <v>011656</v>
          </cell>
          <cell r="B439" t="str">
            <v>Godsey,Rick Nelson</v>
          </cell>
          <cell r="C439" t="str">
            <v>028152</v>
          </cell>
          <cell r="D439" t="str">
            <v>Glace,Jeffrey</v>
          </cell>
        </row>
        <row r="440">
          <cell r="A440" t="str">
            <v>096850</v>
          </cell>
          <cell r="B440" t="str">
            <v>Godsey,Trent N</v>
          </cell>
          <cell r="C440" t="str">
            <v>290445</v>
          </cell>
          <cell r="D440" t="str">
            <v>Glassco,Stacey</v>
          </cell>
        </row>
        <row r="441">
          <cell r="A441" t="str">
            <v>326105</v>
          </cell>
          <cell r="B441" t="str">
            <v>Goldade,Ben</v>
          </cell>
          <cell r="C441" t="str">
            <v>011656</v>
          </cell>
          <cell r="D441" t="str">
            <v>Godsey,Rick Nelson</v>
          </cell>
        </row>
        <row r="442">
          <cell r="A442" t="str">
            <v>010814</v>
          </cell>
          <cell r="B442" t="str">
            <v>Gonzales,Tom</v>
          </cell>
          <cell r="C442" t="str">
            <v>096850</v>
          </cell>
          <cell r="D442" t="str">
            <v>Godsey,Trent N</v>
          </cell>
        </row>
        <row r="443">
          <cell r="A443" t="str">
            <v>022834</v>
          </cell>
          <cell r="B443" t="str">
            <v>Gooch,Thomas W</v>
          </cell>
          <cell r="C443" t="str">
            <v>326105</v>
          </cell>
          <cell r="D443" t="str">
            <v>Goldade,Ben</v>
          </cell>
        </row>
        <row r="444">
          <cell r="A444" t="str">
            <v>015439</v>
          </cell>
          <cell r="B444" t="str">
            <v>Goodman,Pat</v>
          </cell>
          <cell r="C444" t="str">
            <v>010814</v>
          </cell>
          <cell r="D444" t="str">
            <v>Gonzales,Tom</v>
          </cell>
        </row>
        <row r="445">
          <cell r="A445" t="str">
            <v>028402</v>
          </cell>
          <cell r="B445" t="str">
            <v>Gorman,Craig Robert</v>
          </cell>
          <cell r="C445" t="str">
            <v>022834</v>
          </cell>
          <cell r="D445" t="str">
            <v>Gooch,Thomas W</v>
          </cell>
        </row>
        <row r="446">
          <cell r="A446" t="str">
            <v>028945</v>
          </cell>
          <cell r="B446" t="str">
            <v>Gorman,Steve</v>
          </cell>
          <cell r="C446" t="str">
            <v>015439</v>
          </cell>
          <cell r="D446" t="str">
            <v>Goodman,Pat</v>
          </cell>
        </row>
        <row r="447">
          <cell r="A447" t="str">
            <v>095466</v>
          </cell>
          <cell r="B447" t="str">
            <v>Grable,Brad</v>
          </cell>
          <cell r="C447" t="str">
            <v>028402</v>
          </cell>
          <cell r="D447" t="str">
            <v>Gorman,Craig Robert</v>
          </cell>
        </row>
        <row r="448">
          <cell r="A448" t="str">
            <v>015393</v>
          </cell>
          <cell r="B448" t="str">
            <v>Grady,Tracy Wayne</v>
          </cell>
          <cell r="C448" t="str">
            <v>028945</v>
          </cell>
          <cell r="D448" t="str">
            <v>Gorman,Steve</v>
          </cell>
        </row>
        <row r="449">
          <cell r="A449" t="str">
            <v>326158</v>
          </cell>
          <cell r="B449" t="str">
            <v>Graf,Travis D</v>
          </cell>
          <cell r="C449" t="str">
            <v>095466</v>
          </cell>
          <cell r="D449" t="str">
            <v>Grable,Brad</v>
          </cell>
        </row>
        <row r="450">
          <cell r="A450" t="str">
            <v>029375</v>
          </cell>
          <cell r="B450" t="str">
            <v>Graser,Michael Robert</v>
          </cell>
          <cell r="C450" t="str">
            <v>015393</v>
          </cell>
          <cell r="D450" t="str">
            <v>Grady,Tracy Wayne</v>
          </cell>
        </row>
        <row r="451">
          <cell r="A451" t="str">
            <v>029408</v>
          </cell>
          <cell r="B451" t="str">
            <v>Graves,James D</v>
          </cell>
          <cell r="C451" t="str">
            <v>326158</v>
          </cell>
          <cell r="D451" t="str">
            <v>Graf,Travis D</v>
          </cell>
        </row>
        <row r="452">
          <cell r="A452" t="str">
            <v>029465</v>
          </cell>
          <cell r="B452" t="str">
            <v>Gray,Kevin J</v>
          </cell>
          <cell r="C452" t="str">
            <v>029375</v>
          </cell>
          <cell r="D452" t="str">
            <v>Graser,Michael Robert</v>
          </cell>
        </row>
        <row r="453">
          <cell r="A453" t="str">
            <v>032062</v>
          </cell>
          <cell r="B453" t="str">
            <v>Green,Sam</v>
          </cell>
          <cell r="C453" t="str">
            <v>029408</v>
          </cell>
          <cell r="D453" t="str">
            <v>Graves,James D</v>
          </cell>
        </row>
        <row r="454">
          <cell r="A454" t="str">
            <v>029846</v>
          </cell>
          <cell r="B454" t="str">
            <v>Greve,Paul R</v>
          </cell>
          <cell r="C454" t="str">
            <v>029465</v>
          </cell>
          <cell r="D454" t="str">
            <v>Gray,Kevin J</v>
          </cell>
        </row>
        <row r="455">
          <cell r="A455" t="str">
            <v>016497</v>
          </cell>
          <cell r="B455" t="str">
            <v>Griffin,Dallas John</v>
          </cell>
          <cell r="C455" t="str">
            <v>032062</v>
          </cell>
          <cell r="D455" t="str">
            <v>Green,Sam</v>
          </cell>
        </row>
        <row r="456">
          <cell r="A456" t="str">
            <v>026118</v>
          </cell>
          <cell r="B456" t="str">
            <v>Griffin,Kevin E</v>
          </cell>
          <cell r="C456" t="str">
            <v>029846</v>
          </cell>
          <cell r="D456" t="str">
            <v>Greve,Paul R</v>
          </cell>
        </row>
        <row r="457">
          <cell r="A457" t="str">
            <v>016205</v>
          </cell>
          <cell r="B457" t="str">
            <v>Griffin,Rick B</v>
          </cell>
          <cell r="C457" t="str">
            <v>016497</v>
          </cell>
          <cell r="D457" t="str">
            <v>Griffin,Dallas John</v>
          </cell>
        </row>
        <row r="458">
          <cell r="A458" t="str">
            <v>029989</v>
          </cell>
          <cell r="B458" t="str">
            <v>Griffin,Tracy M</v>
          </cell>
          <cell r="C458" t="str">
            <v>026118</v>
          </cell>
          <cell r="D458" t="str">
            <v>Griffin,Kevin E</v>
          </cell>
        </row>
        <row r="459">
          <cell r="A459" t="str">
            <v>025795</v>
          </cell>
          <cell r="B459" t="str">
            <v>Groeschen,Joe</v>
          </cell>
          <cell r="C459" t="str">
            <v>016205</v>
          </cell>
          <cell r="D459" t="str">
            <v>Griffin,Rick B</v>
          </cell>
        </row>
        <row r="460">
          <cell r="A460" t="str">
            <v>010793</v>
          </cell>
          <cell r="B460" t="str">
            <v>Gronotte,Dan</v>
          </cell>
          <cell r="C460" t="str">
            <v>029989</v>
          </cell>
          <cell r="D460" t="str">
            <v>Griffin,Tracy M</v>
          </cell>
        </row>
        <row r="461">
          <cell r="A461" t="str">
            <v>030565</v>
          </cell>
          <cell r="B461" t="str">
            <v>Grothaus,Dick</v>
          </cell>
          <cell r="C461" t="str">
            <v>025795</v>
          </cell>
          <cell r="D461" t="str">
            <v>Groeschen,Joe</v>
          </cell>
        </row>
        <row r="462">
          <cell r="A462" t="str">
            <v>030575</v>
          </cell>
          <cell r="B462" t="str">
            <v>Grothaus,Timothy Michael</v>
          </cell>
          <cell r="C462" t="str">
            <v>010793</v>
          </cell>
          <cell r="D462" t="str">
            <v>Gronotte,Dan</v>
          </cell>
        </row>
        <row r="463">
          <cell r="A463" t="str">
            <v>277473</v>
          </cell>
          <cell r="B463" t="str">
            <v>Groves,Matthew A</v>
          </cell>
          <cell r="C463" t="str">
            <v>030565</v>
          </cell>
          <cell r="D463" t="str">
            <v>Grothaus,Dick</v>
          </cell>
        </row>
        <row r="464">
          <cell r="A464" t="str">
            <v>030757</v>
          </cell>
          <cell r="B464" t="str">
            <v>Guerriri,Fred</v>
          </cell>
          <cell r="C464" t="str">
            <v>030575</v>
          </cell>
          <cell r="D464" t="str">
            <v>Grothaus,Timothy Michael</v>
          </cell>
        </row>
        <row r="465">
          <cell r="A465" t="str">
            <v>030789</v>
          </cell>
          <cell r="B465" t="str">
            <v>Guilfoyle,Jeff</v>
          </cell>
          <cell r="C465" t="str">
            <v>277473</v>
          </cell>
          <cell r="D465" t="str">
            <v>Groves,Matthew A</v>
          </cell>
        </row>
        <row r="466">
          <cell r="A466" t="str">
            <v>030868</v>
          </cell>
          <cell r="B466" t="str">
            <v>Gundrum,Charles Elmer</v>
          </cell>
          <cell r="C466" t="str">
            <v>030757</v>
          </cell>
          <cell r="D466" t="str">
            <v>Guerriri,Fred</v>
          </cell>
        </row>
        <row r="467">
          <cell r="A467" t="str">
            <v>032411</v>
          </cell>
          <cell r="B467" t="str">
            <v>Gwinn,Justin Lorenzo</v>
          </cell>
          <cell r="C467" t="str">
            <v>030789</v>
          </cell>
          <cell r="D467" t="str">
            <v>Guilfoyle,Jeff</v>
          </cell>
        </row>
        <row r="468">
          <cell r="A468" t="str">
            <v>008690</v>
          </cell>
          <cell r="B468" t="str">
            <v>Hackworth,Vern</v>
          </cell>
          <cell r="C468" t="str">
            <v>030868</v>
          </cell>
          <cell r="D468" t="str">
            <v>Gundrum,Charles Elmer</v>
          </cell>
        </row>
        <row r="469">
          <cell r="A469" t="str">
            <v>275045</v>
          </cell>
          <cell r="B469" t="str">
            <v>Haddix,Michael Ryan</v>
          </cell>
          <cell r="C469" t="str">
            <v>032411</v>
          </cell>
          <cell r="D469" t="str">
            <v>Gwinn,Justin Lorenzo</v>
          </cell>
        </row>
        <row r="470">
          <cell r="A470" t="str">
            <v>029081</v>
          </cell>
          <cell r="B470" t="str">
            <v>Haecker,Thomas Shane</v>
          </cell>
          <cell r="C470" t="str">
            <v>008690</v>
          </cell>
          <cell r="D470" t="str">
            <v>Hackworth,Vern</v>
          </cell>
        </row>
        <row r="471">
          <cell r="A471" t="str">
            <v>289840</v>
          </cell>
          <cell r="B471" t="str">
            <v>Hale,Jay E.</v>
          </cell>
          <cell r="C471" t="str">
            <v>275045</v>
          </cell>
          <cell r="D471" t="str">
            <v>Haddix,Michael Ryan</v>
          </cell>
        </row>
        <row r="472">
          <cell r="A472" t="str">
            <v>031642</v>
          </cell>
          <cell r="B472" t="str">
            <v>Hale,Marty</v>
          </cell>
          <cell r="C472" t="str">
            <v>029081</v>
          </cell>
          <cell r="D472" t="str">
            <v>Haecker,Thomas Shane</v>
          </cell>
        </row>
        <row r="473">
          <cell r="A473" t="str">
            <v>031648</v>
          </cell>
          <cell r="B473" t="str">
            <v>Hale,Ross E</v>
          </cell>
          <cell r="C473" t="str">
            <v>289840</v>
          </cell>
          <cell r="D473" t="str">
            <v>Hale,Jay E.</v>
          </cell>
        </row>
        <row r="474">
          <cell r="A474" t="str">
            <v>275082</v>
          </cell>
          <cell r="B474" t="str">
            <v>Hall,Brandon S.</v>
          </cell>
          <cell r="C474" t="str">
            <v>031642</v>
          </cell>
          <cell r="D474" t="str">
            <v>Hale,Marty</v>
          </cell>
        </row>
        <row r="475">
          <cell r="A475" t="str">
            <v>016342</v>
          </cell>
          <cell r="B475" t="str">
            <v>Hall,Tommy J</v>
          </cell>
          <cell r="C475" t="str">
            <v>031648</v>
          </cell>
          <cell r="D475" t="str">
            <v>Hale,Ross E</v>
          </cell>
        </row>
        <row r="476">
          <cell r="A476" t="str">
            <v>032122</v>
          </cell>
          <cell r="B476" t="str">
            <v>Haller,Dave E</v>
          </cell>
          <cell r="C476" t="str">
            <v>275082</v>
          </cell>
          <cell r="D476" t="str">
            <v>Hall,Brandon S.</v>
          </cell>
        </row>
        <row r="477">
          <cell r="A477" t="str">
            <v>291560</v>
          </cell>
          <cell r="B477" t="str">
            <v>Hamblin,Corey J.</v>
          </cell>
          <cell r="C477" t="str">
            <v>016342</v>
          </cell>
          <cell r="D477" t="str">
            <v>Hall,Tommy J</v>
          </cell>
        </row>
        <row r="478">
          <cell r="A478" t="str">
            <v>095500</v>
          </cell>
          <cell r="B478" t="str">
            <v>Hamilton,David F</v>
          </cell>
          <cell r="C478" t="str">
            <v>032122</v>
          </cell>
          <cell r="D478" t="str">
            <v>Haller,Dave E</v>
          </cell>
        </row>
        <row r="479">
          <cell r="A479" t="str">
            <v>032200</v>
          </cell>
          <cell r="B479" t="str">
            <v>Hamilton,Grady J</v>
          </cell>
          <cell r="C479" t="str">
            <v>291560</v>
          </cell>
          <cell r="D479" t="str">
            <v>Hamblin,Corey J.</v>
          </cell>
        </row>
        <row r="480">
          <cell r="A480" t="str">
            <v>283433</v>
          </cell>
          <cell r="B480" t="str">
            <v>Hamilton,James Kelly</v>
          </cell>
          <cell r="C480" t="str">
            <v>095500</v>
          </cell>
          <cell r="D480" t="str">
            <v>Hamilton,David F</v>
          </cell>
        </row>
        <row r="481">
          <cell r="A481" t="str">
            <v>023874</v>
          </cell>
          <cell r="B481" t="str">
            <v>Hamilton,Kory</v>
          </cell>
          <cell r="C481" t="str">
            <v>032200</v>
          </cell>
          <cell r="D481" t="str">
            <v>Hamilton,Grady J</v>
          </cell>
        </row>
        <row r="482">
          <cell r="A482" t="str">
            <v>032330</v>
          </cell>
          <cell r="B482" t="str">
            <v>Hammitt,Richard Lee</v>
          </cell>
          <cell r="C482" t="str">
            <v>283433</v>
          </cell>
          <cell r="D482" t="str">
            <v>Hamilton,James Kelly</v>
          </cell>
        </row>
        <row r="483">
          <cell r="A483" t="str">
            <v>285615</v>
          </cell>
          <cell r="B483" t="str">
            <v>Hanner,Lucas</v>
          </cell>
          <cell r="C483" t="str">
            <v>023874</v>
          </cell>
          <cell r="D483" t="str">
            <v>Hamilton,Kory</v>
          </cell>
        </row>
        <row r="484">
          <cell r="A484" t="str">
            <v>033626</v>
          </cell>
          <cell r="B484" t="str">
            <v>Hansford,Deena K</v>
          </cell>
          <cell r="C484" t="str">
            <v>032330</v>
          </cell>
          <cell r="D484" t="str">
            <v>Hammitt,Richard Lee</v>
          </cell>
        </row>
        <row r="485">
          <cell r="A485" t="str">
            <v>015953</v>
          </cell>
          <cell r="B485" t="str">
            <v>Hanson,Sandy</v>
          </cell>
          <cell r="C485" t="str">
            <v>285615</v>
          </cell>
          <cell r="D485" t="str">
            <v>Hanner,Lucas</v>
          </cell>
        </row>
        <row r="486">
          <cell r="A486" t="str">
            <v>096957</v>
          </cell>
          <cell r="B486" t="str">
            <v>Harbstreit,Trent S</v>
          </cell>
          <cell r="C486" t="str">
            <v>033626</v>
          </cell>
          <cell r="D486" t="str">
            <v>Hansford,Deena K</v>
          </cell>
        </row>
        <row r="487">
          <cell r="A487" t="str">
            <v>032887</v>
          </cell>
          <cell r="B487" t="str">
            <v>Harden,Steve</v>
          </cell>
          <cell r="C487" t="str">
            <v>015953</v>
          </cell>
          <cell r="D487" t="str">
            <v>Hanson,Sandy</v>
          </cell>
        </row>
        <row r="488">
          <cell r="A488" t="str">
            <v>009217</v>
          </cell>
          <cell r="B488" t="str">
            <v>Hardiman,Terry Leon</v>
          </cell>
          <cell r="C488" t="str">
            <v>096957</v>
          </cell>
          <cell r="D488" t="str">
            <v>Harbstreit,Trent S</v>
          </cell>
        </row>
        <row r="489">
          <cell r="A489" t="str">
            <v>029880</v>
          </cell>
          <cell r="B489" t="str">
            <v>Hardin,Timothy J</v>
          </cell>
          <cell r="C489" t="str">
            <v>032887</v>
          </cell>
          <cell r="D489" t="str">
            <v>Harden,Steve</v>
          </cell>
        </row>
        <row r="490">
          <cell r="A490" t="str">
            <v>033300</v>
          </cell>
          <cell r="B490" t="str">
            <v>Harms,David A</v>
          </cell>
          <cell r="C490" t="str">
            <v>009217</v>
          </cell>
          <cell r="D490" t="str">
            <v>Hardiman,Terry Leon</v>
          </cell>
        </row>
        <row r="491">
          <cell r="A491" t="str">
            <v>033303</v>
          </cell>
          <cell r="B491" t="str">
            <v>Harms,Steven P</v>
          </cell>
          <cell r="C491" t="str">
            <v>029880</v>
          </cell>
          <cell r="D491" t="str">
            <v>Hardin,Timothy J</v>
          </cell>
        </row>
        <row r="492">
          <cell r="A492" t="str">
            <v>012486</v>
          </cell>
          <cell r="B492" t="str">
            <v>Harper,Bryan David</v>
          </cell>
          <cell r="C492" t="str">
            <v>033300</v>
          </cell>
          <cell r="D492" t="str">
            <v>Harms,David A</v>
          </cell>
        </row>
        <row r="493">
          <cell r="A493" t="str">
            <v>010981</v>
          </cell>
          <cell r="B493" t="str">
            <v>Harrell,Rich</v>
          </cell>
          <cell r="C493" t="str">
            <v>033303</v>
          </cell>
          <cell r="D493" t="str">
            <v>Harms,Steven P</v>
          </cell>
        </row>
        <row r="494">
          <cell r="A494" t="str">
            <v>026225</v>
          </cell>
          <cell r="B494" t="str">
            <v>Harris,Brian L.</v>
          </cell>
          <cell r="C494" t="str">
            <v>012486</v>
          </cell>
          <cell r="D494" t="str">
            <v>Harper,Bryan David</v>
          </cell>
        </row>
        <row r="495">
          <cell r="A495" t="str">
            <v>281908</v>
          </cell>
          <cell r="B495" t="str">
            <v>Harris,Stephen Michael</v>
          </cell>
          <cell r="C495" t="str">
            <v>010981</v>
          </cell>
          <cell r="D495" t="str">
            <v>Harrell,Rich</v>
          </cell>
        </row>
        <row r="496">
          <cell r="A496" t="str">
            <v>362731</v>
          </cell>
          <cell r="B496" t="str">
            <v>Harrison,Dustin W.</v>
          </cell>
          <cell r="C496" t="str">
            <v>026225</v>
          </cell>
          <cell r="D496" t="str">
            <v>Harris,Brian L.</v>
          </cell>
        </row>
        <row r="497">
          <cell r="A497" t="str">
            <v>033760</v>
          </cell>
          <cell r="B497" t="str">
            <v>Harrison,Sherry Ann</v>
          </cell>
          <cell r="C497" t="str">
            <v>281908</v>
          </cell>
          <cell r="D497" t="str">
            <v>Harris,Stephen Michael</v>
          </cell>
        </row>
        <row r="498">
          <cell r="A498" t="str">
            <v>024013</v>
          </cell>
          <cell r="B498" t="str">
            <v>Hart,Cicely</v>
          </cell>
          <cell r="C498" t="str">
            <v>362731</v>
          </cell>
          <cell r="D498" t="str">
            <v>Harrison,Dustin W.</v>
          </cell>
        </row>
        <row r="499">
          <cell r="A499" t="str">
            <v>045380</v>
          </cell>
          <cell r="B499" t="str">
            <v>Harthun,Mary</v>
          </cell>
          <cell r="C499" t="str">
            <v>033760</v>
          </cell>
          <cell r="D499" t="str">
            <v>Harrison,Sherry Ann</v>
          </cell>
        </row>
        <row r="500">
          <cell r="A500" t="str">
            <v>289914</v>
          </cell>
          <cell r="B500" t="str">
            <v>Hartman,Chad Daniel</v>
          </cell>
          <cell r="C500" t="str">
            <v>024013</v>
          </cell>
          <cell r="D500" t="str">
            <v>Hart,Cicely</v>
          </cell>
        </row>
        <row r="501">
          <cell r="A501" t="str">
            <v>034031</v>
          </cell>
          <cell r="B501" t="str">
            <v>Harvey,Diane</v>
          </cell>
          <cell r="C501" t="str">
            <v>045380</v>
          </cell>
          <cell r="D501" t="str">
            <v>Harthun,Mary</v>
          </cell>
        </row>
        <row r="502">
          <cell r="A502" t="str">
            <v>290174</v>
          </cell>
          <cell r="B502" t="str">
            <v>Hassler,Teresa</v>
          </cell>
          <cell r="C502" t="str">
            <v>289914</v>
          </cell>
          <cell r="D502" t="str">
            <v>Hartman,Chad Daniel</v>
          </cell>
        </row>
        <row r="503">
          <cell r="A503" t="str">
            <v>034136</v>
          </cell>
          <cell r="B503" t="str">
            <v>Hatcher Jr,Ronald E</v>
          </cell>
          <cell r="C503" t="str">
            <v>034031</v>
          </cell>
          <cell r="D503" t="str">
            <v>Harvey,Diane</v>
          </cell>
        </row>
        <row r="504">
          <cell r="A504" t="str">
            <v>067189</v>
          </cell>
          <cell r="B504" t="str">
            <v>Hatcher,Angela J</v>
          </cell>
          <cell r="C504" t="str">
            <v>290174</v>
          </cell>
          <cell r="D504" t="str">
            <v>Hassler,Teresa</v>
          </cell>
        </row>
        <row r="505">
          <cell r="A505" t="str">
            <v>015283</v>
          </cell>
          <cell r="B505" t="str">
            <v>Hathaway,Doug</v>
          </cell>
          <cell r="C505" t="str">
            <v>034136</v>
          </cell>
          <cell r="D505" t="str">
            <v>Hatcher Jr,Ronald E</v>
          </cell>
        </row>
        <row r="506">
          <cell r="A506" t="str">
            <v>015366</v>
          </cell>
          <cell r="B506" t="str">
            <v>Hatton,Kim</v>
          </cell>
          <cell r="C506" t="str">
            <v>067189</v>
          </cell>
          <cell r="D506" t="str">
            <v>Hatcher,Angela J</v>
          </cell>
        </row>
        <row r="507">
          <cell r="A507" t="str">
            <v>019832</v>
          </cell>
          <cell r="B507" t="str">
            <v>Haverbusch,William T</v>
          </cell>
          <cell r="C507" t="str">
            <v>015283</v>
          </cell>
          <cell r="D507" t="str">
            <v>Hathaway,Doug</v>
          </cell>
        </row>
        <row r="508">
          <cell r="A508" t="str">
            <v>362727</v>
          </cell>
          <cell r="B508" t="str">
            <v>Hawk,Adrian Alexis</v>
          </cell>
          <cell r="C508" t="str">
            <v>015366</v>
          </cell>
          <cell r="D508" t="str">
            <v>Hatton,Kim</v>
          </cell>
        </row>
        <row r="509">
          <cell r="A509" t="str">
            <v>016537</v>
          </cell>
          <cell r="B509" t="str">
            <v>Hawkins,Bill</v>
          </cell>
          <cell r="C509" t="str">
            <v>019832</v>
          </cell>
          <cell r="D509" t="str">
            <v>Haverbusch,William T</v>
          </cell>
        </row>
        <row r="510">
          <cell r="A510" t="str">
            <v>326557</v>
          </cell>
          <cell r="B510" t="str">
            <v>Hayden,Jeremy</v>
          </cell>
          <cell r="C510" t="str">
            <v>362727</v>
          </cell>
          <cell r="D510" t="str">
            <v>Hawk,Adrian Alexis</v>
          </cell>
        </row>
        <row r="511">
          <cell r="A511" t="str">
            <v>034620</v>
          </cell>
          <cell r="B511" t="str">
            <v>Hayes,John E</v>
          </cell>
          <cell r="C511" t="str">
            <v>016537</v>
          </cell>
          <cell r="D511" t="str">
            <v>Hawkins,Bill</v>
          </cell>
        </row>
        <row r="512">
          <cell r="A512" t="str">
            <v>034633</v>
          </cell>
          <cell r="B512" t="str">
            <v>Hayes,Jonathan W</v>
          </cell>
          <cell r="C512" t="str">
            <v>326557</v>
          </cell>
          <cell r="D512" t="str">
            <v>Hayden,Jeremy</v>
          </cell>
        </row>
        <row r="513">
          <cell r="A513" t="str">
            <v>034675</v>
          </cell>
          <cell r="B513" t="str">
            <v>Hays,Randy</v>
          </cell>
          <cell r="C513" t="str">
            <v>034620</v>
          </cell>
          <cell r="D513" t="str">
            <v>Hayes,John E</v>
          </cell>
        </row>
        <row r="514">
          <cell r="A514" t="str">
            <v>024947</v>
          </cell>
          <cell r="B514" t="str">
            <v>Haysbert,Love-vee L</v>
          </cell>
          <cell r="C514" t="str">
            <v>034675</v>
          </cell>
          <cell r="D514" t="str">
            <v>Hays,Randy</v>
          </cell>
        </row>
        <row r="515">
          <cell r="A515" t="str">
            <v>038383</v>
          </cell>
          <cell r="B515" t="str">
            <v>Heck,Angie</v>
          </cell>
          <cell r="C515" t="str">
            <v>024947</v>
          </cell>
          <cell r="D515" t="str">
            <v>Haysbert,Love-vee L</v>
          </cell>
        </row>
        <row r="516">
          <cell r="A516" t="str">
            <v>096072</v>
          </cell>
          <cell r="B516" t="str">
            <v>Heck,Roger J</v>
          </cell>
          <cell r="C516" t="str">
            <v>038383</v>
          </cell>
          <cell r="D516" t="str">
            <v>Heck,Angie</v>
          </cell>
        </row>
        <row r="517">
          <cell r="A517" t="str">
            <v>278790</v>
          </cell>
          <cell r="B517" t="str">
            <v>Heeney,Jeffrey Michael</v>
          </cell>
          <cell r="C517" t="str">
            <v>096072</v>
          </cell>
          <cell r="D517" t="str">
            <v>Heck,Roger J</v>
          </cell>
        </row>
        <row r="518">
          <cell r="A518" t="str">
            <v>035332</v>
          </cell>
          <cell r="B518" t="str">
            <v>Heis,Christopher C</v>
          </cell>
          <cell r="C518" t="str">
            <v>278790</v>
          </cell>
          <cell r="D518" t="str">
            <v>Heeney,Jeffrey Michael</v>
          </cell>
        </row>
        <row r="519">
          <cell r="A519" t="str">
            <v>095119</v>
          </cell>
          <cell r="B519" t="str">
            <v>Helms,Kenneth Gene</v>
          </cell>
          <cell r="C519" t="str">
            <v>035332</v>
          </cell>
          <cell r="D519" t="str">
            <v>Heis,Christopher C</v>
          </cell>
        </row>
        <row r="520">
          <cell r="A520" t="str">
            <v>035774</v>
          </cell>
          <cell r="B520" t="str">
            <v>Helsinger,Doug</v>
          </cell>
          <cell r="C520" t="str">
            <v>095119</v>
          </cell>
          <cell r="D520" t="str">
            <v>Helms,Kenneth Gene</v>
          </cell>
        </row>
        <row r="521">
          <cell r="A521" t="str">
            <v>032071</v>
          </cell>
          <cell r="B521" t="str">
            <v>Helton,Megan E</v>
          </cell>
          <cell r="C521" t="str">
            <v>035774</v>
          </cell>
          <cell r="D521" t="str">
            <v>Helsinger,Doug</v>
          </cell>
        </row>
        <row r="522">
          <cell r="A522" t="str">
            <v>035905</v>
          </cell>
          <cell r="B522" t="str">
            <v>Henderson,Doug</v>
          </cell>
          <cell r="C522" t="str">
            <v>032071</v>
          </cell>
          <cell r="D522" t="str">
            <v>Helton,Megan E</v>
          </cell>
        </row>
        <row r="523">
          <cell r="A523" t="str">
            <v>013931</v>
          </cell>
          <cell r="B523" t="str">
            <v>Hendrickson,Alicia</v>
          </cell>
          <cell r="C523" t="str">
            <v>035905</v>
          </cell>
          <cell r="D523" t="str">
            <v>Henderson,Doug</v>
          </cell>
        </row>
        <row r="524">
          <cell r="A524" t="str">
            <v>012296</v>
          </cell>
          <cell r="B524" t="str">
            <v>Hendrix,Paul Allen</v>
          </cell>
          <cell r="C524" t="str">
            <v>013931</v>
          </cell>
          <cell r="D524" t="str">
            <v>Hendrickson,Alicia</v>
          </cell>
        </row>
        <row r="525">
          <cell r="A525" t="str">
            <v>030021</v>
          </cell>
          <cell r="B525" t="str">
            <v>Hendrixson,matt</v>
          </cell>
          <cell r="C525" t="str">
            <v>012296</v>
          </cell>
          <cell r="D525" t="str">
            <v>Hendrix,Paul Allen</v>
          </cell>
        </row>
        <row r="526">
          <cell r="A526" t="str">
            <v>097635</v>
          </cell>
          <cell r="B526" t="str">
            <v>Henry,David T</v>
          </cell>
          <cell r="C526" t="str">
            <v>030021</v>
          </cell>
          <cell r="D526" t="str">
            <v>Hendrixson,matt</v>
          </cell>
        </row>
        <row r="527">
          <cell r="A527" t="str">
            <v>036347</v>
          </cell>
          <cell r="B527" t="str">
            <v>Henry,Dwight</v>
          </cell>
          <cell r="C527" t="str">
            <v>097635</v>
          </cell>
          <cell r="D527" t="str">
            <v>Henry,David T</v>
          </cell>
        </row>
        <row r="528">
          <cell r="A528" t="str">
            <v>275042</v>
          </cell>
          <cell r="B528" t="str">
            <v>Henski,Donald J.</v>
          </cell>
          <cell r="C528" t="str">
            <v>036347</v>
          </cell>
          <cell r="D528" t="str">
            <v>Henry,Dwight</v>
          </cell>
        </row>
        <row r="529">
          <cell r="A529" t="str">
            <v>036420</v>
          </cell>
          <cell r="B529" t="str">
            <v>Henson,Gail Robinson</v>
          </cell>
          <cell r="C529" t="str">
            <v>275042</v>
          </cell>
          <cell r="D529" t="str">
            <v>Henski,Donald J.</v>
          </cell>
        </row>
        <row r="530">
          <cell r="A530" t="str">
            <v>015451</v>
          </cell>
          <cell r="B530" t="str">
            <v>Herrington,Kimberly Jo</v>
          </cell>
          <cell r="C530" t="str">
            <v>036420</v>
          </cell>
          <cell r="D530" t="str">
            <v>Henson,Gail Robinson</v>
          </cell>
        </row>
        <row r="531">
          <cell r="A531" t="str">
            <v>036884</v>
          </cell>
          <cell r="B531" t="str">
            <v>Hertzenberg,Mike</v>
          </cell>
          <cell r="C531" t="str">
            <v>015451</v>
          </cell>
          <cell r="D531" t="str">
            <v>Herrington,Kimberly Jo</v>
          </cell>
        </row>
        <row r="532">
          <cell r="A532" t="str">
            <v>036885</v>
          </cell>
          <cell r="B532" t="str">
            <v>Hertzenberg,William P</v>
          </cell>
          <cell r="C532" t="str">
            <v>036884</v>
          </cell>
          <cell r="D532" t="str">
            <v>Hertzenberg,Mike</v>
          </cell>
        </row>
        <row r="533">
          <cell r="A533" t="str">
            <v>024957</v>
          </cell>
          <cell r="B533" t="str">
            <v>Hesse,Jeff</v>
          </cell>
          <cell r="C533" t="str">
            <v>036885</v>
          </cell>
          <cell r="D533" t="str">
            <v>Hertzenberg,William P</v>
          </cell>
        </row>
        <row r="534">
          <cell r="A534" t="str">
            <v>037135</v>
          </cell>
          <cell r="B534" t="str">
            <v>Hester,Jeffrey J</v>
          </cell>
          <cell r="C534" t="str">
            <v>024957</v>
          </cell>
          <cell r="D534" t="str">
            <v>Hesse,Jeff</v>
          </cell>
        </row>
        <row r="535">
          <cell r="A535" t="str">
            <v>037185</v>
          </cell>
          <cell r="B535" t="str">
            <v>Hetterick,Ralph T</v>
          </cell>
          <cell r="C535" t="str">
            <v>037135</v>
          </cell>
          <cell r="D535" t="str">
            <v>Hester,Jeffrey J</v>
          </cell>
        </row>
        <row r="536">
          <cell r="A536" t="str">
            <v>010190</v>
          </cell>
          <cell r="B536" t="str">
            <v>Hewitt,Susan Elaine</v>
          </cell>
          <cell r="C536" t="str">
            <v>037185</v>
          </cell>
          <cell r="D536" t="str">
            <v>Hetterick,Ralph T</v>
          </cell>
        </row>
        <row r="537">
          <cell r="A537" t="str">
            <v>037418</v>
          </cell>
          <cell r="B537" t="str">
            <v>Hice,James C</v>
          </cell>
          <cell r="C537" t="str">
            <v>010190</v>
          </cell>
          <cell r="D537" t="str">
            <v>Hewitt,Susan Elaine</v>
          </cell>
        </row>
        <row r="538">
          <cell r="A538" t="str">
            <v>278462</v>
          </cell>
          <cell r="B538" t="str">
            <v>Hickam,Steven B</v>
          </cell>
          <cell r="C538" t="str">
            <v>037418</v>
          </cell>
          <cell r="D538" t="str">
            <v>Hice,James C</v>
          </cell>
        </row>
        <row r="539">
          <cell r="A539" t="str">
            <v>095839</v>
          </cell>
          <cell r="B539" t="str">
            <v>Higgins,Sam</v>
          </cell>
          <cell r="C539" t="str">
            <v>278462</v>
          </cell>
          <cell r="D539" t="str">
            <v>Hickam,Steven B</v>
          </cell>
        </row>
        <row r="540">
          <cell r="A540" t="str">
            <v>289916</v>
          </cell>
          <cell r="B540" t="str">
            <v>Higley,Bryan Randy</v>
          </cell>
          <cell r="C540" t="str">
            <v>095839</v>
          </cell>
          <cell r="D540" t="str">
            <v>Higgins,Sam</v>
          </cell>
        </row>
        <row r="541">
          <cell r="A541" t="str">
            <v>089434</v>
          </cell>
          <cell r="B541" t="str">
            <v>Hill,Crystal W</v>
          </cell>
          <cell r="C541" t="str">
            <v>289916</v>
          </cell>
          <cell r="D541" t="str">
            <v>Higley,Bryan Randy</v>
          </cell>
        </row>
        <row r="542">
          <cell r="A542" t="str">
            <v>037630</v>
          </cell>
          <cell r="B542" t="str">
            <v>Hill,Rob</v>
          </cell>
          <cell r="C542" t="str">
            <v>089434</v>
          </cell>
          <cell r="D542" t="str">
            <v>Hill,Crystal W</v>
          </cell>
        </row>
        <row r="543">
          <cell r="A543" t="str">
            <v>037635</v>
          </cell>
          <cell r="B543" t="str">
            <v>Hill,Ronald L</v>
          </cell>
          <cell r="C543" t="str">
            <v>037630</v>
          </cell>
          <cell r="D543" t="str">
            <v>Hill,Rob</v>
          </cell>
        </row>
        <row r="544">
          <cell r="A544" t="str">
            <v>055360</v>
          </cell>
          <cell r="B544" t="str">
            <v>Hinkel,Cindy Sue</v>
          </cell>
          <cell r="C544" t="str">
            <v>037635</v>
          </cell>
          <cell r="D544" t="str">
            <v>Hill,Ronald L</v>
          </cell>
        </row>
        <row r="545">
          <cell r="A545" t="str">
            <v>068405</v>
          </cell>
          <cell r="B545" t="str">
            <v>Hinkel,Diane</v>
          </cell>
          <cell r="C545" t="str">
            <v>055360</v>
          </cell>
          <cell r="D545" t="str">
            <v>Hinkel,Cindy Sue</v>
          </cell>
        </row>
        <row r="546">
          <cell r="A546" t="str">
            <v>037746</v>
          </cell>
          <cell r="B546" t="str">
            <v>Hinkel,Gregory L</v>
          </cell>
          <cell r="C546" t="str">
            <v>068405</v>
          </cell>
          <cell r="D546" t="str">
            <v>Hinkel,Diane</v>
          </cell>
        </row>
        <row r="547">
          <cell r="A547" t="str">
            <v>037758</v>
          </cell>
          <cell r="B547" t="str">
            <v>Hinkle,Kathy</v>
          </cell>
          <cell r="C547" t="str">
            <v>037746</v>
          </cell>
          <cell r="D547" t="str">
            <v>Hinkel,Gregory L</v>
          </cell>
        </row>
        <row r="548">
          <cell r="A548" t="str">
            <v>037788</v>
          </cell>
          <cell r="B548" t="str">
            <v>Hinton,Jeffrey J</v>
          </cell>
          <cell r="C548" t="str">
            <v>037758</v>
          </cell>
          <cell r="D548" t="str">
            <v>Hinkle,Kathy</v>
          </cell>
        </row>
        <row r="549">
          <cell r="A549" t="str">
            <v>037867</v>
          </cell>
          <cell r="B549" t="str">
            <v>Hite,Robert J</v>
          </cell>
          <cell r="C549" t="str">
            <v>037788</v>
          </cell>
          <cell r="D549" t="str">
            <v>Hinton,Jeffrey J</v>
          </cell>
        </row>
        <row r="550">
          <cell r="A550" t="str">
            <v>037909</v>
          </cell>
          <cell r="B550" t="str">
            <v>Hocker,Gary Wayne</v>
          </cell>
          <cell r="C550" t="str">
            <v>037867</v>
          </cell>
          <cell r="D550" t="str">
            <v>Hite,Robert J</v>
          </cell>
        </row>
        <row r="551">
          <cell r="A551" t="str">
            <v>326549</v>
          </cell>
          <cell r="B551" t="str">
            <v>Hodupp,Jordan Robert</v>
          </cell>
          <cell r="C551" t="str">
            <v>037909</v>
          </cell>
          <cell r="D551" t="str">
            <v>Hocker,Gary Wayne</v>
          </cell>
        </row>
        <row r="552">
          <cell r="A552" t="str">
            <v>030204</v>
          </cell>
          <cell r="B552" t="str">
            <v>Hoeflich,Tim</v>
          </cell>
          <cell r="C552" t="str">
            <v>326549</v>
          </cell>
          <cell r="D552" t="str">
            <v>Hodupp,Jordan Robert</v>
          </cell>
        </row>
        <row r="553">
          <cell r="A553" t="str">
            <v>019371</v>
          </cell>
          <cell r="B553" t="str">
            <v>Hoff,Garry L.</v>
          </cell>
          <cell r="C553" t="str">
            <v>030204</v>
          </cell>
          <cell r="D553" t="str">
            <v>Hoeflich,Tim</v>
          </cell>
        </row>
        <row r="554">
          <cell r="A554" t="str">
            <v>027471</v>
          </cell>
          <cell r="B554" t="str">
            <v>Hoff,Nathen L</v>
          </cell>
          <cell r="C554" t="str">
            <v>019371</v>
          </cell>
          <cell r="D554" t="str">
            <v>Hoff,Garry L.</v>
          </cell>
        </row>
        <row r="555">
          <cell r="A555" t="str">
            <v>038180</v>
          </cell>
          <cell r="B555" t="str">
            <v>Hoffman,Jim C</v>
          </cell>
          <cell r="C555" t="str">
            <v>027471</v>
          </cell>
          <cell r="D555" t="str">
            <v>Hoff,Nathen L</v>
          </cell>
        </row>
        <row r="556">
          <cell r="A556" t="str">
            <v>038352</v>
          </cell>
          <cell r="B556" t="str">
            <v>Hoffmeier,Eric Paul</v>
          </cell>
          <cell r="C556" t="str">
            <v>038180</v>
          </cell>
          <cell r="D556" t="str">
            <v>Hoffman,Jim C</v>
          </cell>
        </row>
        <row r="557">
          <cell r="A557" t="str">
            <v>038399</v>
          </cell>
          <cell r="B557" t="str">
            <v>Hofstetter,Bill</v>
          </cell>
          <cell r="C557" t="str">
            <v>038352</v>
          </cell>
          <cell r="D557" t="str">
            <v>Hoffmeier,Eric Paul</v>
          </cell>
        </row>
        <row r="558">
          <cell r="A558" t="str">
            <v>038387</v>
          </cell>
          <cell r="B558" t="str">
            <v>Hofstetter,Frederick A</v>
          </cell>
          <cell r="C558" t="str">
            <v>038399</v>
          </cell>
          <cell r="D558" t="str">
            <v>Hofstetter,Bill</v>
          </cell>
        </row>
        <row r="559">
          <cell r="A559" t="str">
            <v>067574</v>
          </cell>
          <cell r="B559" t="str">
            <v>Hogan,Judy A</v>
          </cell>
          <cell r="C559" t="str">
            <v>038387</v>
          </cell>
          <cell r="D559" t="str">
            <v>Hofstetter,Frederick A</v>
          </cell>
        </row>
        <row r="560">
          <cell r="A560" t="str">
            <v>097341</v>
          </cell>
          <cell r="B560" t="str">
            <v>Hogg II,Terry D</v>
          </cell>
          <cell r="C560" t="str">
            <v>067574</v>
          </cell>
          <cell r="D560" t="str">
            <v>Hogan,Judy A</v>
          </cell>
        </row>
        <row r="561">
          <cell r="A561" t="str">
            <v>275134</v>
          </cell>
          <cell r="B561" t="str">
            <v>Hogue,Matthew S</v>
          </cell>
          <cell r="C561" t="str">
            <v>097341</v>
          </cell>
          <cell r="D561" t="str">
            <v>Hogg II,Terry D</v>
          </cell>
        </row>
        <row r="562">
          <cell r="A562" t="str">
            <v>009146</v>
          </cell>
          <cell r="B562" t="str">
            <v>Hohman,Don</v>
          </cell>
          <cell r="C562" t="str">
            <v>275134</v>
          </cell>
          <cell r="D562" t="str">
            <v>Hogue,Matthew S</v>
          </cell>
        </row>
        <row r="563">
          <cell r="A563" t="str">
            <v>008034</v>
          </cell>
          <cell r="B563" t="str">
            <v>Hoke,James Bradley</v>
          </cell>
          <cell r="C563" t="str">
            <v>009146</v>
          </cell>
          <cell r="D563" t="str">
            <v>Hohman,Don</v>
          </cell>
        </row>
        <row r="564">
          <cell r="A564" t="str">
            <v>025483</v>
          </cell>
          <cell r="B564" t="str">
            <v>Holiday,Gary</v>
          </cell>
          <cell r="C564" t="str">
            <v>008034</v>
          </cell>
          <cell r="D564" t="str">
            <v>Hoke,James Bradley</v>
          </cell>
        </row>
        <row r="565">
          <cell r="A565" t="str">
            <v>283235</v>
          </cell>
          <cell r="B565" t="str">
            <v>Hooper,Michael l</v>
          </cell>
          <cell r="C565" t="str">
            <v>025483</v>
          </cell>
          <cell r="D565" t="str">
            <v>Holiday,Gary</v>
          </cell>
        </row>
        <row r="566">
          <cell r="A566" t="str">
            <v>021380</v>
          </cell>
          <cell r="B566" t="str">
            <v>Hoppenjans,Kim</v>
          </cell>
          <cell r="C566" t="str">
            <v>283235</v>
          </cell>
          <cell r="D566" t="str">
            <v>Hooper,Michael l</v>
          </cell>
        </row>
        <row r="567">
          <cell r="A567" t="str">
            <v>039158</v>
          </cell>
          <cell r="B567" t="str">
            <v>Hopper,Don</v>
          </cell>
          <cell r="C567" t="str">
            <v>021380</v>
          </cell>
          <cell r="D567" t="str">
            <v>Hoppenjans,Kim</v>
          </cell>
        </row>
        <row r="568">
          <cell r="A568" t="str">
            <v>033516</v>
          </cell>
          <cell r="B568" t="str">
            <v>Hora,Bradley Michael</v>
          </cell>
          <cell r="C568" t="str">
            <v>039158</v>
          </cell>
          <cell r="D568" t="str">
            <v>Hopper,Don</v>
          </cell>
        </row>
        <row r="569">
          <cell r="A569" t="str">
            <v>013456</v>
          </cell>
          <cell r="B569" t="str">
            <v>Horoho,Carl W</v>
          </cell>
          <cell r="C569" t="str">
            <v>013456</v>
          </cell>
          <cell r="D569" t="str">
            <v>Horoho,Carl W</v>
          </cell>
        </row>
        <row r="570">
          <cell r="A570" t="str">
            <v>009399</v>
          </cell>
          <cell r="B570" t="str">
            <v>Hoskins,Curt</v>
          </cell>
          <cell r="C570" t="str">
            <v>009399</v>
          </cell>
          <cell r="D570" t="str">
            <v>Hoskins,Curt</v>
          </cell>
        </row>
        <row r="571">
          <cell r="A571" t="str">
            <v>019836</v>
          </cell>
          <cell r="B571" t="str">
            <v>Hoskins,John P</v>
          </cell>
          <cell r="C571" t="str">
            <v>019836</v>
          </cell>
          <cell r="D571" t="str">
            <v>Hoskins,John P</v>
          </cell>
        </row>
        <row r="572">
          <cell r="A572" t="str">
            <v>015050</v>
          </cell>
          <cell r="B572" t="str">
            <v>Hostetter,Tom</v>
          </cell>
          <cell r="C572" t="str">
            <v>015050</v>
          </cell>
          <cell r="D572" t="str">
            <v>Hostetter,Tom</v>
          </cell>
        </row>
        <row r="573">
          <cell r="A573" t="str">
            <v>016168</v>
          </cell>
          <cell r="B573" t="str">
            <v>House Jr,Bob</v>
          </cell>
          <cell r="C573" t="str">
            <v>016168</v>
          </cell>
          <cell r="D573" t="str">
            <v>House Jr,Bob</v>
          </cell>
        </row>
        <row r="574">
          <cell r="A574" t="str">
            <v>283621</v>
          </cell>
          <cell r="B574" t="str">
            <v>Housh,Michael Alan</v>
          </cell>
          <cell r="C574" t="str">
            <v>283621</v>
          </cell>
          <cell r="D574" t="str">
            <v>Housh,Michael Alan</v>
          </cell>
        </row>
        <row r="575">
          <cell r="A575" t="str">
            <v>039555</v>
          </cell>
          <cell r="B575" t="str">
            <v>Howard,Anthony S</v>
          </cell>
          <cell r="C575" t="str">
            <v>039555</v>
          </cell>
          <cell r="D575" t="str">
            <v>Howard,Anthony S</v>
          </cell>
        </row>
        <row r="576">
          <cell r="A576" t="str">
            <v>039686</v>
          </cell>
          <cell r="B576" t="str">
            <v>Howard,Vincent M</v>
          </cell>
          <cell r="C576" t="str">
            <v>039686</v>
          </cell>
          <cell r="D576" t="str">
            <v>Howard,Vincent M</v>
          </cell>
        </row>
        <row r="577">
          <cell r="A577" t="str">
            <v>008158</v>
          </cell>
          <cell r="B577" t="str">
            <v>Howat,Dennis Fredrick</v>
          </cell>
          <cell r="C577" t="str">
            <v>008158</v>
          </cell>
          <cell r="D577" t="str">
            <v>Howat,Dennis Fredrick</v>
          </cell>
        </row>
        <row r="578">
          <cell r="A578" t="str">
            <v>039740</v>
          </cell>
          <cell r="B578" t="str">
            <v>Howell,Anthony E</v>
          </cell>
          <cell r="C578" t="str">
            <v>039740</v>
          </cell>
          <cell r="D578" t="str">
            <v>Howell,Anthony E</v>
          </cell>
        </row>
        <row r="579">
          <cell r="A579" t="str">
            <v>039767</v>
          </cell>
          <cell r="B579" t="str">
            <v>Howell,Keith D</v>
          </cell>
          <cell r="C579" t="str">
            <v>039767</v>
          </cell>
          <cell r="D579" t="str">
            <v>Howell,Keith D</v>
          </cell>
        </row>
        <row r="580">
          <cell r="A580" t="str">
            <v>039772</v>
          </cell>
          <cell r="B580" t="str">
            <v>Howell,Michael Carl</v>
          </cell>
          <cell r="C580" t="str">
            <v>039772</v>
          </cell>
          <cell r="D580" t="str">
            <v>Howell,Michael Carl</v>
          </cell>
        </row>
        <row r="581">
          <cell r="A581" t="str">
            <v>040067</v>
          </cell>
          <cell r="B581" t="str">
            <v>Huesman,Michael J</v>
          </cell>
          <cell r="C581" t="str">
            <v>040067</v>
          </cell>
          <cell r="D581" t="str">
            <v>Huesman,Michael J</v>
          </cell>
        </row>
        <row r="582">
          <cell r="A582" t="str">
            <v>097724</v>
          </cell>
          <cell r="B582" t="str">
            <v>Huether,Tina L</v>
          </cell>
          <cell r="C582" t="str">
            <v>097724</v>
          </cell>
          <cell r="D582" t="str">
            <v>Huether,Tina L</v>
          </cell>
        </row>
        <row r="583">
          <cell r="A583" t="str">
            <v>030024</v>
          </cell>
          <cell r="B583" t="str">
            <v>Huey,Larry Von</v>
          </cell>
          <cell r="C583" t="str">
            <v>030024</v>
          </cell>
          <cell r="D583" t="str">
            <v>Huey,Larry Von</v>
          </cell>
        </row>
        <row r="584">
          <cell r="A584" t="str">
            <v>040082</v>
          </cell>
          <cell r="B584" t="str">
            <v>Huffaker,Von Edwin</v>
          </cell>
          <cell r="C584" t="str">
            <v>040082</v>
          </cell>
          <cell r="D584" t="str">
            <v>Huffaker,Von Edwin</v>
          </cell>
        </row>
        <row r="585">
          <cell r="A585" t="str">
            <v>010610</v>
          </cell>
          <cell r="B585" t="str">
            <v>Hufstetler,Jim</v>
          </cell>
          <cell r="C585" t="str">
            <v>010610</v>
          </cell>
          <cell r="D585" t="str">
            <v>Hufstetler,Jim</v>
          </cell>
        </row>
        <row r="586">
          <cell r="A586" t="str">
            <v>097905</v>
          </cell>
          <cell r="B586" t="str">
            <v>Hughes,Keith D</v>
          </cell>
          <cell r="C586" t="str">
            <v>016292</v>
          </cell>
          <cell r="D586" t="str">
            <v>Hughes,Kay</v>
          </cell>
        </row>
        <row r="587">
          <cell r="A587" t="str">
            <v>040324</v>
          </cell>
          <cell r="B587" t="str">
            <v>Hull,Joe</v>
          </cell>
          <cell r="C587" t="str">
            <v>097905</v>
          </cell>
          <cell r="D587" t="str">
            <v>Hughes,Keith D</v>
          </cell>
        </row>
        <row r="588">
          <cell r="A588" t="str">
            <v>283273</v>
          </cell>
          <cell r="B588" t="str">
            <v>Humphreys,Jeffrey M</v>
          </cell>
          <cell r="C588" t="str">
            <v>040324</v>
          </cell>
          <cell r="D588" t="str">
            <v>Hull,Joe</v>
          </cell>
        </row>
        <row r="589">
          <cell r="A589" t="str">
            <v>017163</v>
          </cell>
          <cell r="B589" t="str">
            <v>Hunchman,James R</v>
          </cell>
          <cell r="C589" t="str">
            <v>283273</v>
          </cell>
          <cell r="D589" t="str">
            <v>Humphreys,Jeffrey M</v>
          </cell>
        </row>
        <row r="590">
          <cell r="A590" t="str">
            <v>017104</v>
          </cell>
          <cell r="B590" t="str">
            <v>Hunt,Allena Faye</v>
          </cell>
          <cell r="C590" t="str">
            <v>017163</v>
          </cell>
          <cell r="D590" t="str">
            <v>Hunchman,James R</v>
          </cell>
        </row>
        <row r="591">
          <cell r="A591" t="str">
            <v>019920</v>
          </cell>
          <cell r="B591" t="str">
            <v>Hunter,Shirley A</v>
          </cell>
          <cell r="C591" t="str">
            <v>017104</v>
          </cell>
          <cell r="D591" t="str">
            <v>Hunt,Allena Faye</v>
          </cell>
        </row>
        <row r="592">
          <cell r="A592" t="str">
            <v>040613</v>
          </cell>
          <cell r="B592" t="str">
            <v>Hunter,Wil</v>
          </cell>
          <cell r="C592" t="str">
            <v>019920</v>
          </cell>
          <cell r="D592" t="str">
            <v>Hunter,Shirley A</v>
          </cell>
        </row>
        <row r="593">
          <cell r="A593" t="str">
            <v>010242</v>
          </cell>
          <cell r="B593" t="str">
            <v>Hurley,Matthew James</v>
          </cell>
          <cell r="C593" t="str">
            <v>040613</v>
          </cell>
          <cell r="D593" t="str">
            <v>Hunter,Wil</v>
          </cell>
        </row>
        <row r="594">
          <cell r="A594" t="str">
            <v>016219</v>
          </cell>
          <cell r="B594" t="str">
            <v>Hurlock,Douglas Lynn</v>
          </cell>
          <cell r="C594" t="str">
            <v>010242</v>
          </cell>
          <cell r="D594" t="str">
            <v>Hurley,Matthew James</v>
          </cell>
        </row>
        <row r="595">
          <cell r="A595" t="str">
            <v>272043</v>
          </cell>
          <cell r="B595" t="str">
            <v>Hurtado,Juan</v>
          </cell>
          <cell r="C595" t="str">
            <v>016219</v>
          </cell>
          <cell r="D595" t="str">
            <v>Hurlock,Douglas Lynn</v>
          </cell>
        </row>
        <row r="596">
          <cell r="A596" t="str">
            <v>015472</v>
          </cell>
          <cell r="B596" t="str">
            <v>Huse,Michael Paul</v>
          </cell>
          <cell r="C596" t="str">
            <v>272043</v>
          </cell>
          <cell r="D596" t="str">
            <v>Hurtado,Juan</v>
          </cell>
        </row>
        <row r="597">
          <cell r="A597" t="str">
            <v>024763</v>
          </cell>
          <cell r="B597" t="str">
            <v>Hutchison,Craig W</v>
          </cell>
          <cell r="C597" t="str">
            <v>015472</v>
          </cell>
          <cell r="D597" t="str">
            <v>Huse,Michael Paul</v>
          </cell>
        </row>
        <row r="598">
          <cell r="A598" t="str">
            <v>283231</v>
          </cell>
          <cell r="B598" t="str">
            <v>Hyrkas,Joe</v>
          </cell>
          <cell r="C598" t="str">
            <v>024763</v>
          </cell>
          <cell r="D598" t="str">
            <v>Hutchison,Craig W</v>
          </cell>
        </row>
        <row r="599">
          <cell r="A599" t="str">
            <v>017167</v>
          </cell>
          <cell r="B599" t="str">
            <v>Iacoli,Debbie Sue</v>
          </cell>
          <cell r="C599" t="str">
            <v>283231</v>
          </cell>
          <cell r="D599" t="str">
            <v>Hyrkas,Joe</v>
          </cell>
        </row>
        <row r="600">
          <cell r="A600" t="str">
            <v>097342</v>
          </cell>
          <cell r="B600" t="str">
            <v>Irwin,Andy</v>
          </cell>
          <cell r="C600" t="str">
            <v>017167</v>
          </cell>
          <cell r="D600" t="str">
            <v>Iacoli,Debbie Sue</v>
          </cell>
        </row>
        <row r="601">
          <cell r="A601" t="str">
            <v>014172</v>
          </cell>
          <cell r="B601" t="str">
            <v>Isaac,Tammy</v>
          </cell>
          <cell r="C601" t="str">
            <v>097342</v>
          </cell>
          <cell r="D601" t="str">
            <v>Irwin,Andy</v>
          </cell>
        </row>
        <row r="602">
          <cell r="A602" t="str">
            <v>025514</v>
          </cell>
          <cell r="B602" t="str">
            <v>Ison,Jake</v>
          </cell>
          <cell r="C602" t="str">
            <v>014172</v>
          </cell>
          <cell r="D602" t="str">
            <v>Isaac,Tammy</v>
          </cell>
        </row>
        <row r="603">
          <cell r="A603" t="str">
            <v>025465</v>
          </cell>
          <cell r="B603" t="str">
            <v>Jackson,Brian D</v>
          </cell>
          <cell r="C603" t="str">
            <v>025514</v>
          </cell>
          <cell r="D603" t="str">
            <v>Ison,Jake</v>
          </cell>
        </row>
        <row r="604">
          <cell r="A604" t="str">
            <v>041415</v>
          </cell>
          <cell r="B604" t="str">
            <v>Jackson,Douglas H</v>
          </cell>
          <cell r="C604" t="str">
            <v>025465</v>
          </cell>
          <cell r="D604" t="str">
            <v>Jackson,Brian D</v>
          </cell>
        </row>
        <row r="605">
          <cell r="A605" t="str">
            <v>049265</v>
          </cell>
          <cell r="B605" t="str">
            <v>Jackson,Jacqueline Denise</v>
          </cell>
          <cell r="C605" t="str">
            <v>041415</v>
          </cell>
          <cell r="D605" t="str">
            <v>Jackson,Douglas H</v>
          </cell>
        </row>
        <row r="606">
          <cell r="A606" t="str">
            <v>095817</v>
          </cell>
          <cell r="B606" t="str">
            <v>Jackson,Stephen R</v>
          </cell>
          <cell r="C606" t="str">
            <v>049265</v>
          </cell>
          <cell r="D606" t="str">
            <v>Jackson,Jacqueline Denise</v>
          </cell>
        </row>
        <row r="607">
          <cell r="A607" t="str">
            <v>024519</v>
          </cell>
          <cell r="B607" t="str">
            <v>Jacobs,Lawrence J</v>
          </cell>
          <cell r="C607" t="str">
            <v>095817</v>
          </cell>
          <cell r="D607" t="str">
            <v>Jackson,Stephen R</v>
          </cell>
        </row>
        <row r="608">
          <cell r="A608" t="str">
            <v>326097</v>
          </cell>
          <cell r="B608" t="str">
            <v>Jaskiewicz,Tom</v>
          </cell>
          <cell r="C608" t="str">
            <v>024519</v>
          </cell>
          <cell r="D608" t="str">
            <v>Jacobs,Lawrence J</v>
          </cell>
        </row>
        <row r="609">
          <cell r="A609" t="str">
            <v>278413</v>
          </cell>
          <cell r="B609" t="str">
            <v>Jaspers,David J</v>
          </cell>
          <cell r="C609" t="str">
            <v>326097</v>
          </cell>
          <cell r="D609" t="str">
            <v>Jaskiewicz,Tom</v>
          </cell>
        </row>
        <row r="610">
          <cell r="A610" t="str">
            <v>033517</v>
          </cell>
          <cell r="B610" t="str">
            <v>Jena,Chris Ryan</v>
          </cell>
          <cell r="C610" t="str">
            <v>278413</v>
          </cell>
          <cell r="D610" t="str">
            <v>Jaspers,David J</v>
          </cell>
        </row>
        <row r="611">
          <cell r="A611" t="str">
            <v>097052</v>
          </cell>
          <cell r="B611" t="str">
            <v>Jester,Keith A</v>
          </cell>
          <cell r="C611" t="str">
            <v>033517</v>
          </cell>
          <cell r="D611" t="str">
            <v>Jena,Chris Ryan</v>
          </cell>
        </row>
        <row r="612">
          <cell r="A612" t="str">
            <v>016863</v>
          </cell>
          <cell r="B612" t="str">
            <v>Jimenez,Kevin C</v>
          </cell>
          <cell r="C612" t="str">
            <v>097052</v>
          </cell>
          <cell r="D612" t="str">
            <v>Jester,Keith A</v>
          </cell>
        </row>
        <row r="613">
          <cell r="A613" t="str">
            <v>361543</v>
          </cell>
          <cell r="B613" t="str">
            <v>Jochim,Justin T.</v>
          </cell>
          <cell r="C613" t="str">
            <v>016863</v>
          </cell>
          <cell r="D613" t="str">
            <v>Jimenez,Kevin C</v>
          </cell>
        </row>
        <row r="614">
          <cell r="A614" t="str">
            <v>041970</v>
          </cell>
          <cell r="B614" t="str">
            <v>Joe,Tanya Lenise</v>
          </cell>
          <cell r="C614" t="str">
            <v>361543</v>
          </cell>
          <cell r="D614" t="str">
            <v>Jochim,Justin T.</v>
          </cell>
        </row>
        <row r="615">
          <cell r="A615" t="str">
            <v>011040</v>
          </cell>
          <cell r="B615" t="str">
            <v>Johnson Jr,Jack Leonard</v>
          </cell>
          <cell r="C615" t="str">
            <v>041970</v>
          </cell>
          <cell r="D615" t="str">
            <v>Joe,Tanya Lenise</v>
          </cell>
        </row>
        <row r="616">
          <cell r="A616" t="str">
            <v>042077</v>
          </cell>
          <cell r="B616" t="str">
            <v>Johnson,Gretchen</v>
          </cell>
          <cell r="C616" t="str">
            <v>011040</v>
          </cell>
          <cell r="D616" t="str">
            <v>Johnson Jr,Jack Leonard</v>
          </cell>
        </row>
        <row r="617">
          <cell r="A617" t="str">
            <v>291671</v>
          </cell>
          <cell r="B617" t="str">
            <v>Johnson,Jesse L</v>
          </cell>
          <cell r="C617" t="str">
            <v>042077</v>
          </cell>
          <cell r="D617" t="str">
            <v>Johnson,Gretchen</v>
          </cell>
        </row>
        <row r="618">
          <cell r="A618" t="str">
            <v>291795</v>
          </cell>
          <cell r="B618" t="str">
            <v>Johnson,Luke</v>
          </cell>
          <cell r="C618" t="str">
            <v>291671</v>
          </cell>
          <cell r="D618" t="str">
            <v>Johnson,Jesse L</v>
          </cell>
        </row>
        <row r="619">
          <cell r="A619" t="str">
            <v>276016</v>
          </cell>
          <cell r="B619" t="str">
            <v>Johnson,Marty</v>
          </cell>
          <cell r="C619" t="str">
            <v>291795</v>
          </cell>
          <cell r="D619" t="str">
            <v>Johnson,Luke</v>
          </cell>
        </row>
        <row r="620">
          <cell r="A620" t="str">
            <v>042203</v>
          </cell>
          <cell r="B620" t="str">
            <v>Johnson,Michael E</v>
          </cell>
          <cell r="C620" t="str">
            <v>276016</v>
          </cell>
          <cell r="D620" t="str">
            <v>Johnson,Marty</v>
          </cell>
        </row>
        <row r="621">
          <cell r="A621" t="str">
            <v>278536</v>
          </cell>
          <cell r="B621" t="str">
            <v>Johnson,Shane</v>
          </cell>
          <cell r="C621" t="str">
            <v>042203</v>
          </cell>
          <cell r="D621" t="str">
            <v>Johnson,Michael E</v>
          </cell>
        </row>
        <row r="622">
          <cell r="A622" t="str">
            <v>326554</v>
          </cell>
          <cell r="B622" t="str">
            <v>Johnson,Zachary Lloyd</v>
          </cell>
          <cell r="C622" t="str">
            <v>278536</v>
          </cell>
          <cell r="D622" t="str">
            <v>Johnson,Shane</v>
          </cell>
        </row>
        <row r="623">
          <cell r="A623" t="str">
            <v>042741</v>
          </cell>
          <cell r="B623" t="str">
            <v>Jones Jr,Turner</v>
          </cell>
          <cell r="C623" t="str">
            <v>326554</v>
          </cell>
          <cell r="D623" t="str">
            <v>Johnson,Zachary Lloyd</v>
          </cell>
        </row>
        <row r="624">
          <cell r="A624" t="str">
            <v>097896</v>
          </cell>
          <cell r="B624" t="str">
            <v>Jones,Alan M</v>
          </cell>
          <cell r="C624" t="str">
            <v>042741</v>
          </cell>
          <cell r="D624" t="str">
            <v>Jones Jr,Turner</v>
          </cell>
        </row>
        <row r="625">
          <cell r="A625" t="str">
            <v>042445</v>
          </cell>
          <cell r="B625" t="str">
            <v>Jones,Dan</v>
          </cell>
          <cell r="C625" t="str">
            <v>097896</v>
          </cell>
          <cell r="D625" t="str">
            <v>Jones,Alan M</v>
          </cell>
        </row>
        <row r="626">
          <cell r="A626" t="str">
            <v>024527</v>
          </cell>
          <cell r="B626" t="str">
            <v>Jones,Patrice Y</v>
          </cell>
          <cell r="C626" t="str">
            <v>042445</v>
          </cell>
          <cell r="D626" t="str">
            <v>Jones,Dan</v>
          </cell>
        </row>
        <row r="627">
          <cell r="A627" t="str">
            <v>042736</v>
          </cell>
          <cell r="B627" t="str">
            <v>Jones,Todd H</v>
          </cell>
          <cell r="C627" t="str">
            <v>024527</v>
          </cell>
          <cell r="D627" t="str">
            <v>Jones,Patrice Y</v>
          </cell>
        </row>
        <row r="628">
          <cell r="A628" t="str">
            <v>026224</v>
          </cell>
          <cell r="B628" t="str">
            <v>Jones,Wendell C.</v>
          </cell>
          <cell r="C628" t="str">
            <v>042736</v>
          </cell>
          <cell r="D628" t="str">
            <v>Jones,Todd H</v>
          </cell>
        </row>
        <row r="629">
          <cell r="A629" t="str">
            <v>011175</v>
          </cell>
          <cell r="B629" t="str">
            <v>Jozefowski,Diane Lynn</v>
          </cell>
          <cell r="C629" t="str">
            <v>026224</v>
          </cell>
          <cell r="D629" t="str">
            <v>Jones,Wendell C.</v>
          </cell>
        </row>
        <row r="630">
          <cell r="A630" t="str">
            <v>095812</v>
          </cell>
          <cell r="B630" t="str">
            <v>Julick,Joseph A</v>
          </cell>
          <cell r="C630" t="str">
            <v>011175</v>
          </cell>
          <cell r="D630" t="str">
            <v>Jozefowski,Diane Lynn</v>
          </cell>
        </row>
        <row r="631">
          <cell r="A631" t="str">
            <v>015567</v>
          </cell>
          <cell r="B631" t="str">
            <v>Justis,Greg</v>
          </cell>
          <cell r="C631" t="str">
            <v>095812</v>
          </cell>
          <cell r="D631" t="str">
            <v>Julick,Joseph A</v>
          </cell>
        </row>
        <row r="632">
          <cell r="A632" t="str">
            <v>025468</v>
          </cell>
          <cell r="B632" t="str">
            <v>Kallaher,Patrick</v>
          </cell>
          <cell r="C632" t="str">
            <v>015567</v>
          </cell>
          <cell r="D632" t="str">
            <v>Justis,Greg</v>
          </cell>
        </row>
        <row r="633">
          <cell r="A633" t="str">
            <v>043150</v>
          </cell>
          <cell r="B633" t="str">
            <v>Kampf,Joe</v>
          </cell>
          <cell r="C633" t="str">
            <v>025468</v>
          </cell>
          <cell r="D633" t="str">
            <v>Kallaher,Patrick</v>
          </cell>
        </row>
        <row r="634">
          <cell r="A634" t="str">
            <v>043167</v>
          </cell>
          <cell r="B634" t="str">
            <v>Kanta,Allen</v>
          </cell>
          <cell r="C634" t="str">
            <v>043150</v>
          </cell>
          <cell r="D634" t="str">
            <v>Kampf,Joe</v>
          </cell>
        </row>
        <row r="635">
          <cell r="A635" t="str">
            <v>096438</v>
          </cell>
          <cell r="B635" t="str">
            <v>Karr,Rodney D</v>
          </cell>
          <cell r="C635" t="str">
            <v>043167</v>
          </cell>
          <cell r="D635" t="str">
            <v>Kanta,Allen</v>
          </cell>
        </row>
        <row r="636">
          <cell r="A636" t="str">
            <v>014897</v>
          </cell>
          <cell r="B636" t="str">
            <v>Kazimier,Michael</v>
          </cell>
          <cell r="C636" t="str">
            <v>096438</v>
          </cell>
          <cell r="D636" t="str">
            <v>Karr,Rodney D</v>
          </cell>
        </row>
        <row r="637">
          <cell r="A637" t="str">
            <v>283239</v>
          </cell>
          <cell r="B637" t="str">
            <v>Keen,Alvin S</v>
          </cell>
          <cell r="C637" t="str">
            <v>014897</v>
          </cell>
          <cell r="D637" t="str">
            <v>Kazimier,Michael</v>
          </cell>
        </row>
        <row r="638">
          <cell r="A638" t="str">
            <v>033518</v>
          </cell>
          <cell r="B638" t="str">
            <v>Keenan,Jason Daniel</v>
          </cell>
          <cell r="C638" t="str">
            <v>283239</v>
          </cell>
          <cell r="D638" t="str">
            <v>Keen,Alvin S</v>
          </cell>
        </row>
        <row r="639">
          <cell r="A639" t="str">
            <v>043634</v>
          </cell>
          <cell r="B639" t="str">
            <v>Keese,Brian J</v>
          </cell>
          <cell r="C639" t="str">
            <v>033518</v>
          </cell>
          <cell r="D639" t="str">
            <v>Keenan,Jason Daniel</v>
          </cell>
        </row>
        <row r="640">
          <cell r="A640" t="str">
            <v>043800</v>
          </cell>
          <cell r="B640" t="str">
            <v>Keller,David Thomas</v>
          </cell>
          <cell r="C640" t="str">
            <v>043634</v>
          </cell>
          <cell r="D640" t="str">
            <v>Keese,Brian J</v>
          </cell>
        </row>
        <row r="641">
          <cell r="A641" t="str">
            <v>009574</v>
          </cell>
          <cell r="B641" t="str">
            <v>Keller,Rick</v>
          </cell>
          <cell r="C641" t="str">
            <v>043800</v>
          </cell>
          <cell r="D641" t="str">
            <v>Keller,David Thomas</v>
          </cell>
        </row>
        <row r="642">
          <cell r="A642" t="str">
            <v>017210</v>
          </cell>
          <cell r="B642" t="str">
            <v>Kellett,Scot Christopher</v>
          </cell>
          <cell r="C642" t="str">
            <v>009574</v>
          </cell>
          <cell r="D642" t="str">
            <v>Keller,Rick</v>
          </cell>
        </row>
        <row r="643">
          <cell r="A643" t="str">
            <v>043945</v>
          </cell>
          <cell r="B643" t="str">
            <v>Kelley,John Gerald</v>
          </cell>
          <cell r="C643" t="str">
            <v>017210</v>
          </cell>
          <cell r="D643" t="str">
            <v>Kellett,Scot Christopher</v>
          </cell>
        </row>
        <row r="644">
          <cell r="A644" t="str">
            <v>031729</v>
          </cell>
          <cell r="B644" t="str">
            <v>Kellogg,Jackie</v>
          </cell>
          <cell r="C644" t="str">
            <v>043945</v>
          </cell>
          <cell r="D644" t="str">
            <v>Kelley,John Gerald</v>
          </cell>
        </row>
        <row r="645">
          <cell r="A645" t="str">
            <v>019827</v>
          </cell>
          <cell r="B645" t="str">
            <v>Kelly,Jeff</v>
          </cell>
          <cell r="C645" t="str">
            <v>031729</v>
          </cell>
          <cell r="D645" t="str">
            <v>Kellogg,Jackie</v>
          </cell>
        </row>
        <row r="646">
          <cell r="A646" t="str">
            <v>044029</v>
          </cell>
          <cell r="B646" t="str">
            <v>Kelly,Matthew B</v>
          </cell>
          <cell r="C646" t="str">
            <v>019827</v>
          </cell>
          <cell r="D646" t="str">
            <v>Kelly,Jeff</v>
          </cell>
        </row>
        <row r="647">
          <cell r="A647" t="str">
            <v>291890</v>
          </cell>
          <cell r="B647" t="str">
            <v>Kendall,Luke Edwin</v>
          </cell>
          <cell r="C647" t="str">
            <v>044029</v>
          </cell>
          <cell r="D647" t="str">
            <v>Kelly,Matthew B</v>
          </cell>
        </row>
        <row r="648">
          <cell r="A648" t="str">
            <v>011154</v>
          </cell>
          <cell r="B648" t="str">
            <v>Kenner,Corky</v>
          </cell>
          <cell r="C648" t="str">
            <v>291890</v>
          </cell>
          <cell r="D648" t="str">
            <v>Kendall,Luke Edwin</v>
          </cell>
        </row>
        <row r="649">
          <cell r="A649" t="str">
            <v>017318</v>
          </cell>
          <cell r="B649" t="str">
            <v>Kesler,Bradley</v>
          </cell>
          <cell r="C649" t="str">
            <v>011154</v>
          </cell>
          <cell r="D649" t="str">
            <v>Kenner,Corky</v>
          </cell>
        </row>
        <row r="650">
          <cell r="A650" t="str">
            <v>044470</v>
          </cell>
          <cell r="B650" t="str">
            <v>Kesse,Harry R</v>
          </cell>
          <cell r="C650" t="str">
            <v>017318</v>
          </cell>
          <cell r="D650" t="str">
            <v>Kesler,Bradley</v>
          </cell>
        </row>
        <row r="651">
          <cell r="A651" t="str">
            <v>024789</v>
          </cell>
          <cell r="B651" t="str">
            <v>Kesse,Keith R</v>
          </cell>
          <cell r="C651" t="str">
            <v>044470</v>
          </cell>
          <cell r="D651" t="str">
            <v>Kesse,Harry R</v>
          </cell>
        </row>
        <row r="652">
          <cell r="A652" t="str">
            <v>289640</v>
          </cell>
          <cell r="B652" t="str">
            <v>Kidd,Jeremy R</v>
          </cell>
          <cell r="C652" t="str">
            <v>024789</v>
          </cell>
          <cell r="D652" t="str">
            <v>Kesse,Keith R</v>
          </cell>
        </row>
        <row r="653">
          <cell r="A653" t="str">
            <v>044636</v>
          </cell>
          <cell r="B653" t="str">
            <v>Kidd,Mark S</v>
          </cell>
          <cell r="C653" t="str">
            <v>289640</v>
          </cell>
          <cell r="D653" t="str">
            <v>Kidd,Jeremy R</v>
          </cell>
        </row>
        <row r="654">
          <cell r="A654" t="str">
            <v>270585</v>
          </cell>
          <cell r="B654" t="str">
            <v>Kimbrough,Brande A</v>
          </cell>
          <cell r="C654" t="str">
            <v>044636</v>
          </cell>
          <cell r="D654" t="str">
            <v>Kidd,Mark S</v>
          </cell>
        </row>
        <row r="655">
          <cell r="A655" t="str">
            <v>044722</v>
          </cell>
          <cell r="B655" t="str">
            <v>Kincaid,Harry Dale</v>
          </cell>
          <cell r="C655" t="str">
            <v>044722</v>
          </cell>
          <cell r="D655" t="str">
            <v>Kincaid,Harry Dale</v>
          </cell>
        </row>
        <row r="656">
          <cell r="A656" t="str">
            <v>044745</v>
          </cell>
          <cell r="B656" t="str">
            <v>King,Brett A</v>
          </cell>
          <cell r="C656" t="str">
            <v>044745</v>
          </cell>
          <cell r="D656" t="str">
            <v>King,Brett A</v>
          </cell>
        </row>
        <row r="657">
          <cell r="A657" t="str">
            <v>032832</v>
          </cell>
          <cell r="B657" t="str">
            <v>King,Daniella M</v>
          </cell>
          <cell r="C657" t="str">
            <v>032832</v>
          </cell>
          <cell r="D657" t="str">
            <v>King,Daniella M</v>
          </cell>
        </row>
        <row r="658">
          <cell r="A658" t="str">
            <v>019327</v>
          </cell>
          <cell r="B658" t="str">
            <v>King,Jim</v>
          </cell>
          <cell r="C658" t="str">
            <v>019327</v>
          </cell>
          <cell r="D658" t="str">
            <v>King,Jim</v>
          </cell>
        </row>
        <row r="659">
          <cell r="A659" t="str">
            <v>095067</v>
          </cell>
          <cell r="B659" t="str">
            <v>King,Victoria L</v>
          </cell>
          <cell r="C659" t="str">
            <v>095067</v>
          </cell>
          <cell r="D659" t="str">
            <v>King,Victoria L</v>
          </cell>
        </row>
        <row r="660">
          <cell r="A660" t="str">
            <v>014673</v>
          </cell>
          <cell r="B660" t="str">
            <v>Kinman,John Ray</v>
          </cell>
          <cell r="C660" t="str">
            <v>014673</v>
          </cell>
          <cell r="D660" t="str">
            <v>Kinman,John Ray</v>
          </cell>
        </row>
        <row r="661">
          <cell r="A661" t="str">
            <v>361793</v>
          </cell>
          <cell r="B661" t="str">
            <v>Kinsey,Jennifer</v>
          </cell>
          <cell r="C661" t="str">
            <v>361793</v>
          </cell>
          <cell r="D661" t="str">
            <v>Kinsey,Jennifer</v>
          </cell>
        </row>
        <row r="662">
          <cell r="A662" t="str">
            <v>044938</v>
          </cell>
          <cell r="B662" t="str">
            <v>Kirby,Connie</v>
          </cell>
          <cell r="C662" t="str">
            <v>044938</v>
          </cell>
          <cell r="D662" t="str">
            <v>Kirby,Connie</v>
          </cell>
        </row>
        <row r="663">
          <cell r="A663" t="str">
            <v>016885</v>
          </cell>
          <cell r="B663" t="str">
            <v>Kirby,Dusty</v>
          </cell>
          <cell r="C663" t="str">
            <v>016885</v>
          </cell>
          <cell r="D663" t="str">
            <v>Kirby,Dusty</v>
          </cell>
        </row>
        <row r="664">
          <cell r="A664" t="str">
            <v>044943</v>
          </cell>
          <cell r="B664" t="str">
            <v>Kirby-King,Karen L</v>
          </cell>
          <cell r="C664" t="str">
            <v>044943</v>
          </cell>
          <cell r="D664" t="str">
            <v>Kirby-King,Karen L</v>
          </cell>
        </row>
        <row r="665">
          <cell r="A665" t="str">
            <v>030596</v>
          </cell>
          <cell r="B665" t="str">
            <v>Kirk,Andrew Alan</v>
          </cell>
          <cell r="C665" t="str">
            <v>030596</v>
          </cell>
          <cell r="D665" t="str">
            <v>Kirk,Andrew Alan</v>
          </cell>
        </row>
        <row r="666">
          <cell r="A666" t="str">
            <v>045155</v>
          </cell>
          <cell r="B666" t="str">
            <v>Kirkpatrick,Allan R</v>
          </cell>
          <cell r="C666" t="str">
            <v>045155</v>
          </cell>
          <cell r="D666" t="str">
            <v>Kirkpatrick,Allan R</v>
          </cell>
        </row>
        <row r="667">
          <cell r="A667" t="str">
            <v>045273</v>
          </cell>
          <cell r="B667" t="str">
            <v>Kitz,Daryl Edward</v>
          </cell>
          <cell r="C667" t="str">
            <v>045273</v>
          </cell>
          <cell r="D667" t="str">
            <v>Kitz,Daryl Edward</v>
          </cell>
        </row>
        <row r="668">
          <cell r="A668" t="str">
            <v>045292</v>
          </cell>
          <cell r="B668" t="str">
            <v>Klei,Greg</v>
          </cell>
          <cell r="C668" t="str">
            <v>045292</v>
          </cell>
          <cell r="D668" t="str">
            <v>Klei,Greg</v>
          </cell>
        </row>
        <row r="669">
          <cell r="A669" t="str">
            <v>073572</v>
          </cell>
          <cell r="B669" t="str">
            <v>Klei,Terri</v>
          </cell>
          <cell r="C669" t="str">
            <v>073572</v>
          </cell>
          <cell r="D669" t="str">
            <v>Klei,Terri</v>
          </cell>
        </row>
        <row r="670">
          <cell r="A670" t="str">
            <v>045308</v>
          </cell>
          <cell r="B670" t="str">
            <v>Klein,Eric W</v>
          </cell>
          <cell r="C670" t="str">
            <v>045308</v>
          </cell>
          <cell r="D670" t="str">
            <v>Klein,Eric W</v>
          </cell>
        </row>
        <row r="671">
          <cell r="A671" t="str">
            <v>045355</v>
          </cell>
          <cell r="B671" t="str">
            <v>Kling,Michael P</v>
          </cell>
          <cell r="C671" t="str">
            <v>045355</v>
          </cell>
          <cell r="D671" t="str">
            <v>Kling,Michael P</v>
          </cell>
        </row>
        <row r="672">
          <cell r="A672" t="str">
            <v>045357</v>
          </cell>
          <cell r="B672" t="str">
            <v>Kling,Paul R</v>
          </cell>
          <cell r="C672" t="str">
            <v>045357</v>
          </cell>
          <cell r="D672" t="str">
            <v>Kling,Paul R</v>
          </cell>
        </row>
        <row r="673">
          <cell r="A673" t="str">
            <v>045369</v>
          </cell>
          <cell r="B673" t="str">
            <v>Kloeker,Chris</v>
          </cell>
          <cell r="C673" t="str">
            <v>045369</v>
          </cell>
          <cell r="D673" t="str">
            <v>Kloeker,Chris</v>
          </cell>
        </row>
        <row r="674">
          <cell r="A674" t="str">
            <v>045485</v>
          </cell>
          <cell r="B674" t="str">
            <v>Klump,Susan M</v>
          </cell>
          <cell r="C674" t="str">
            <v>045485</v>
          </cell>
          <cell r="D674" t="str">
            <v>Klump,Susan M</v>
          </cell>
        </row>
        <row r="675">
          <cell r="A675" t="str">
            <v>326646</v>
          </cell>
          <cell r="B675" t="str">
            <v>Knight,Josh</v>
          </cell>
          <cell r="C675" t="str">
            <v>326646</v>
          </cell>
          <cell r="D675" t="str">
            <v>Knight,Josh</v>
          </cell>
        </row>
        <row r="676">
          <cell r="A676" t="str">
            <v>361870</v>
          </cell>
          <cell r="B676" t="str">
            <v>Knight,Kenneth D</v>
          </cell>
          <cell r="C676" t="str">
            <v>361870</v>
          </cell>
          <cell r="D676" t="str">
            <v>Knight,Kenneth D</v>
          </cell>
        </row>
        <row r="677">
          <cell r="A677" t="str">
            <v>045728</v>
          </cell>
          <cell r="B677" t="str">
            <v>Knobloch,Christina J</v>
          </cell>
          <cell r="C677" t="str">
            <v>045728</v>
          </cell>
          <cell r="D677" t="str">
            <v>Knobloch,Christina J</v>
          </cell>
        </row>
        <row r="678">
          <cell r="A678" t="str">
            <v>285617</v>
          </cell>
          <cell r="B678" t="str">
            <v>Kobylarczyk,Nicholas P.</v>
          </cell>
          <cell r="C678" t="str">
            <v>285617</v>
          </cell>
          <cell r="D678" t="str">
            <v>Kobylarczyk,Nicholas P.</v>
          </cell>
        </row>
        <row r="679">
          <cell r="A679" t="str">
            <v>096310</v>
          </cell>
          <cell r="B679" t="str">
            <v>Koehler,Mike</v>
          </cell>
          <cell r="C679" t="str">
            <v>096310</v>
          </cell>
          <cell r="D679" t="str">
            <v>Koehler,Mike</v>
          </cell>
        </row>
        <row r="680">
          <cell r="A680" t="str">
            <v>095003</v>
          </cell>
          <cell r="B680" t="str">
            <v>Koenig,Matt</v>
          </cell>
          <cell r="C680" t="str">
            <v>095003</v>
          </cell>
          <cell r="D680" t="str">
            <v>Koenig,Matt</v>
          </cell>
        </row>
        <row r="681">
          <cell r="A681" t="str">
            <v>046028</v>
          </cell>
          <cell r="B681" t="str">
            <v>Koeninger,Paul Edward</v>
          </cell>
          <cell r="C681" t="str">
            <v>046028</v>
          </cell>
          <cell r="D681" t="str">
            <v>Koeninger,Paul Edward</v>
          </cell>
        </row>
        <row r="682">
          <cell r="A682" t="str">
            <v>278742</v>
          </cell>
          <cell r="B682" t="str">
            <v>Koetters,Joe</v>
          </cell>
          <cell r="C682" t="str">
            <v>278742</v>
          </cell>
          <cell r="D682" t="str">
            <v>Koetters,Joe</v>
          </cell>
        </row>
        <row r="683">
          <cell r="A683" t="str">
            <v>023408</v>
          </cell>
          <cell r="B683" t="str">
            <v>Kohl,David V</v>
          </cell>
          <cell r="C683" t="str">
            <v>023408</v>
          </cell>
          <cell r="D683" t="str">
            <v>Kohl,David V</v>
          </cell>
        </row>
        <row r="684">
          <cell r="A684" t="str">
            <v>026524</v>
          </cell>
          <cell r="B684" t="str">
            <v>Koontz,Marci L</v>
          </cell>
          <cell r="C684" t="str">
            <v>026524</v>
          </cell>
          <cell r="D684" t="str">
            <v>Koontz,Marci L</v>
          </cell>
        </row>
        <row r="685">
          <cell r="A685" t="str">
            <v>019334</v>
          </cell>
          <cell r="B685" t="str">
            <v>Kowolonek,Beverly S</v>
          </cell>
          <cell r="C685" t="str">
            <v>019334</v>
          </cell>
          <cell r="D685" t="str">
            <v>Kowolonek,Beverly S</v>
          </cell>
        </row>
        <row r="686">
          <cell r="A686" t="str">
            <v>046407</v>
          </cell>
          <cell r="B686" t="str">
            <v>Kramer,Don</v>
          </cell>
          <cell r="C686" t="str">
            <v>046407</v>
          </cell>
          <cell r="D686" t="str">
            <v>Kramer,Don</v>
          </cell>
        </row>
        <row r="687">
          <cell r="A687" t="str">
            <v>046415</v>
          </cell>
          <cell r="B687" t="str">
            <v>Kramer,James L</v>
          </cell>
          <cell r="C687" t="str">
            <v>046415</v>
          </cell>
          <cell r="D687" t="str">
            <v>Kramer,James L</v>
          </cell>
        </row>
        <row r="688">
          <cell r="A688" t="str">
            <v>097389</v>
          </cell>
          <cell r="B688" t="str">
            <v>Kramer,Scott A</v>
          </cell>
          <cell r="C688" t="str">
            <v>097389</v>
          </cell>
          <cell r="D688" t="str">
            <v>Kramer,Scott A</v>
          </cell>
        </row>
        <row r="689">
          <cell r="A689" t="str">
            <v>275130</v>
          </cell>
          <cell r="B689" t="str">
            <v>Kraus,Jeffrey J</v>
          </cell>
          <cell r="C689" t="str">
            <v>275130</v>
          </cell>
          <cell r="D689" t="str">
            <v>Kraus,Jeffrey J</v>
          </cell>
        </row>
        <row r="690">
          <cell r="A690" t="str">
            <v>291370</v>
          </cell>
          <cell r="B690" t="str">
            <v>Kremer,Wayne Edward</v>
          </cell>
          <cell r="C690" t="str">
            <v>291370</v>
          </cell>
          <cell r="D690" t="str">
            <v>Kremer,Wayne Edward</v>
          </cell>
        </row>
        <row r="691">
          <cell r="A691" t="str">
            <v>097283</v>
          </cell>
          <cell r="B691" t="str">
            <v>Kretten,Andrew J</v>
          </cell>
          <cell r="C691" t="str">
            <v>097283</v>
          </cell>
          <cell r="D691" t="str">
            <v>Kretten,Andrew J</v>
          </cell>
        </row>
        <row r="692">
          <cell r="A692" t="str">
            <v>046670</v>
          </cell>
          <cell r="B692" t="str">
            <v>Krier,Mike</v>
          </cell>
          <cell r="C692" t="str">
            <v>046670</v>
          </cell>
          <cell r="D692" t="str">
            <v>Krier,Mike</v>
          </cell>
        </row>
        <row r="693">
          <cell r="A693" t="str">
            <v>025469</v>
          </cell>
          <cell r="B693" t="str">
            <v>Krummen,Mark</v>
          </cell>
          <cell r="C693" t="str">
            <v>025469</v>
          </cell>
          <cell r="D693" t="str">
            <v>Krummen,Mark</v>
          </cell>
        </row>
        <row r="694">
          <cell r="A694" t="str">
            <v>047076</v>
          </cell>
          <cell r="B694" t="str">
            <v>Kurdila,Jerri Lynn</v>
          </cell>
          <cell r="C694" t="str">
            <v>047076</v>
          </cell>
          <cell r="D694" t="str">
            <v>Kurdila,Jerri Lynn</v>
          </cell>
        </row>
        <row r="695">
          <cell r="A695" t="str">
            <v>326639</v>
          </cell>
          <cell r="B695" t="str">
            <v>Kuszmaul,Jared James</v>
          </cell>
          <cell r="C695" t="str">
            <v>326639</v>
          </cell>
          <cell r="D695" t="str">
            <v>Kuszmaul,Jared James</v>
          </cell>
        </row>
        <row r="696">
          <cell r="A696" t="str">
            <v>096498</v>
          </cell>
          <cell r="B696" t="str">
            <v>Lacey,Jason E</v>
          </cell>
          <cell r="C696" t="str">
            <v>096498</v>
          </cell>
          <cell r="D696" t="str">
            <v>Lacey,Jason E</v>
          </cell>
        </row>
        <row r="697">
          <cell r="A697" t="str">
            <v>097053</v>
          </cell>
          <cell r="B697" t="str">
            <v>Lacy,Lonnie R</v>
          </cell>
          <cell r="C697" t="str">
            <v>097053</v>
          </cell>
          <cell r="D697" t="str">
            <v>Lacy,Lonnie R</v>
          </cell>
        </row>
        <row r="698">
          <cell r="A698" t="str">
            <v>010147</v>
          </cell>
          <cell r="B698" t="str">
            <v>Ladson,Doug</v>
          </cell>
          <cell r="C698" t="str">
            <v>010147</v>
          </cell>
          <cell r="D698" t="str">
            <v>Ladson,Doug</v>
          </cell>
        </row>
        <row r="699">
          <cell r="A699" t="str">
            <v>047514</v>
          </cell>
          <cell r="B699" t="str">
            <v>Lake,Paul H</v>
          </cell>
          <cell r="C699" t="str">
            <v>047514</v>
          </cell>
          <cell r="D699" t="str">
            <v>Lake,Paul H</v>
          </cell>
        </row>
        <row r="700">
          <cell r="A700" t="str">
            <v>289917</v>
          </cell>
          <cell r="B700" t="str">
            <v>Lamb,David</v>
          </cell>
          <cell r="C700" t="str">
            <v>289917</v>
          </cell>
          <cell r="D700" t="str">
            <v>Lamb,David</v>
          </cell>
        </row>
        <row r="701">
          <cell r="A701" t="str">
            <v>027125</v>
          </cell>
          <cell r="B701" t="str">
            <v>Lambdin,Benjamin R</v>
          </cell>
          <cell r="C701" t="str">
            <v>027125</v>
          </cell>
          <cell r="D701" t="str">
            <v>Lambdin,Benjamin R</v>
          </cell>
        </row>
        <row r="702">
          <cell r="A702" t="str">
            <v>008280</v>
          </cell>
          <cell r="B702" t="str">
            <v>Lammers,Phil</v>
          </cell>
          <cell r="C702" t="str">
            <v>008280</v>
          </cell>
          <cell r="D702" t="str">
            <v>Lammers,Phil</v>
          </cell>
        </row>
        <row r="703">
          <cell r="A703" t="str">
            <v>326627</v>
          </cell>
          <cell r="B703" t="str">
            <v>Land,James William</v>
          </cell>
          <cell r="C703" t="str">
            <v>326627</v>
          </cell>
          <cell r="D703" t="str">
            <v>Land,James William</v>
          </cell>
        </row>
        <row r="704">
          <cell r="A704" t="str">
            <v>027847</v>
          </cell>
          <cell r="B704" t="str">
            <v>Lane,Jonathan Michael</v>
          </cell>
          <cell r="C704" t="str">
            <v>027847</v>
          </cell>
          <cell r="D704" t="str">
            <v>Lane,Jonathan Michael</v>
          </cell>
        </row>
        <row r="705">
          <cell r="A705" t="str">
            <v>275081</v>
          </cell>
          <cell r="B705" t="str">
            <v>Langefeld,Eric M</v>
          </cell>
          <cell r="C705" t="str">
            <v>275081</v>
          </cell>
          <cell r="D705" t="str">
            <v>Langefeld,Eric M</v>
          </cell>
        </row>
        <row r="706">
          <cell r="A706" t="str">
            <v>361757</v>
          </cell>
          <cell r="B706" t="str">
            <v>Lanham,mike</v>
          </cell>
          <cell r="C706" t="str">
            <v>361757</v>
          </cell>
          <cell r="D706" t="str">
            <v>Lanham,mike</v>
          </cell>
        </row>
        <row r="707">
          <cell r="A707" t="str">
            <v>284652</v>
          </cell>
          <cell r="B707" t="str">
            <v>Lannan,Dan</v>
          </cell>
          <cell r="C707" t="str">
            <v>284652</v>
          </cell>
          <cell r="D707" t="str">
            <v>Lannan,Dan</v>
          </cell>
        </row>
        <row r="708">
          <cell r="A708" t="str">
            <v>285606</v>
          </cell>
          <cell r="B708" t="str">
            <v>Larimore,Dylan L.</v>
          </cell>
          <cell r="C708" t="str">
            <v>285606</v>
          </cell>
          <cell r="D708" t="str">
            <v>Larimore,Dylan L.</v>
          </cell>
        </row>
        <row r="709">
          <cell r="A709" t="str">
            <v>286643</v>
          </cell>
          <cell r="B709" t="str">
            <v>Larkin,Michael L</v>
          </cell>
          <cell r="C709" t="str">
            <v>286643</v>
          </cell>
          <cell r="D709" t="str">
            <v>Larkin,Michael L</v>
          </cell>
        </row>
        <row r="710">
          <cell r="A710" t="str">
            <v>048110</v>
          </cell>
          <cell r="B710" t="str">
            <v>Larkin,Shevelle</v>
          </cell>
          <cell r="C710" t="str">
            <v>048110</v>
          </cell>
          <cell r="D710" t="str">
            <v>Larkin,Shevelle</v>
          </cell>
        </row>
        <row r="711">
          <cell r="A711" t="str">
            <v>286236</v>
          </cell>
          <cell r="B711" t="str">
            <v>Laskowski,Sara Elizabeth</v>
          </cell>
          <cell r="C711" t="str">
            <v>286236</v>
          </cell>
          <cell r="D711" t="str">
            <v>Laskowski,Sara Elizabeth</v>
          </cell>
        </row>
        <row r="712">
          <cell r="A712" t="str">
            <v>017064</v>
          </cell>
          <cell r="B712" t="str">
            <v>Latham,Chris</v>
          </cell>
          <cell r="C712" t="str">
            <v>017064</v>
          </cell>
          <cell r="D712" t="str">
            <v>Latham,Chris</v>
          </cell>
        </row>
        <row r="713">
          <cell r="A713" t="str">
            <v>048132</v>
          </cell>
          <cell r="B713" t="str">
            <v>Laub,Steven E</v>
          </cell>
          <cell r="C713" t="str">
            <v>048132</v>
          </cell>
          <cell r="D713" t="str">
            <v>Laub,Steven E</v>
          </cell>
        </row>
        <row r="714">
          <cell r="A714" t="str">
            <v>278414</v>
          </cell>
          <cell r="B714" t="str">
            <v>Lauer,Nicholas G</v>
          </cell>
          <cell r="C714" t="str">
            <v>278414</v>
          </cell>
          <cell r="D714" t="str">
            <v>Lauer,Nicholas G</v>
          </cell>
        </row>
        <row r="715">
          <cell r="A715" t="str">
            <v>283661</v>
          </cell>
          <cell r="B715" t="str">
            <v>Lauer,Patrick N</v>
          </cell>
          <cell r="C715" t="str">
            <v>283661</v>
          </cell>
          <cell r="D715" t="str">
            <v>Lauer,Patrick N</v>
          </cell>
        </row>
        <row r="716">
          <cell r="A716" t="str">
            <v>278567</v>
          </cell>
          <cell r="B716" t="str">
            <v>Lauer,Timothy L.</v>
          </cell>
          <cell r="C716" t="str">
            <v>278567</v>
          </cell>
          <cell r="D716" t="str">
            <v>Lauer,Timothy L.</v>
          </cell>
        </row>
        <row r="717">
          <cell r="A717" t="str">
            <v>048350</v>
          </cell>
          <cell r="B717" t="str">
            <v>Lawson,Greg</v>
          </cell>
          <cell r="C717" t="str">
            <v>048350</v>
          </cell>
          <cell r="D717" t="str">
            <v>Lawson,Greg</v>
          </cell>
        </row>
        <row r="718">
          <cell r="A718" t="str">
            <v>048615</v>
          </cell>
          <cell r="B718" t="str">
            <v>Lee,Craig G</v>
          </cell>
          <cell r="C718" t="str">
            <v>048615</v>
          </cell>
          <cell r="D718" t="str">
            <v>Lee,Craig G</v>
          </cell>
        </row>
        <row r="719">
          <cell r="A719" t="str">
            <v>048622</v>
          </cell>
          <cell r="B719" t="str">
            <v>Lee,James A</v>
          </cell>
          <cell r="C719" t="str">
            <v>048622</v>
          </cell>
          <cell r="D719" t="str">
            <v>Lee,James A</v>
          </cell>
        </row>
        <row r="720">
          <cell r="A720" t="str">
            <v>012709</v>
          </cell>
          <cell r="B720" t="str">
            <v>Lee,Linda J</v>
          </cell>
          <cell r="C720" t="str">
            <v>012709</v>
          </cell>
          <cell r="D720" t="str">
            <v>Lee,Linda J</v>
          </cell>
        </row>
        <row r="721">
          <cell r="A721" t="str">
            <v>048650</v>
          </cell>
          <cell r="B721" t="str">
            <v>Leesemann,Lori Ann</v>
          </cell>
          <cell r="C721" t="str">
            <v>048650</v>
          </cell>
          <cell r="D721" t="str">
            <v>Leesemann,Lori Ann</v>
          </cell>
        </row>
        <row r="722">
          <cell r="A722" t="str">
            <v>024429</v>
          </cell>
          <cell r="B722" t="str">
            <v>Leggett,Keith B</v>
          </cell>
          <cell r="C722" t="str">
            <v>024429</v>
          </cell>
          <cell r="D722" t="str">
            <v>Leggett,Keith B</v>
          </cell>
        </row>
        <row r="723">
          <cell r="A723" t="str">
            <v>007991</v>
          </cell>
          <cell r="B723" t="str">
            <v>Leidolf,Roger</v>
          </cell>
          <cell r="C723" t="str">
            <v>007991</v>
          </cell>
          <cell r="D723" t="str">
            <v>Leidolf,Roger</v>
          </cell>
        </row>
        <row r="724">
          <cell r="A724" t="str">
            <v>025446</v>
          </cell>
          <cell r="B724" t="str">
            <v>Lewis,Jamie L</v>
          </cell>
          <cell r="C724" t="str">
            <v>025446</v>
          </cell>
          <cell r="D724" t="str">
            <v>Lewis,Jamie L</v>
          </cell>
        </row>
        <row r="725">
          <cell r="A725" t="str">
            <v>022955</v>
          </cell>
          <cell r="B725" t="str">
            <v>Lewis,Jeremy</v>
          </cell>
          <cell r="C725" t="str">
            <v>022955</v>
          </cell>
          <cell r="D725" t="str">
            <v>Lewis,Jeremy</v>
          </cell>
        </row>
        <row r="726">
          <cell r="A726" t="str">
            <v>026223</v>
          </cell>
          <cell r="B726" t="str">
            <v>Lewis,Marc T.</v>
          </cell>
          <cell r="C726" t="str">
            <v>026223</v>
          </cell>
          <cell r="D726" t="str">
            <v>Lewis,Marc T.</v>
          </cell>
        </row>
        <row r="727">
          <cell r="A727" t="str">
            <v>017254</v>
          </cell>
          <cell r="B727" t="str">
            <v>Lewis,TJ</v>
          </cell>
          <cell r="C727" t="str">
            <v>017254</v>
          </cell>
          <cell r="D727" t="str">
            <v>Lewis,TJ</v>
          </cell>
        </row>
        <row r="728">
          <cell r="A728" t="str">
            <v>011994</v>
          </cell>
          <cell r="B728" t="str">
            <v>Lichlyter,Michael Gary</v>
          </cell>
          <cell r="C728" t="str">
            <v>011994</v>
          </cell>
          <cell r="D728" t="str">
            <v>Lichlyter,Michael Gary</v>
          </cell>
        </row>
        <row r="729">
          <cell r="A729" t="str">
            <v>015724</v>
          </cell>
          <cell r="B729" t="str">
            <v>Liggett,Brian Todd</v>
          </cell>
          <cell r="C729" t="str">
            <v>015724</v>
          </cell>
          <cell r="D729" t="str">
            <v>Liggett,Brian Todd</v>
          </cell>
        </row>
        <row r="730">
          <cell r="A730" t="str">
            <v>010292</v>
          </cell>
          <cell r="B730" t="str">
            <v>Lilly,Charles Lee</v>
          </cell>
          <cell r="C730" t="str">
            <v>010292</v>
          </cell>
          <cell r="D730" t="str">
            <v>Lilly,Charles Lee</v>
          </cell>
        </row>
        <row r="731">
          <cell r="A731" t="str">
            <v>275083</v>
          </cell>
          <cell r="B731" t="str">
            <v>Lilly,Joseph Paul</v>
          </cell>
          <cell r="C731" t="str">
            <v>275083</v>
          </cell>
          <cell r="D731" t="str">
            <v>Lilly,Joseph Paul</v>
          </cell>
        </row>
        <row r="732">
          <cell r="A732" t="str">
            <v>049923</v>
          </cell>
          <cell r="B732" t="str">
            <v>Lipps,Sandy</v>
          </cell>
          <cell r="C732" t="str">
            <v>049923</v>
          </cell>
          <cell r="D732" t="str">
            <v>Lipps,Sandy</v>
          </cell>
        </row>
        <row r="733">
          <cell r="A733" t="str">
            <v>049969</v>
          </cell>
          <cell r="B733" t="str">
            <v>Litkenhaus,William A</v>
          </cell>
          <cell r="C733" t="str">
            <v>049969</v>
          </cell>
          <cell r="D733" t="str">
            <v>Litkenhaus,William A</v>
          </cell>
        </row>
        <row r="734">
          <cell r="A734" t="str">
            <v>283274</v>
          </cell>
          <cell r="B734" t="str">
            <v>Litmer,Bret</v>
          </cell>
          <cell r="C734" t="str">
            <v>283274</v>
          </cell>
          <cell r="D734" t="str">
            <v>Litmer,Bret</v>
          </cell>
        </row>
        <row r="735">
          <cell r="A735" t="str">
            <v>013064</v>
          </cell>
          <cell r="B735" t="str">
            <v>Little,Kevin Wayne</v>
          </cell>
          <cell r="C735" t="str">
            <v>008791</v>
          </cell>
          <cell r="D735" t="str">
            <v>Lively,Debbie</v>
          </cell>
        </row>
        <row r="736">
          <cell r="A736" t="str">
            <v>008791</v>
          </cell>
          <cell r="B736" t="str">
            <v>Lively,Debbie</v>
          </cell>
          <cell r="C736" t="str">
            <v>326643</v>
          </cell>
          <cell r="D736" t="str">
            <v>Livesay,Brent A</v>
          </cell>
        </row>
        <row r="737">
          <cell r="A737" t="str">
            <v>029316</v>
          </cell>
          <cell r="B737" t="str">
            <v>Livingston,Tim</v>
          </cell>
          <cell r="C737" t="str">
            <v>029316</v>
          </cell>
          <cell r="D737" t="str">
            <v>Livingston,Tim</v>
          </cell>
        </row>
        <row r="738">
          <cell r="A738" t="str">
            <v>015936</v>
          </cell>
          <cell r="B738" t="str">
            <v>Locke Jr,Artie</v>
          </cell>
          <cell r="C738" t="str">
            <v>015936</v>
          </cell>
          <cell r="D738" t="str">
            <v>Locke Jr,Artie</v>
          </cell>
        </row>
        <row r="739">
          <cell r="A739" t="str">
            <v>018432</v>
          </cell>
          <cell r="B739" t="str">
            <v>Lockwood,Bradley H</v>
          </cell>
          <cell r="C739" t="str">
            <v>018432</v>
          </cell>
          <cell r="D739" t="str">
            <v>Lockwood,Bradley H</v>
          </cell>
        </row>
        <row r="740">
          <cell r="A740" t="str">
            <v>019232</v>
          </cell>
          <cell r="B740" t="str">
            <v>Logan,Fred L</v>
          </cell>
          <cell r="C740" t="str">
            <v>019232</v>
          </cell>
          <cell r="D740" t="str">
            <v>Logan,Fred L</v>
          </cell>
        </row>
        <row r="741">
          <cell r="A741" t="str">
            <v>018439</v>
          </cell>
          <cell r="B741" t="str">
            <v>Lohmann,Robert E</v>
          </cell>
          <cell r="C741" t="str">
            <v>018439</v>
          </cell>
          <cell r="D741" t="str">
            <v>Lohmann,Robert E</v>
          </cell>
        </row>
        <row r="742">
          <cell r="A742" t="str">
            <v>018440</v>
          </cell>
          <cell r="B742" t="str">
            <v>Lohner,Thomas J</v>
          </cell>
          <cell r="C742" t="str">
            <v>018440</v>
          </cell>
          <cell r="D742" t="str">
            <v>Lohner,Thomas J</v>
          </cell>
        </row>
        <row r="743">
          <cell r="A743" t="str">
            <v>010657</v>
          </cell>
          <cell r="B743" t="str">
            <v>Long,Jim</v>
          </cell>
          <cell r="C743" t="str">
            <v>010657</v>
          </cell>
          <cell r="D743" t="str">
            <v>Long,Jim</v>
          </cell>
        </row>
        <row r="744">
          <cell r="A744" t="str">
            <v>015097</v>
          </cell>
          <cell r="B744" t="str">
            <v>Long,Teresa Lee</v>
          </cell>
          <cell r="C744" t="str">
            <v>015097</v>
          </cell>
          <cell r="D744" t="str">
            <v>Long,Teresa Lee</v>
          </cell>
        </row>
        <row r="745">
          <cell r="A745" t="str">
            <v>018452</v>
          </cell>
          <cell r="B745" t="str">
            <v>Louderback,Mark R</v>
          </cell>
          <cell r="C745" t="str">
            <v>018452</v>
          </cell>
          <cell r="D745" t="str">
            <v>Louderback,Mark R</v>
          </cell>
        </row>
        <row r="746">
          <cell r="A746" t="str">
            <v>019569</v>
          </cell>
          <cell r="B746" t="str">
            <v>Louderback,Ryan K</v>
          </cell>
          <cell r="C746" t="str">
            <v>019569</v>
          </cell>
          <cell r="D746" t="str">
            <v>Louderback,Ryan K</v>
          </cell>
        </row>
        <row r="747">
          <cell r="A747" t="str">
            <v>097769</v>
          </cell>
          <cell r="B747" t="str">
            <v>Lovell,Betsy L</v>
          </cell>
          <cell r="C747" t="str">
            <v>097769</v>
          </cell>
          <cell r="D747" t="str">
            <v>Lovell,Betsy L</v>
          </cell>
        </row>
        <row r="748">
          <cell r="A748" t="str">
            <v>275085</v>
          </cell>
          <cell r="B748" t="str">
            <v>Lowry,Darrick</v>
          </cell>
          <cell r="C748" t="str">
            <v>275085</v>
          </cell>
          <cell r="D748" t="str">
            <v>Lowry,Darrick</v>
          </cell>
        </row>
        <row r="749">
          <cell r="A749" t="str">
            <v>018467</v>
          </cell>
          <cell r="B749" t="str">
            <v>Lucas,Tanya Y</v>
          </cell>
          <cell r="C749" t="str">
            <v>018467</v>
          </cell>
          <cell r="D749" t="str">
            <v>Lucas,Tanya Y</v>
          </cell>
        </row>
        <row r="750">
          <cell r="A750" t="str">
            <v>018472</v>
          </cell>
          <cell r="B750" t="str">
            <v>Luehrmann,Gregory Joseph</v>
          </cell>
          <cell r="C750" t="str">
            <v>018472</v>
          </cell>
          <cell r="D750" t="str">
            <v>Luehrmann,Gregory Joseph</v>
          </cell>
        </row>
        <row r="751">
          <cell r="A751" t="str">
            <v>018473</v>
          </cell>
          <cell r="B751" t="str">
            <v>Luithle,Dennis W</v>
          </cell>
          <cell r="C751" t="str">
            <v>018473</v>
          </cell>
          <cell r="D751" t="str">
            <v>Luithle,Dennis W</v>
          </cell>
        </row>
        <row r="752">
          <cell r="A752" t="str">
            <v>285210</v>
          </cell>
          <cell r="B752" t="str">
            <v>Lukemire,Jeremy</v>
          </cell>
          <cell r="C752" t="str">
            <v>285210</v>
          </cell>
          <cell r="D752" t="str">
            <v>Lukemire,Jeremy</v>
          </cell>
        </row>
        <row r="753">
          <cell r="A753" t="str">
            <v>012114</v>
          </cell>
          <cell r="B753" t="str">
            <v>Lund,Randy</v>
          </cell>
          <cell r="C753" t="str">
            <v>012114</v>
          </cell>
          <cell r="D753" t="str">
            <v>Lund,Randy</v>
          </cell>
        </row>
        <row r="754">
          <cell r="A754" t="str">
            <v>024495</v>
          </cell>
          <cell r="B754" t="str">
            <v>Lunsford,Joey</v>
          </cell>
          <cell r="C754" t="str">
            <v>024495</v>
          </cell>
          <cell r="D754" t="str">
            <v>Lunsford,Joey</v>
          </cell>
        </row>
        <row r="755">
          <cell r="A755" t="str">
            <v>030185</v>
          </cell>
          <cell r="B755" t="str">
            <v>Lynton,James Richard</v>
          </cell>
          <cell r="C755" t="str">
            <v>030185</v>
          </cell>
          <cell r="D755" t="str">
            <v>Lynton,James Richard</v>
          </cell>
        </row>
        <row r="756">
          <cell r="A756" t="str">
            <v>051240</v>
          </cell>
          <cell r="B756" t="str">
            <v>Ma,Richard</v>
          </cell>
          <cell r="C756" t="str">
            <v>051240</v>
          </cell>
          <cell r="D756" t="str">
            <v>Ma,Richard</v>
          </cell>
        </row>
        <row r="757">
          <cell r="A757" t="str">
            <v>278644</v>
          </cell>
          <cell r="B757" t="str">
            <v>Macke,Suzanne Y</v>
          </cell>
          <cell r="C757" t="str">
            <v>278644</v>
          </cell>
          <cell r="D757" t="str">
            <v>Macke,Suzanne Y</v>
          </cell>
        </row>
        <row r="758">
          <cell r="A758" t="str">
            <v>014685</v>
          </cell>
          <cell r="B758" t="str">
            <v>Madden,Barb</v>
          </cell>
          <cell r="C758" t="str">
            <v>014685</v>
          </cell>
          <cell r="D758" t="str">
            <v>Madden,Barb</v>
          </cell>
        </row>
        <row r="759">
          <cell r="A759" t="str">
            <v>014886</v>
          </cell>
          <cell r="B759" t="str">
            <v>Madden,Greg</v>
          </cell>
          <cell r="C759" t="str">
            <v>014886</v>
          </cell>
          <cell r="D759" t="str">
            <v>Madden,Greg</v>
          </cell>
        </row>
        <row r="760">
          <cell r="A760" t="str">
            <v>051338</v>
          </cell>
          <cell r="B760" t="str">
            <v>Maddin,Steve E</v>
          </cell>
          <cell r="C760" t="str">
            <v>051338</v>
          </cell>
          <cell r="D760" t="str">
            <v>Maddin,Steve E</v>
          </cell>
        </row>
        <row r="761">
          <cell r="A761" t="str">
            <v>051355</v>
          </cell>
          <cell r="B761" t="str">
            <v>Madigan,Jerry</v>
          </cell>
          <cell r="C761" t="str">
            <v>051355</v>
          </cell>
          <cell r="D761" t="str">
            <v>Madigan,Jerry</v>
          </cell>
        </row>
        <row r="762">
          <cell r="A762" t="str">
            <v>026545</v>
          </cell>
          <cell r="B762" t="str">
            <v>Maggard,Kristi A</v>
          </cell>
          <cell r="C762" t="str">
            <v>026545</v>
          </cell>
          <cell r="D762" t="str">
            <v>Maggard,Kristi A</v>
          </cell>
        </row>
        <row r="763">
          <cell r="A763" t="str">
            <v>051400</v>
          </cell>
          <cell r="B763" t="str">
            <v>Mahan,Terry Ray</v>
          </cell>
          <cell r="C763" t="str">
            <v>051400</v>
          </cell>
          <cell r="D763" t="str">
            <v>Mahan,Terry Ray</v>
          </cell>
        </row>
        <row r="764">
          <cell r="A764" t="str">
            <v>051477</v>
          </cell>
          <cell r="B764" t="str">
            <v>Malloy,Pat</v>
          </cell>
          <cell r="C764" t="str">
            <v>051477</v>
          </cell>
          <cell r="D764" t="str">
            <v>Malloy,Pat</v>
          </cell>
        </row>
        <row r="765">
          <cell r="A765" t="str">
            <v>051516</v>
          </cell>
          <cell r="B765" t="str">
            <v>Malone,Thomas W</v>
          </cell>
          <cell r="C765" t="str">
            <v>051516</v>
          </cell>
          <cell r="D765" t="str">
            <v>Malone,Thomas W</v>
          </cell>
        </row>
        <row r="766">
          <cell r="A766" t="str">
            <v>007307</v>
          </cell>
          <cell r="B766" t="str">
            <v>Malott,Terry Richard</v>
          </cell>
          <cell r="C766" t="str">
            <v>007307</v>
          </cell>
          <cell r="D766" t="str">
            <v>Malott,Terry Richard</v>
          </cell>
        </row>
        <row r="767">
          <cell r="A767" t="str">
            <v>272355</v>
          </cell>
          <cell r="B767" t="str">
            <v>Manning,Andrew D</v>
          </cell>
          <cell r="C767" t="str">
            <v>272355</v>
          </cell>
          <cell r="D767" t="str">
            <v>Manning,Andrew D</v>
          </cell>
        </row>
        <row r="768">
          <cell r="A768" t="str">
            <v>031015</v>
          </cell>
          <cell r="B768" t="str">
            <v>Manning,Coy Roger</v>
          </cell>
          <cell r="C768" t="str">
            <v>031015</v>
          </cell>
          <cell r="D768" t="str">
            <v>Manning,Coy Roger</v>
          </cell>
        </row>
        <row r="769">
          <cell r="A769" t="str">
            <v>051730</v>
          </cell>
          <cell r="B769" t="str">
            <v>Manyet,Marjorie L</v>
          </cell>
          <cell r="C769" t="str">
            <v>051730</v>
          </cell>
          <cell r="D769" t="str">
            <v>Manyet,Marjorie L</v>
          </cell>
        </row>
        <row r="770">
          <cell r="A770" t="str">
            <v>009453</v>
          </cell>
          <cell r="B770" t="str">
            <v>Mardis,Terry Michael</v>
          </cell>
          <cell r="C770" t="str">
            <v>009453</v>
          </cell>
          <cell r="D770" t="str">
            <v>Mardis,Terry Michael</v>
          </cell>
        </row>
        <row r="771">
          <cell r="A771" t="str">
            <v>008094</v>
          </cell>
          <cell r="B771" t="str">
            <v>Margason,Dennis Gene</v>
          </cell>
          <cell r="C771" t="str">
            <v>008094</v>
          </cell>
          <cell r="D771" t="str">
            <v>Margason,Dennis Gene</v>
          </cell>
        </row>
        <row r="772">
          <cell r="A772" t="str">
            <v>097390</v>
          </cell>
          <cell r="B772" t="str">
            <v>Markus,Tony E</v>
          </cell>
          <cell r="C772" t="str">
            <v>097390</v>
          </cell>
          <cell r="D772" t="str">
            <v>Markus,Tony E</v>
          </cell>
        </row>
        <row r="773">
          <cell r="A773" t="str">
            <v>016214</v>
          </cell>
          <cell r="B773" t="str">
            <v>Maroney,Tom</v>
          </cell>
          <cell r="C773" t="str">
            <v>016214</v>
          </cell>
          <cell r="D773" t="str">
            <v>Maroney,Tom</v>
          </cell>
        </row>
        <row r="774">
          <cell r="A774" t="str">
            <v>361547</v>
          </cell>
          <cell r="B774" t="str">
            <v>Marschand,Blake</v>
          </cell>
          <cell r="C774" t="str">
            <v>361547</v>
          </cell>
          <cell r="D774" t="str">
            <v>Marschand,Blake</v>
          </cell>
        </row>
        <row r="775">
          <cell r="A775" t="str">
            <v>016843</v>
          </cell>
          <cell r="B775" t="str">
            <v>Marsh,Diane L</v>
          </cell>
          <cell r="C775" t="str">
            <v>016843</v>
          </cell>
          <cell r="D775" t="str">
            <v>Marsh,Diane L</v>
          </cell>
        </row>
        <row r="776">
          <cell r="A776" t="str">
            <v>024496</v>
          </cell>
          <cell r="B776" t="str">
            <v>Marshall,Dayne Joseph</v>
          </cell>
          <cell r="C776" t="str">
            <v>024496</v>
          </cell>
          <cell r="D776" t="str">
            <v>Marshall,Dayne Joseph</v>
          </cell>
        </row>
        <row r="777">
          <cell r="A777" t="str">
            <v>052210</v>
          </cell>
          <cell r="B777" t="str">
            <v>Martin,Anthony Lee</v>
          </cell>
          <cell r="C777" t="str">
            <v>052210</v>
          </cell>
          <cell r="D777" t="str">
            <v>Martin,Anthony Lee</v>
          </cell>
        </row>
        <row r="778">
          <cell r="A778" t="str">
            <v>095535</v>
          </cell>
          <cell r="B778" t="str">
            <v>Martin,Glen E</v>
          </cell>
          <cell r="C778" t="str">
            <v>095535</v>
          </cell>
          <cell r="D778" t="str">
            <v>Martin,Glen E</v>
          </cell>
        </row>
        <row r="779">
          <cell r="A779" t="str">
            <v>012576</v>
          </cell>
          <cell r="B779" t="str">
            <v>Martin,Robert Noel</v>
          </cell>
          <cell r="C779" t="str">
            <v>012576</v>
          </cell>
          <cell r="D779" t="str">
            <v>Martin,Robert Noel</v>
          </cell>
        </row>
        <row r="780">
          <cell r="A780" t="str">
            <v>030015</v>
          </cell>
          <cell r="B780" t="str">
            <v>Martin,Robert Scott</v>
          </cell>
          <cell r="C780" t="str">
            <v>030015</v>
          </cell>
          <cell r="D780" t="str">
            <v>Martin,Robert Scott</v>
          </cell>
        </row>
        <row r="781">
          <cell r="A781" t="str">
            <v>015784</v>
          </cell>
          <cell r="B781" t="str">
            <v>Martin,Tom</v>
          </cell>
          <cell r="C781" t="str">
            <v>015784</v>
          </cell>
          <cell r="D781" t="str">
            <v>Martin,Tom</v>
          </cell>
        </row>
        <row r="782">
          <cell r="A782" t="str">
            <v>283627</v>
          </cell>
          <cell r="B782" t="str">
            <v>Martini,Ronnie</v>
          </cell>
          <cell r="C782" t="str">
            <v>283627</v>
          </cell>
          <cell r="D782" t="str">
            <v>Martini,Ronnie</v>
          </cell>
        </row>
        <row r="783">
          <cell r="A783" t="str">
            <v>052739</v>
          </cell>
          <cell r="B783" t="str">
            <v>Maschmeyer Schuler,Mary C</v>
          </cell>
          <cell r="C783" t="str">
            <v>052739</v>
          </cell>
          <cell r="D783" t="str">
            <v>Maschmeyer Schuler,Mary C</v>
          </cell>
        </row>
        <row r="784">
          <cell r="A784" t="str">
            <v>030676</v>
          </cell>
          <cell r="B784" t="str">
            <v>Mattern,Ryan Alan</v>
          </cell>
          <cell r="C784" t="str">
            <v>030676</v>
          </cell>
          <cell r="D784" t="str">
            <v>Mattern,Ryan Alan</v>
          </cell>
        </row>
        <row r="785">
          <cell r="A785" t="str">
            <v>010028</v>
          </cell>
          <cell r="B785" t="str">
            <v>Matthews,Daniel Robert</v>
          </cell>
          <cell r="C785" t="str">
            <v>010028</v>
          </cell>
          <cell r="D785" t="str">
            <v>Matthews,Daniel Robert</v>
          </cell>
        </row>
        <row r="786">
          <cell r="A786" t="str">
            <v>015428</v>
          </cell>
          <cell r="B786" t="str">
            <v>Maus,Connie Jo</v>
          </cell>
          <cell r="C786" t="str">
            <v>015428</v>
          </cell>
          <cell r="D786" t="str">
            <v>Maus,Connie Jo</v>
          </cell>
        </row>
        <row r="787">
          <cell r="A787" t="str">
            <v>031597</v>
          </cell>
          <cell r="B787" t="str">
            <v>Maus,Jason L</v>
          </cell>
          <cell r="C787" t="str">
            <v>031597</v>
          </cell>
          <cell r="D787" t="str">
            <v>Maus,Jason L</v>
          </cell>
        </row>
        <row r="788">
          <cell r="A788" t="str">
            <v>010570</v>
          </cell>
          <cell r="B788" t="str">
            <v>May,Fritz</v>
          </cell>
          <cell r="C788" t="str">
            <v>010570</v>
          </cell>
          <cell r="D788" t="str">
            <v>May,Fritz</v>
          </cell>
        </row>
        <row r="789">
          <cell r="A789" t="str">
            <v>279894</v>
          </cell>
          <cell r="B789" t="str">
            <v>May,Pete</v>
          </cell>
          <cell r="C789" t="str">
            <v>279894</v>
          </cell>
          <cell r="D789" t="str">
            <v>May,Pete</v>
          </cell>
        </row>
        <row r="790">
          <cell r="A790" t="str">
            <v>053308</v>
          </cell>
          <cell r="B790" t="str">
            <v>Mayberry,Michael L</v>
          </cell>
          <cell r="C790" t="str">
            <v>053308</v>
          </cell>
          <cell r="D790" t="str">
            <v>Mayberry,Michael L</v>
          </cell>
        </row>
        <row r="791">
          <cell r="A791" t="str">
            <v>030678</v>
          </cell>
          <cell r="B791" t="str">
            <v>Mayhill,James Joseph</v>
          </cell>
          <cell r="C791" t="str">
            <v>030678</v>
          </cell>
          <cell r="D791" t="str">
            <v>Mayhill,James Joseph</v>
          </cell>
        </row>
        <row r="792">
          <cell r="A792" t="str">
            <v>053339</v>
          </cell>
          <cell r="B792" t="str">
            <v>Mayle,Maxine</v>
          </cell>
          <cell r="C792" t="str">
            <v>053339</v>
          </cell>
          <cell r="D792" t="str">
            <v>Mayle,Maxine</v>
          </cell>
        </row>
        <row r="793">
          <cell r="A793" t="str">
            <v>095536</v>
          </cell>
          <cell r="B793" t="str">
            <v>McCabe,Joe</v>
          </cell>
          <cell r="C793" t="str">
            <v>095536</v>
          </cell>
          <cell r="D793" t="str">
            <v>McCabe,Joe</v>
          </cell>
        </row>
        <row r="794">
          <cell r="A794" t="str">
            <v>097377</v>
          </cell>
          <cell r="B794" t="str">
            <v>McCammon,Chris</v>
          </cell>
          <cell r="C794" t="str">
            <v>097377</v>
          </cell>
          <cell r="D794" t="str">
            <v>McCammon,Chris</v>
          </cell>
        </row>
        <row r="795">
          <cell r="A795" t="str">
            <v>019317</v>
          </cell>
          <cell r="B795" t="str">
            <v>McClain,Richard E</v>
          </cell>
          <cell r="C795" t="str">
            <v>019317</v>
          </cell>
          <cell r="D795" t="str">
            <v>McClain,Richard E</v>
          </cell>
        </row>
        <row r="796">
          <cell r="A796" t="str">
            <v>053589</v>
          </cell>
          <cell r="B796" t="str">
            <v>McClanahan,Jerry L</v>
          </cell>
          <cell r="C796" t="str">
            <v>053589</v>
          </cell>
          <cell r="D796" t="str">
            <v>McClanahan,Jerry L</v>
          </cell>
        </row>
        <row r="797">
          <cell r="A797" t="str">
            <v>009013</v>
          </cell>
          <cell r="B797" t="str">
            <v>McClay,Larry Gene</v>
          </cell>
          <cell r="C797" t="str">
            <v>009013</v>
          </cell>
          <cell r="D797" t="str">
            <v>McClay,Larry Gene</v>
          </cell>
        </row>
        <row r="798">
          <cell r="A798" t="str">
            <v>095606</v>
          </cell>
          <cell r="B798" t="str">
            <v>McClelland,Andrew D</v>
          </cell>
          <cell r="C798" t="str">
            <v>095606</v>
          </cell>
          <cell r="D798" t="str">
            <v>McClelland,Andrew D</v>
          </cell>
        </row>
        <row r="799">
          <cell r="A799" t="str">
            <v>023492</v>
          </cell>
          <cell r="B799" t="str">
            <v>McClelland,Billy</v>
          </cell>
          <cell r="C799" t="str">
            <v>023492</v>
          </cell>
          <cell r="D799" t="str">
            <v>McClelland,Billy</v>
          </cell>
        </row>
        <row r="800">
          <cell r="A800" t="str">
            <v>023110</v>
          </cell>
          <cell r="B800" t="str">
            <v>McCloud,Greg</v>
          </cell>
          <cell r="C800" t="str">
            <v>023110</v>
          </cell>
          <cell r="D800" t="str">
            <v>McCloud,Greg</v>
          </cell>
        </row>
        <row r="801">
          <cell r="A801" t="str">
            <v>026226</v>
          </cell>
          <cell r="B801" t="str">
            <v>McClure,Victor Matthew</v>
          </cell>
          <cell r="C801" t="str">
            <v>026226</v>
          </cell>
          <cell r="D801" t="str">
            <v>McClure,Victor Matthew</v>
          </cell>
        </row>
        <row r="802">
          <cell r="A802" t="str">
            <v>025796</v>
          </cell>
          <cell r="B802" t="str">
            <v>McCord,Josh</v>
          </cell>
          <cell r="C802" t="str">
            <v>025796</v>
          </cell>
          <cell r="D802" t="str">
            <v>McCord,Josh</v>
          </cell>
        </row>
        <row r="803">
          <cell r="A803" t="str">
            <v>030026</v>
          </cell>
          <cell r="B803" t="str">
            <v>McCullough,Christopher Alan</v>
          </cell>
          <cell r="C803" t="str">
            <v>030026</v>
          </cell>
          <cell r="D803" t="str">
            <v>McCullough,Christopher Alan</v>
          </cell>
        </row>
        <row r="804">
          <cell r="A804" t="str">
            <v>367078</v>
          </cell>
          <cell r="B804" t="str">
            <v>McDaniel,Dawn</v>
          </cell>
          <cell r="C804" t="str">
            <v>367078</v>
          </cell>
          <cell r="D804" t="str">
            <v>McDaniel,Dawn</v>
          </cell>
        </row>
        <row r="805">
          <cell r="A805" t="str">
            <v>031626</v>
          </cell>
          <cell r="B805" t="str">
            <v>McDonald,Jonathan Michael</v>
          </cell>
          <cell r="C805" t="str">
            <v>031626</v>
          </cell>
          <cell r="D805" t="str">
            <v>McDonald,Jonathan Michael</v>
          </cell>
        </row>
        <row r="806">
          <cell r="A806" t="str">
            <v>054337</v>
          </cell>
          <cell r="B806" t="str">
            <v>McGhee,Brick</v>
          </cell>
          <cell r="C806" t="str">
            <v>054337</v>
          </cell>
          <cell r="D806" t="str">
            <v>McGhee,Brick</v>
          </cell>
        </row>
        <row r="807">
          <cell r="A807" t="str">
            <v>015332</v>
          </cell>
          <cell r="B807" t="str">
            <v>McGriff,Ron</v>
          </cell>
          <cell r="C807" t="str">
            <v>015332</v>
          </cell>
          <cell r="D807" t="str">
            <v>McGriff,Ron</v>
          </cell>
        </row>
        <row r="808">
          <cell r="A808" t="str">
            <v>030814</v>
          </cell>
          <cell r="B808" t="str">
            <v>McHugh,Roger B</v>
          </cell>
          <cell r="C808" t="str">
            <v>030814</v>
          </cell>
          <cell r="D808" t="str">
            <v>McHugh,Roger B</v>
          </cell>
        </row>
        <row r="809">
          <cell r="A809" t="str">
            <v>009326</v>
          </cell>
          <cell r="B809" t="str">
            <v>McIlwain,Daren James</v>
          </cell>
          <cell r="C809" t="str">
            <v>009326</v>
          </cell>
          <cell r="D809" t="str">
            <v>McIlwain,Daren James</v>
          </cell>
        </row>
        <row r="810">
          <cell r="A810" t="str">
            <v>097375</v>
          </cell>
          <cell r="B810" t="str">
            <v>McKenzie,Sean M</v>
          </cell>
          <cell r="C810" t="str">
            <v>097375</v>
          </cell>
          <cell r="D810" t="str">
            <v>McKenzie,Sean M</v>
          </cell>
        </row>
        <row r="811">
          <cell r="A811" t="str">
            <v>273039</v>
          </cell>
          <cell r="B811" t="str">
            <v>McKibben,Jacob D.</v>
          </cell>
          <cell r="C811" t="str">
            <v>273039</v>
          </cell>
          <cell r="D811" t="str">
            <v>McKibben,Jacob D.</v>
          </cell>
        </row>
        <row r="812">
          <cell r="A812" t="str">
            <v>017133</v>
          </cell>
          <cell r="B812" t="str">
            <v>McKinney,Darren C</v>
          </cell>
          <cell r="C812" t="str">
            <v>017133</v>
          </cell>
          <cell r="D812" t="str">
            <v>McKinney,Darren C</v>
          </cell>
        </row>
        <row r="813">
          <cell r="A813" t="str">
            <v>054948</v>
          </cell>
          <cell r="B813" t="str">
            <v>McKinney,Douglas J</v>
          </cell>
          <cell r="C813" t="str">
            <v>054948</v>
          </cell>
          <cell r="D813" t="str">
            <v>McKinney,Douglas J</v>
          </cell>
        </row>
        <row r="814">
          <cell r="A814" t="str">
            <v>055089</v>
          </cell>
          <cell r="B814" t="str">
            <v>McMahan,Kelly P</v>
          </cell>
          <cell r="C814" t="str">
            <v>055089</v>
          </cell>
          <cell r="D814" t="str">
            <v>McMahan,Kelly P</v>
          </cell>
        </row>
        <row r="815">
          <cell r="A815" t="str">
            <v>095447</v>
          </cell>
          <cell r="B815" t="str">
            <v>McMahan,Kyle P</v>
          </cell>
          <cell r="C815" t="str">
            <v>095447</v>
          </cell>
          <cell r="D815" t="str">
            <v>McMahan,Kyle P</v>
          </cell>
        </row>
        <row r="816">
          <cell r="A816" t="str">
            <v>010723</v>
          </cell>
          <cell r="B816" t="str">
            <v>McMains,Daniel</v>
          </cell>
          <cell r="C816" t="str">
            <v>010723</v>
          </cell>
          <cell r="D816" t="str">
            <v>McMains,Daniel</v>
          </cell>
        </row>
        <row r="817">
          <cell r="A817" t="str">
            <v>289387</v>
          </cell>
          <cell r="B817" t="str">
            <v>McMeans,Donald Chase</v>
          </cell>
          <cell r="C817" t="str">
            <v>289387</v>
          </cell>
          <cell r="D817" t="str">
            <v>McMeans,Donald Chase</v>
          </cell>
        </row>
        <row r="818">
          <cell r="A818" t="str">
            <v>055206</v>
          </cell>
          <cell r="B818" t="str">
            <v>McMillin Jr,Walter M</v>
          </cell>
          <cell r="C818" t="str">
            <v>055206</v>
          </cell>
          <cell r="D818" t="str">
            <v>McMillin Jr,Walter M</v>
          </cell>
        </row>
        <row r="819">
          <cell r="A819" t="str">
            <v>055234</v>
          </cell>
          <cell r="B819" t="str">
            <v>McNabb,John R</v>
          </cell>
          <cell r="C819" t="str">
            <v>055234</v>
          </cell>
          <cell r="D819" t="str">
            <v>McNabb,John R</v>
          </cell>
        </row>
        <row r="820">
          <cell r="A820" t="str">
            <v>016870</v>
          </cell>
          <cell r="B820" t="str">
            <v>McNew,Lester Earl</v>
          </cell>
          <cell r="C820" t="str">
            <v>016870</v>
          </cell>
          <cell r="D820" t="str">
            <v>McNew,Lester Earl</v>
          </cell>
        </row>
        <row r="821">
          <cell r="A821" t="str">
            <v>055317</v>
          </cell>
          <cell r="B821" t="str">
            <v>McWilson,Mark A</v>
          </cell>
          <cell r="C821" t="str">
            <v>055317</v>
          </cell>
          <cell r="D821" t="str">
            <v>McWilson,Mark A</v>
          </cell>
        </row>
        <row r="822">
          <cell r="A822" t="str">
            <v>055394</v>
          </cell>
          <cell r="B822" t="str">
            <v>Mearns,Susan</v>
          </cell>
          <cell r="C822" t="str">
            <v>055394</v>
          </cell>
          <cell r="D822" t="str">
            <v>Mearns,Susan</v>
          </cell>
        </row>
        <row r="823">
          <cell r="A823" t="str">
            <v>279858</v>
          </cell>
          <cell r="B823" t="str">
            <v>Medina,Cody</v>
          </cell>
          <cell r="C823" t="str">
            <v>279858</v>
          </cell>
          <cell r="D823" t="str">
            <v>Medina,Cody</v>
          </cell>
        </row>
        <row r="824">
          <cell r="A824" t="str">
            <v>014826</v>
          </cell>
          <cell r="B824" t="str">
            <v>Mehring,Tonya Lynn</v>
          </cell>
          <cell r="C824" t="str">
            <v>014826</v>
          </cell>
          <cell r="D824" t="str">
            <v>Mehring,Tonya Lynn</v>
          </cell>
        </row>
        <row r="825">
          <cell r="A825" t="str">
            <v>008115</v>
          </cell>
          <cell r="B825" t="str">
            <v>Melton,Gary Lynn</v>
          </cell>
          <cell r="C825" t="str">
            <v>008115</v>
          </cell>
          <cell r="D825" t="str">
            <v>Melton,Gary Lynn</v>
          </cell>
        </row>
        <row r="826">
          <cell r="A826" t="str">
            <v>055910</v>
          </cell>
          <cell r="B826" t="str">
            <v>Memering,Patty</v>
          </cell>
          <cell r="C826" t="str">
            <v>055910</v>
          </cell>
          <cell r="D826" t="str">
            <v>Memering,Patty</v>
          </cell>
        </row>
        <row r="827">
          <cell r="A827" t="str">
            <v>011541</v>
          </cell>
          <cell r="B827" t="str">
            <v>Mendenhall,Gary Lee</v>
          </cell>
          <cell r="C827" t="str">
            <v>011541</v>
          </cell>
          <cell r="D827" t="str">
            <v>Mendenhall,Gary Lee</v>
          </cell>
        </row>
        <row r="828">
          <cell r="A828" t="str">
            <v>275068</v>
          </cell>
          <cell r="B828" t="str">
            <v>Mendenhall,Jason S</v>
          </cell>
          <cell r="C828" t="str">
            <v>275068</v>
          </cell>
          <cell r="D828" t="str">
            <v>Mendenhall,Jason S</v>
          </cell>
        </row>
        <row r="829">
          <cell r="A829" t="str">
            <v>272594</v>
          </cell>
          <cell r="B829" t="str">
            <v>Mendez,Tomas D</v>
          </cell>
          <cell r="C829" t="str">
            <v>272594</v>
          </cell>
          <cell r="D829" t="str">
            <v>Mendez,Tomas D</v>
          </cell>
        </row>
        <row r="830">
          <cell r="A830" t="str">
            <v>016701</v>
          </cell>
          <cell r="B830" t="str">
            <v>Menefee,Joshua Shane</v>
          </cell>
          <cell r="C830" t="str">
            <v>016701</v>
          </cell>
          <cell r="D830" t="str">
            <v>Menefee,Joshua Shane</v>
          </cell>
        </row>
        <row r="831">
          <cell r="A831" t="str">
            <v>056235</v>
          </cell>
          <cell r="B831" t="str">
            <v>Messamer,Tom R</v>
          </cell>
          <cell r="C831" t="str">
            <v>056235</v>
          </cell>
          <cell r="D831" t="str">
            <v>Messamer,Tom R</v>
          </cell>
        </row>
        <row r="832">
          <cell r="A832" t="str">
            <v>016424</v>
          </cell>
          <cell r="B832" t="str">
            <v>Metschke,Francie Dee</v>
          </cell>
          <cell r="C832" t="str">
            <v>016424</v>
          </cell>
          <cell r="D832" t="str">
            <v>Metschke,Francie Dee</v>
          </cell>
        </row>
        <row r="833">
          <cell r="A833" t="str">
            <v>056575</v>
          </cell>
          <cell r="B833" t="str">
            <v>Meyer,Thomas Lee</v>
          </cell>
          <cell r="C833" t="str">
            <v>056575</v>
          </cell>
          <cell r="D833" t="str">
            <v>Meyer,Thomas Lee</v>
          </cell>
        </row>
        <row r="834">
          <cell r="A834" t="str">
            <v>056580</v>
          </cell>
          <cell r="B834" t="str">
            <v>Meyer,Tim</v>
          </cell>
          <cell r="C834" t="str">
            <v>056580</v>
          </cell>
          <cell r="D834" t="str">
            <v>Meyer,Tim</v>
          </cell>
        </row>
        <row r="835">
          <cell r="A835" t="str">
            <v>056595</v>
          </cell>
          <cell r="B835" t="str">
            <v>Meyer,Virginia</v>
          </cell>
          <cell r="C835" t="str">
            <v>056595</v>
          </cell>
          <cell r="D835" t="str">
            <v>Meyer,Virginia</v>
          </cell>
        </row>
        <row r="836">
          <cell r="A836" t="str">
            <v>056725</v>
          </cell>
          <cell r="B836" t="str">
            <v>Mickey,Lance Allan</v>
          </cell>
          <cell r="C836" t="str">
            <v>056725</v>
          </cell>
          <cell r="D836" t="str">
            <v>Mickey,Lance Allan</v>
          </cell>
        </row>
        <row r="837">
          <cell r="A837" t="str">
            <v>022926</v>
          </cell>
          <cell r="B837" t="str">
            <v>Milam,John D</v>
          </cell>
          <cell r="C837" t="str">
            <v>022926</v>
          </cell>
          <cell r="D837" t="str">
            <v>Milam,John D</v>
          </cell>
        </row>
        <row r="838">
          <cell r="A838" t="str">
            <v>007630</v>
          </cell>
          <cell r="B838" t="str">
            <v>Miles,Darlene</v>
          </cell>
          <cell r="C838" t="str">
            <v>007630</v>
          </cell>
          <cell r="D838" t="str">
            <v>Miles,Darlene</v>
          </cell>
        </row>
        <row r="839">
          <cell r="A839" t="str">
            <v>056838</v>
          </cell>
          <cell r="B839" t="str">
            <v>Millay,Charles E</v>
          </cell>
          <cell r="C839" t="str">
            <v>056838</v>
          </cell>
          <cell r="D839" t="str">
            <v>Millay,Charles E</v>
          </cell>
        </row>
        <row r="840">
          <cell r="A840" t="str">
            <v>056875</v>
          </cell>
          <cell r="B840" t="str">
            <v>Miller,Dale L</v>
          </cell>
          <cell r="C840" t="str">
            <v>056875</v>
          </cell>
          <cell r="D840" t="str">
            <v>Miller,Dale L</v>
          </cell>
        </row>
        <row r="841">
          <cell r="A841" t="str">
            <v>056883</v>
          </cell>
          <cell r="B841" t="str">
            <v>Miller,Don</v>
          </cell>
          <cell r="C841" t="str">
            <v>056883</v>
          </cell>
          <cell r="D841" t="str">
            <v>Miller,Don</v>
          </cell>
        </row>
        <row r="842">
          <cell r="A842" t="str">
            <v>056895</v>
          </cell>
          <cell r="B842" t="str">
            <v>Miller,Elaine C</v>
          </cell>
          <cell r="C842" t="str">
            <v>056895</v>
          </cell>
          <cell r="D842" t="str">
            <v>Miller,Elaine C</v>
          </cell>
        </row>
        <row r="843">
          <cell r="A843" t="str">
            <v>057136</v>
          </cell>
          <cell r="B843" t="str">
            <v>Miller,Michael W</v>
          </cell>
          <cell r="C843" t="str">
            <v>057136</v>
          </cell>
          <cell r="D843" t="str">
            <v>Miller,Michael W</v>
          </cell>
        </row>
        <row r="844">
          <cell r="A844" t="str">
            <v>011549</v>
          </cell>
          <cell r="B844" t="str">
            <v>Miller,Mike</v>
          </cell>
          <cell r="C844" t="str">
            <v>011549</v>
          </cell>
          <cell r="D844" t="str">
            <v>Miller,Mike</v>
          </cell>
        </row>
        <row r="845">
          <cell r="A845" t="str">
            <v>291403</v>
          </cell>
          <cell r="B845" t="str">
            <v>Miller,Rob L</v>
          </cell>
          <cell r="C845" t="str">
            <v>291403</v>
          </cell>
          <cell r="D845" t="str">
            <v>Miller,Rob L</v>
          </cell>
        </row>
        <row r="846">
          <cell r="A846" t="str">
            <v>288829</v>
          </cell>
          <cell r="B846" t="str">
            <v>Mills,Daniel Lee</v>
          </cell>
          <cell r="C846" t="str">
            <v>288829</v>
          </cell>
          <cell r="D846" t="str">
            <v>Mills,Daniel Lee</v>
          </cell>
        </row>
        <row r="847">
          <cell r="A847" t="str">
            <v>016275</v>
          </cell>
          <cell r="B847" t="str">
            <v>Mills,Debra Cay</v>
          </cell>
          <cell r="C847" t="str">
            <v>016275</v>
          </cell>
          <cell r="D847" t="str">
            <v>Mills,Debra Cay</v>
          </cell>
        </row>
        <row r="848">
          <cell r="A848" t="str">
            <v>016571</v>
          </cell>
          <cell r="B848" t="str">
            <v>Mills,Sam</v>
          </cell>
          <cell r="C848" t="str">
            <v>016571</v>
          </cell>
          <cell r="D848" t="str">
            <v>Mills,Sam</v>
          </cell>
        </row>
        <row r="849">
          <cell r="A849" t="str">
            <v>057314</v>
          </cell>
          <cell r="B849" t="str">
            <v>Mills,Sierra Lee</v>
          </cell>
          <cell r="C849" t="str">
            <v>057314</v>
          </cell>
          <cell r="D849" t="str">
            <v>Mills,Sierra Lee</v>
          </cell>
        </row>
        <row r="850">
          <cell r="A850" t="str">
            <v>026233</v>
          </cell>
          <cell r="B850" t="str">
            <v>Mineer,Shawn M</v>
          </cell>
          <cell r="C850" t="str">
            <v>026233</v>
          </cell>
          <cell r="D850" t="str">
            <v>Mineer,Shawn M</v>
          </cell>
        </row>
        <row r="851">
          <cell r="A851" t="str">
            <v>057367</v>
          </cell>
          <cell r="B851" t="str">
            <v>Minnich,Michael H</v>
          </cell>
          <cell r="C851" t="str">
            <v>057367</v>
          </cell>
          <cell r="D851" t="str">
            <v>Minnich,Michael H</v>
          </cell>
        </row>
        <row r="852">
          <cell r="A852" t="str">
            <v>057412</v>
          </cell>
          <cell r="B852" t="str">
            <v>Minshall,Brian James</v>
          </cell>
          <cell r="C852" t="str">
            <v>057412</v>
          </cell>
          <cell r="D852" t="str">
            <v>Minshall,Brian James</v>
          </cell>
        </row>
        <row r="853">
          <cell r="A853" t="str">
            <v>057414</v>
          </cell>
          <cell r="B853" t="str">
            <v>Minter,Rodney E</v>
          </cell>
          <cell r="C853" t="str">
            <v>057414</v>
          </cell>
          <cell r="D853" t="str">
            <v>Minter,Rodney E</v>
          </cell>
        </row>
        <row r="854">
          <cell r="A854" t="str">
            <v>057417</v>
          </cell>
          <cell r="B854" t="str">
            <v>Minton,James V</v>
          </cell>
          <cell r="C854" t="str">
            <v>057417</v>
          </cell>
          <cell r="D854" t="str">
            <v>Minton,James V</v>
          </cell>
        </row>
        <row r="855">
          <cell r="A855" t="str">
            <v>095445</v>
          </cell>
          <cell r="B855" t="str">
            <v>Mitchell,Jason T</v>
          </cell>
          <cell r="C855" t="str">
            <v>095445</v>
          </cell>
          <cell r="D855" t="str">
            <v>Mitchell,Jason T</v>
          </cell>
        </row>
        <row r="856">
          <cell r="A856" t="str">
            <v>029095</v>
          </cell>
          <cell r="B856" t="str">
            <v>Mitchell,Sean Medsker</v>
          </cell>
          <cell r="C856" t="str">
            <v>029095</v>
          </cell>
          <cell r="D856" t="str">
            <v>Mitchell,Sean Medsker</v>
          </cell>
        </row>
        <row r="857">
          <cell r="A857" t="str">
            <v>023941</v>
          </cell>
          <cell r="B857" t="str">
            <v>Mitchell,Vel M</v>
          </cell>
          <cell r="C857" t="str">
            <v>023941</v>
          </cell>
          <cell r="D857" t="str">
            <v>Mitchell,Vel M</v>
          </cell>
        </row>
        <row r="858">
          <cell r="A858" t="str">
            <v>058000</v>
          </cell>
          <cell r="B858" t="str">
            <v>Moher,Michael P</v>
          </cell>
          <cell r="C858" t="str">
            <v>058000</v>
          </cell>
          <cell r="D858" t="str">
            <v>Moher,Michael P</v>
          </cell>
        </row>
        <row r="859">
          <cell r="A859" t="str">
            <v>058144</v>
          </cell>
          <cell r="B859" t="str">
            <v>Monroe,John Philip</v>
          </cell>
          <cell r="C859" t="str">
            <v>058144</v>
          </cell>
          <cell r="D859" t="str">
            <v>Monroe,John Philip</v>
          </cell>
        </row>
        <row r="860">
          <cell r="A860" t="str">
            <v>058156</v>
          </cell>
          <cell r="B860" t="str">
            <v>Montag,John E</v>
          </cell>
          <cell r="C860" t="str">
            <v>058156</v>
          </cell>
          <cell r="D860" t="str">
            <v>Montag,John E</v>
          </cell>
        </row>
        <row r="861">
          <cell r="A861" t="str">
            <v>023999</v>
          </cell>
          <cell r="B861" t="str">
            <v>Moore,Eric D</v>
          </cell>
          <cell r="C861" t="str">
            <v>023999</v>
          </cell>
          <cell r="D861" t="str">
            <v>Moore,Eric D</v>
          </cell>
        </row>
        <row r="862">
          <cell r="A862" t="str">
            <v>008303</v>
          </cell>
          <cell r="B862" t="str">
            <v>Moore,Jeffrey Baird</v>
          </cell>
          <cell r="C862" t="str">
            <v>008303</v>
          </cell>
          <cell r="D862" t="str">
            <v>Moore,Jeffrey Baird</v>
          </cell>
        </row>
        <row r="863">
          <cell r="A863" t="str">
            <v>058288</v>
          </cell>
          <cell r="B863" t="str">
            <v>Moore,Jim</v>
          </cell>
          <cell r="C863" t="str">
            <v>058288</v>
          </cell>
          <cell r="D863" t="str">
            <v>Moore,Jim</v>
          </cell>
        </row>
        <row r="864">
          <cell r="A864" t="str">
            <v>058370</v>
          </cell>
          <cell r="B864" t="str">
            <v>Moore,Lee Anthony</v>
          </cell>
          <cell r="C864" t="str">
            <v>058370</v>
          </cell>
          <cell r="D864" t="str">
            <v>Moore,Lee Anthony</v>
          </cell>
        </row>
        <row r="865">
          <cell r="A865" t="str">
            <v>096039</v>
          </cell>
          <cell r="B865" t="str">
            <v>Moore,Ryan C</v>
          </cell>
          <cell r="C865" t="str">
            <v>096039</v>
          </cell>
          <cell r="D865" t="str">
            <v>Moore,Ryan C</v>
          </cell>
        </row>
        <row r="866">
          <cell r="A866" t="str">
            <v>008354</v>
          </cell>
          <cell r="B866" t="str">
            <v>Moore,Steven Lee</v>
          </cell>
          <cell r="C866" t="str">
            <v>008354</v>
          </cell>
          <cell r="D866" t="str">
            <v>Moore,Steven Lee</v>
          </cell>
        </row>
        <row r="867">
          <cell r="A867" t="str">
            <v>272123</v>
          </cell>
          <cell r="B867" t="str">
            <v>Moore,Tyler Justin</v>
          </cell>
          <cell r="C867" t="str">
            <v>272123</v>
          </cell>
          <cell r="D867" t="str">
            <v>Moore,Tyler Justin</v>
          </cell>
        </row>
        <row r="868">
          <cell r="A868" t="str">
            <v>015613</v>
          </cell>
          <cell r="B868" t="str">
            <v>Morgan,Kevin W</v>
          </cell>
          <cell r="C868" t="str">
            <v>015613</v>
          </cell>
          <cell r="D868" t="str">
            <v>Morgan,Kevin W</v>
          </cell>
        </row>
        <row r="869">
          <cell r="A869" t="str">
            <v>019374</v>
          </cell>
          <cell r="B869" t="str">
            <v>Morris,Eric W</v>
          </cell>
          <cell r="C869" t="str">
            <v>019374</v>
          </cell>
          <cell r="D869" t="str">
            <v>Morris,Eric W</v>
          </cell>
        </row>
        <row r="870">
          <cell r="A870" t="str">
            <v>009876</v>
          </cell>
          <cell r="B870" t="str">
            <v>Moscrip,Rob</v>
          </cell>
          <cell r="C870" t="str">
            <v>009876</v>
          </cell>
          <cell r="D870" t="str">
            <v>Moscrip,Rob</v>
          </cell>
        </row>
        <row r="871">
          <cell r="A871" t="str">
            <v>016853</v>
          </cell>
          <cell r="B871" t="str">
            <v>Moster,Tom</v>
          </cell>
          <cell r="C871" t="str">
            <v>016853</v>
          </cell>
          <cell r="D871" t="str">
            <v>Moster,Tom</v>
          </cell>
        </row>
        <row r="872">
          <cell r="A872" t="str">
            <v>059118</v>
          </cell>
          <cell r="B872" t="str">
            <v>Muck,David W</v>
          </cell>
          <cell r="C872" t="str">
            <v>059118</v>
          </cell>
          <cell r="D872" t="str">
            <v>Muck,David W</v>
          </cell>
        </row>
        <row r="873">
          <cell r="A873" t="str">
            <v>326568</v>
          </cell>
          <cell r="B873" t="str">
            <v>Mugler,Keith</v>
          </cell>
          <cell r="C873" t="str">
            <v>326568</v>
          </cell>
          <cell r="D873" t="str">
            <v>Mugler,Keith</v>
          </cell>
        </row>
        <row r="874">
          <cell r="A874" t="str">
            <v>097391</v>
          </cell>
          <cell r="B874" t="str">
            <v>Mulberry,Chris</v>
          </cell>
          <cell r="C874" t="str">
            <v>097391</v>
          </cell>
          <cell r="D874" t="str">
            <v>Mulberry,Chris</v>
          </cell>
        </row>
        <row r="875">
          <cell r="A875" t="str">
            <v>059241</v>
          </cell>
          <cell r="B875" t="str">
            <v>Mullen,Craig Andrew</v>
          </cell>
          <cell r="C875" t="str">
            <v>059241</v>
          </cell>
          <cell r="D875" t="str">
            <v>Mullen,Craig Andrew</v>
          </cell>
        </row>
        <row r="876">
          <cell r="A876" t="str">
            <v>008523</v>
          </cell>
          <cell r="B876" t="str">
            <v>Mullenix,Charles Wayne</v>
          </cell>
          <cell r="C876" t="str">
            <v>008523</v>
          </cell>
          <cell r="D876" t="str">
            <v>Mullenix,Charles Wayne</v>
          </cell>
        </row>
        <row r="877">
          <cell r="A877" t="str">
            <v>059293</v>
          </cell>
          <cell r="B877" t="str">
            <v>Mullins,Darrell Thomas</v>
          </cell>
          <cell r="C877" t="str">
            <v>059293</v>
          </cell>
          <cell r="D877" t="str">
            <v>Mullins,Darrell Thomas</v>
          </cell>
        </row>
        <row r="878">
          <cell r="A878" t="str">
            <v>059380</v>
          </cell>
          <cell r="B878" t="str">
            <v>Mundon Sr,Howard A</v>
          </cell>
          <cell r="C878" t="str">
            <v>059380</v>
          </cell>
          <cell r="D878" t="str">
            <v>Mundon Sr,Howard A</v>
          </cell>
        </row>
        <row r="879">
          <cell r="A879" t="str">
            <v>291691</v>
          </cell>
          <cell r="B879" t="str">
            <v>Munoz,Jose</v>
          </cell>
          <cell r="C879" t="str">
            <v>291691</v>
          </cell>
          <cell r="D879" t="str">
            <v>Munoz,Jose</v>
          </cell>
        </row>
        <row r="880">
          <cell r="A880" t="str">
            <v>019446</v>
          </cell>
          <cell r="B880" t="str">
            <v>Murray,Jason R</v>
          </cell>
          <cell r="C880" t="str">
            <v>019446</v>
          </cell>
          <cell r="D880" t="str">
            <v>Murray,Jason R</v>
          </cell>
        </row>
        <row r="881">
          <cell r="A881" t="str">
            <v>291371</v>
          </cell>
          <cell r="B881" t="str">
            <v>Murrison,Pete</v>
          </cell>
          <cell r="C881" t="str">
            <v>291371</v>
          </cell>
          <cell r="D881" t="str">
            <v>Murrison,Pete</v>
          </cell>
        </row>
        <row r="882">
          <cell r="A882" t="str">
            <v>059631</v>
          </cell>
          <cell r="B882" t="str">
            <v>Murrison,Scott C</v>
          </cell>
          <cell r="C882" t="str">
            <v>059631</v>
          </cell>
          <cell r="D882" t="str">
            <v>Murrison,Scott C</v>
          </cell>
        </row>
        <row r="883">
          <cell r="A883" t="str">
            <v>059645</v>
          </cell>
          <cell r="B883" t="str">
            <v>Musser,Connie J</v>
          </cell>
          <cell r="C883" t="str">
            <v>059645</v>
          </cell>
          <cell r="D883" t="str">
            <v>Musser,Connie J</v>
          </cell>
        </row>
        <row r="884">
          <cell r="A884" t="str">
            <v>291375</v>
          </cell>
          <cell r="B884" t="str">
            <v>Mustard,Craig Andrew</v>
          </cell>
          <cell r="C884" t="str">
            <v>291375</v>
          </cell>
          <cell r="D884" t="str">
            <v>Mustard,Craig Andrew</v>
          </cell>
        </row>
        <row r="885">
          <cell r="A885" t="str">
            <v>016171</v>
          </cell>
          <cell r="B885" t="str">
            <v>Myers,Rex</v>
          </cell>
          <cell r="C885" t="str">
            <v>016171</v>
          </cell>
          <cell r="D885" t="str">
            <v>Myers,Rex</v>
          </cell>
        </row>
        <row r="886">
          <cell r="A886" t="str">
            <v>018409</v>
          </cell>
          <cell r="B886" t="str">
            <v>Nailon,Paula J</v>
          </cell>
          <cell r="C886" t="str">
            <v>018409</v>
          </cell>
          <cell r="D886" t="str">
            <v>Nailon,Paula J</v>
          </cell>
        </row>
        <row r="887">
          <cell r="A887" t="str">
            <v>059902</v>
          </cell>
          <cell r="B887" t="str">
            <v>Napier,Wayne</v>
          </cell>
          <cell r="C887" t="str">
            <v>059902</v>
          </cell>
          <cell r="D887" t="str">
            <v>Napier,Wayne</v>
          </cell>
        </row>
        <row r="888">
          <cell r="A888" t="str">
            <v>011118</v>
          </cell>
          <cell r="B888" t="str">
            <v>Narey,Michael Frank</v>
          </cell>
          <cell r="C888" t="str">
            <v>011118</v>
          </cell>
          <cell r="D888" t="str">
            <v>Narey,Michael Frank</v>
          </cell>
        </row>
        <row r="889">
          <cell r="A889" t="str">
            <v>059932</v>
          </cell>
          <cell r="B889" t="str">
            <v>Nastold,Gary L</v>
          </cell>
          <cell r="C889" t="str">
            <v>059932</v>
          </cell>
          <cell r="D889" t="str">
            <v>Nastold,Gary L</v>
          </cell>
        </row>
        <row r="890">
          <cell r="A890" t="str">
            <v>060060</v>
          </cell>
          <cell r="B890" t="str">
            <v>Neidlinger,Glenn Leroy</v>
          </cell>
          <cell r="C890" t="str">
            <v>060060</v>
          </cell>
          <cell r="D890" t="str">
            <v>Neidlinger,Glenn Leroy</v>
          </cell>
        </row>
        <row r="891">
          <cell r="A891" t="str">
            <v>033559</v>
          </cell>
          <cell r="B891" t="str">
            <v>Neltner,Jonathan G</v>
          </cell>
          <cell r="C891" t="str">
            <v>033559</v>
          </cell>
          <cell r="D891" t="str">
            <v>Neltner,Jonathan G</v>
          </cell>
        </row>
        <row r="892">
          <cell r="A892" t="str">
            <v>023792</v>
          </cell>
          <cell r="B892" t="str">
            <v>Nethery,Rennie</v>
          </cell>
          <cell r="C892" t="str">
            <v>023792</v>
          </cell>
          <cell r="D892" t="str">
            <v>Nethery,Rennie</v>
          </cell>
        </row>
        <row r="893">
          <cell r="A893" t="str">
            <v>060145</v>
          </cell>
          <cell r="B893" t="str">
            <v>Neu,Mark A</v>
          </cell>
          <cell r="C893" t="str">
            <v>060145</v>
          </cell>
          <cell r="D893" t="str">
            <v>Neu,Mark A</v>
          </cell>
        </row>
        <row r="894">
          <cell r="A894" t="str">
            <v>024769</v>
          </cell>
          <cell r="B894" t="str">
            <v>Newkirk,Joe</v>
          </cell>
          <cell r="C894" t="str">
            <v>024769</v>
          </cell>
          <cell r="D894" t="str">
            <v>Newkirk,Joe</v>
          </cell>
        </row>
        <row r="895">
          <cell r="A895" t="str">
            <v>361791</v>
          </cell>
          <cell r="B895" t="str">
            <v>Newton,Jan M</v>
          </cell>
          <cell r="C895" t="str">
            <v>361791</v>
          </cell>
          <cell r="D895" t="str">
            <v>Newton,Jan M</v>
          </cell>
        </row>
        <row r="896">
          <cell r="A896" t="str">
            <v>024949</v>
          </cell>
          <cell r="B896" t="str">
            <v>Nichols,Gregory D</v>
          </cell>
          <cell r="C896" t="str">
            <v>024949</v>
          </cell>
          <cell r="D896" t="str">
            <v>Nichols,Gregory D</v>
          </cell>
        </row>
        <row r="897">
          <cell r="A897" t="str">
            <v>033534</v>
          </cell>
          <cell r="B897" t="str">
            <v>Nicholson,Lee E</v>
          </cell>
          <cell r="C897" t="str">
            <v>033534</v>
          </cell>
          <cell r="D897" t="str">
            <v>Nicholson,Lee E</v>
          </cell>
        </row>
        <row r="898">
          <cell r="A898" t="str">
            <v>361752</v>
          </cell>
          <cell r="B898" t="str">
            <v>Nickle,Brian Eugene</v>
          </cell>
          <cell r="C898" t="str">
            <v>361752</v>
          </cell>
          <cell r="D898" t="str">
            <v>Nickle,Brian Eugene</v>
          </cell>
        </row>
        <row r="899">
          <cell r="A899" t="str">
            <v>012990</v>
          </cell>
          <cell r="B899" t="str">
            <v>Nienaber,Angela May</v>
          </cell>
          <cell r="C899" t="str">
            <v>012990</v>
          </cell>
          <cell r="D899" t="str">
            <v>Nienaber,Angela May</v>
          </cell>
        </row>
        <row r="900">
          <cell r="A900" t="str">
            <v>024969</v>
          </cell>
          <cell r="B900" t="str">
            <v>Nippert,Gerald</v>
          </cell>
          <cell r="C900" t="str">
            <v>024969</v>
          </cell>
          <cell r="D900" t="str">
            <v>Nippert,Gerald</v>
          </cell>
        </row>
        <row r="901">
          <cell r="A901" t="str">
            <v>275073</v>
          </cell>
          <cell r="B901" t="str">
            <v>Noble,Seth A</v>
          </cell>
          <cell r="C901" t="str">
            <v>275073</v>
          </cell>
          <cell r="D901" t="str">
            <v>Noble,Seth A</v>
          </cell>
        </row>
        <row r="902">
          <cell r="A902" t="str">
            <v>060745</v>
          </cell>
          <cell r="B902" t="str">
            <v>Nolan,Dennis E</v>
          </cell>
          <cell r="C902" t="str">
            <v>060745</v>
          </cell>
          <cell r="D902" t="str">
            <v>Nolan,Dennis E</v>
          </cell>
        </row>
        <row r="903">
          <cell r="A903" t="str">
            <v>060759</v>
          </cell>
          <cell r="B903" t="str">
            <v>Nolan,Tom</v>
          </cell>
          <cell r="C903" t="str">
            <v>060759</v>
          </cell>
          <cell r="D903" t="str">
            <v>Nolan,Tom</v>
          </cell>
        </row>
        <row r="904">
          <cell r="A904" t="str">
            <v>030917</v>
          </cell>
          <cell r="B904" t="str">
            <v>Nordin,Charles Kevin</v>
          </cell>
          <cell r="C904" t="str">
            <v>030917</v>
          </cell>
          <cell r="D904" t="str">
            <v>Nordin,Charles Kevin</v>
          </cell>
        </row>
        <row r="905">
          <cell r="A905" t="str">
            <v>027165</v>
          </cell>
          <cell r="B905" t="str">
            <v>Norman,Tyler M</v>
          </cell>
          <cell r="C905" t="str">
            <v>027165</v>
          </cell>
          <cell r="D905" t="str">
            <v>Norman,Tyler M</v>
          </cell>
        </row>
        <row r="906">
          <cell r="A906" t="str">
            <v>009568</v>
          </cell>
          <cell r="B906" t="str">
            <v>Notz,Joe</v>
          </cell>
          <cell r="C906" t="str">
            <v>009568</v>
          </cell>
          <cell r="D906" t="str">
            <v>Notz,Joe</v>
          </cell>
        </row>
        <row r="907">
          <cell r="A907" t="str">
            <v>026221</v>
          </cell>
          <cell r="B907" t="str">
            <v>Nusky,Shawn S.</v>
          </cell>
          <cell r="C907" t="str">
            <v>026221</v>
          </cell>
          <cell r="D907" t="str">
            <v>Nusky,Shawn S.</v>
          </cell>
        </row>
        <row r="908">
          <cell r="A908" t="str">
            <v>095185</v>
          </cell>
          <cell r="B908" t="str">
            <v>Nutley,Keith A</v>
          </cell>
          <cell r="C908" t="str">
            <v>095185</v>
          </cell>
          <cell r="D908" t="str">
            <v>Nutley,Keith A</v>
          </cell>
        </row>
        <row r="909">
          <cell r="A909" t="str">
            <v>283609</v>
          </cell>
          <cell r="B909" t="str">
            <v>Oaks,Cory</v>
          </cell>
          <cell r="C909" t="str">
            <v>283609</v>
          </cell>
          <cell r="D909" t="str">
            <v>Oaks,Cory</v>
          </cell>
        </row>
        <row r="910">
          <cell r="A910" t="str">
            <v>026479</v>
          </cell>
          <cell r="B910" t="str">
            <v>Oates,Jeff T</v>
          </cell>
          <cell r="C910" t="str">
            <v>026479</v>
          </cell>
          <cell r="D910" t="str">
            <v>Oates,Jeff T</v>
          </cell>
        </row>
        <row r="911">
          <cell r="A911" t="str">
            <v>061214</v>
          </cell>
          <cell r="B911" t="str">
            <v>O'Connell,Philip F</v>
          </cell>
          <cell r="C911" t="str">
            <v>061214</v>
          </cell>
          <cell r="D911" t="str">
            <v>O'Connell,Philip F</v>
          </cell>
        </row>
        <row r="912">
          <cell r="A912" t="str">
            <v>015463</v>
          </cell>
          <cell r="B912" t="str">
            <v>Odle,Ron</v>
          </cell>
          <cell r="C912" t="str">
            <v>015463</v>
          </cell>
          <cell r="D912" t="str">
            <v>Odle,Ron</v>
          </cell>
        </row>
        <row r="913">
          <cell r="A913" t="str">
            <v>015609</v>
          </cell>
          <cell r="B913" t="str">
            <v>Olds,Jeff Merrill</v>
          </cell>
          <cell r="C913" t="str">
            <v>015609</v>
          </cell>
          <cell r="D913" t="str">
            <v>Olds,Jeff Merrill</v>
          </cell>
        </row>
        <row r="914">
          <cell r="A914" t="str">
            <v>030023</v>
          </cell>
          <cell r="B914" t="str">
            <v>Oliver,Chad Baker</v>
          </cell>
          <cell r="C914" t="str">
            <v>030023</v>
          </cell>
          <cell r="D914" t="str">
            <v>Oliver,Chad Baker</v>
          </cell>
        </row>
        <row r="915">
          <cell r="A915" t="str">
            <v>016598</v>
          </cell>
          <cell r="B915" t="str">
            <v>Olofson,Eileen M</v>
          </cell>
          <cell r="C915" t="str">
            <v>016598</v>
          </cell>
          <cell r="D915" t="str">
            <v>Olofson,Eileen M</v>
          </cell>
        </row>
        <row r="916">
          <cell r="A916" t="str">
            <v>015430</v>
          </cell>
          <cell r="B916" t="str">
            <v>O'Neill,Robin Ann</v>
          </cell>
          <cell r="C916" t="str">
            <v>015430</v>
          </cell>
          <cell r="D916" t="str">
            <v>O'Neill,Robin Ann</v>
          </cell>
        </row>
        <row r="917">
          <cell r="A917" t="str">
            <v>015757</v>
          </cell>
          <cell r="B917" t="str">
            <v>Ordway,Thomas K</v>
          </cell>
          <cell r="C917" t="str">
            <v>015757</v>
          </cell>
          <cell r="D917" t="str">
            <v>Ordway,Thomas K</v>
          </cell>
        </row>
        <row r="918">
          <cell r="A918" t="str">
            <v>023471</v>
          </cell>
          <cell r="B918" t="str">
            <v>Orth,Peter A</v>
          </cell>
          <cell r="C918" t="str">
            <v>023471</v>
          </cell>
          <cell r="D918" t="str">
            <v>Orth,Peter A</v>
          </cell>
        </row>
        <row r="919">
          <cell r="A919" t="str">
            <v>008403</v>
          </cell>
          <cell r="B919" t="str">
            <v>Osborne,Doug</v>
          </cell>
          <cell r="C919" t="str">
            <v>008403</v>
          </cell>
          <cell r="D919" t="str">
            <v>Osborne,Doug</v>
          </cell>
        </row>
        <row r="920">
          <cell r="A920" t="str">
            <v>096292</v>
          </cell>
          <cell r="B920" t="str">
            <v>Osborne,Laura M</v>
          </cell>
          <cell r="C920" t="str">
            <v>096292</v>
          </cell>
          <cell r="D920" t="str">
            <v>Osborne,Laura M</v>
          </cell>
        </row>
        <row r="921">
          <cell r="A921" t="str">
            <v>007657</v>
          </cell>
          <cell r="B921" t="str">
            <v>Osborne,Steven Joseph</v>
          </cell>
          <cell r="C921" t="str">
            <v>007657</v>
          </cell>
          <cell r="D921" t="str">
            <v>Osborne,Steven Joseph</v>
          </cell>
        </row>
        <row r="922">
          <cell r="A922" t="str">
            <v>025794</v>
          </cell>
          <cell r="B922" t="str">
            <v>Owen,Kathleen F</v>
          </cell>
          <cell r="C922" t="str">
            <v>025794</v>
          </cell>
          <cell r="D922" t="str">
            <v>Owen,Kathleen F</v>
          </cell>
        </row>
        <row r="923">
          <cell r="A923" t="str">
            <v>062129</v>
          </cell>
          <cell r="B923" t="str">
            <v>Owens,Charlotte A</v>
          </cell>
          <cell r="C923" t="str">
            <v>062129</v>
          </cell>
          <cell r="D923" t="str">
            <v>Owens,Charlotte A</v>
          </cell>
        </row>
        <row r="924">
          <cell r="A924" t="str">
            <v>095984</v>
          </cell>
          <cell r="B924" t="str">
            <v>Padgett,Tim</v>
          </cell>
          <cell r="C924" t="str">
            <v>095984</v>
          </cell>
          <cell r="D924" t="str">
            <v>Padgett,Tim</v>
          </cell>
        </row>
        <row r="925">
          <cell r="A925" t="str">
            <v>062440</v>
          </cell>
          <cell r="B925" t="str">
            <v>Pangburn,Daniel W</v>
          </cell>
          <cell r="C925" t="str">
            <v>062440</v>
          </cell>
          <cell r="D925" t="str">
            <v>Pangburn,Daniel W</v>
          </cell>
        </row>
        <row r="926">
          <cell r="A926" t="str">
            <v>024779</v>
          </cell>
          <cell r="B926" t="str">
            <v>Parks,Michael R</v>
          </cell>
          <cell r="C926" t="str">
            <v>024779</v>
          </cell>
          <cell r="D926" t="str">
            <v>Parks,Michael R</v>
          </cell>
        </row>
        <row r="927">
          <cell r="A927" t="str">
            <v>008704</v>
          </cell>
          <cell r="B927" t="str">
            <v>Parks,Sharon Ann</v>
          </cell>
          <cell r="C927" t="str">
            <v>008704</v>
          </cell>
          <cell r="D927" t="str">
            <v>Parks,Sharon Ann</v>
          </cell>
        </row>
        <row r="928">
          <cell r="A928" t="str">
            <v>062750</v>
          </cell>
          <cell r="B928" t="str">
            <v>Patterson,Gregory A</v>
          </cell>
          <cell r="C928" t="str">
            <v>062750</v>
          </cell>
          <cell r="D928" t="str">
            <v>Patterson,Gregory A</v>
          </cell>
        </row>
        <row r="929">
          <cell r="A929" t="str">
            <v>062780</v>
          </cell>
          <cell r="B929" t="str">
            <v>Patton,Tom</v>
          </cell>
          <cell r="C929" t="str">
            <v>062780</v>
          </cell>
          <cell r="D929" t="str">
            <v>Patton,Tom</v>
          </cell>
        </row>
        <row r="930">
          <cell r="A930" t="str">
            <v>063172</v>
          </cell>
          <cell r="B930" t="str">
            <v>Pennington,Donna</v>
          </cell>
          <cell r="C930" t="str">
            <v>063172</v>
          </cell>
          <cell r="D930" t="str">
            <v>Pennington,Donna</v>
          </cell>
        </row>
        <row r="931">
          <cell r="A931" t="str">
            <v>024494</v>
          </cell>
          <cell r="B931" t="str">
            <v>Penrose,Steve Thomas</v>
          </cell>
          <cell r="C931" t="str">
            <v>024494</v>
          </cell>
          <cell r="D931" t="str">
            <v>Penrose,Steve Thomas</v>
          </cell>
        </row>
        <row r="932">
          <cell r="A932" t="str">
            <v>063350</v>
          </cell>
          <cell r="B932" t="str">
            <v>Perry,Tim</v>
          </cell>
          <cell r="C932" t="str">
            <v>063350</v>
          </cell>
          <cell r="D932" t="str">
            <v>Perry,Tim</v>
          </cell>
        </row>
        <row r="933">
          <cell r="A933" t="str">
            <v>063667</v>
          </cell>
          <cell r="B933" t="str">
            <v>Pfaffinger Jr,Thomas F</v>
          </cell>
          <cell r="C933" t="str">
            <v>063667</v>
          </cell>
          <cell r="D933" t="str">
            <v>Pfaffinger Jr,Thomas F</v>
          </cell>
        </row>
        <row r="934">
          <cell r="A934" t="str">
            <v>063665</v>
          </cell>
          <cell r="B934" t="str">
            <v>Pfaffinger,Ted R</v>
          </cell>
          <cell r="C934" t="str">
            <v>063665</v>
          </cell>
          <cell r="D934" t="str">
            <v>Pfaffinger,Ted R</v>
          </cell>
        </row>
        <row r="935">
          <cell r="A935" t="str">
            <v>023871</v>
          </cell>
          <cell r="B935" t="str">
            <v>Pfeiffer,Craig E</v>
          </cell>
          <cell r="C935" t="str">
            <v>023871</v>
          </cell>
          <cell r="D935" t="str">
            <v>Pfeiffer,Craig E</v>
          </cell>
        </row>
        <row r="936">
          <cell r="A936" t="str">
            <v>326107</v>
          </cell>
          <cell r="B936" t="str">
            <v>Pfirrman,Doug</v>
          </cell>
          <cell r="C936" t="str">
            <v>326107</v>
          </cell>
          <cell r="D936" t="str">
            <v>Pfirrman,Doug</v>
          </cell>
        </row>
        <row r="937">
          <cell r="A937" t="str">
            <v>286876</v>
          </cell>
          <cell r="B937" t="str">
            <v>Phillips,Jason M.</v>
          </cell>
          <cell r="C937" t="str">
            <v>286876</v>
          </cell>
          <cell r="D937" t="str">
            <v>Phillips,Jason M.</v>
          </cell>
        </row>
        <row r="938">
          <cell r="A938" t="str">
            <v>063914</v>
          </cell>
          <cell r="B938" t="str">
            <v>Phillips,Terry Grant</v>
          </cell>
          <cell r="C938" t="str">
            <v>063914</v>
          </cell>
          <cell r="D938" t="str">
            <v>Phillips,Terry Grant</v>
          </cell>
        </row>
        <row r="939">
          <cell r="A939" t="str">
            <v>275064</v>
          </cell>
          <cell r="B939" t="str">
            <v>Pienaar,Christiaan J.</v>
          </cell>
          <cell r="C939" t="str">
            <v>275064</v>
          </cell>
          <cell r="D939" t="str">
            <v>Pienaar,Christiaan J.</v>
          </cell>
        </row>
        <row r="940">
          <cell r="A940" t="str">
            <v>096460</v>
          </cell>
          <cell r="B940" t="str">
            <v>Piercy,David W</v>
          </cell>
          <cell r="C940" t="str">
            <v>064000</v>
          </cell>
          <cell r="D940" t="str">
            <v>Pierce,Jennifer L</v>
          </cell>
        </row>
        <row r="941">
          <cell r="A941" t="str">
            <v>096955</v>
          </cell>
          <cell r="B941" t="str">
            <v>Pinnick,James D</v>
          </cell>
          <cell r="C941" t="str">
            <v>096460</v>
          </cell>
          <cell r="D941" t="str">
            <v>Piercy,David W</v>
          </cell>
        </row>
        <row r="942">
          <cell r="A942" t="str">
            <v>024933</v>
          </cell>
          <cell r="B942" t="str">
            <v>Plake,Joe</v>
          </cell>
          <cell r="C942" t="str">
            <v>096955</v>
          </cell>
          <cell r="D942" t="str">
            <v>Pinnick,James D</v>
          </cell>
        </row>
        <row r="943">
          <cell r="A943" t="str">
            <v>064120</v>
          </cell>
          <cell r="B943" t="str">
            <v>Platz,Tony J</v>
          </cell>
          <cell r="C943" t="str">
            <v>024933</v>
          </cell>
          <cell r="D943" t="str">
            <v>Plake,Joe</v>
          </cell>
        </row>
        <row r="944">
          <cell r="A944" t="str">
            <v>016848</v>
          </cell>
          <cell r="B944" t="str">
            <v>Pless,Troy E</v>
          </cell>
          <cell r="C944" t="str">
            <v>064120</v>
          </cell>
          <cell r="D944" t="str">
            <v>Platz,Tony J</v>
          </cell>
        </row>
        <row r="945">
          <cell r="A945" t="str">
            <v>362732</v>
          </cell>
          <cell r="B945" t="str">
            <v>Poe,Ted</v>
          </cell>
          <cell r="C945" t="str">
            <v>016848</v>
          </cell>
          <cell r="D945" t="str">
            <v>Pless,Troy E</v>
          </cell>
        </row>
        <row r="946">
          <cell r="A946" t="str">
            <v>097639</v>
          </cell>
          <cell r="B946" t="str">
            <v>Polley,Brian W</v>
          </cell>
          <cell r="C946" t="str">
            <v>362732</v>
          </cell>
          <cell r="D946" t="str">
            <v>Poe,Ted</v>
          </cell>
        </row>
        <row r="947">
          <cell r="A947" t="str">
            <v>011087</v>
          </cell>
          <cell r="B947" t="str">
            <v>Polley,Robert Steven</v>
          </cell>
          <cell r="C947" t="str">
            <v>097639</v>
          </cell>
          <cell r="D947" t="str">
            <v>Polley,Brian W</v>
          </cell>
        </row>
        <row r="948">
          <cell r="A948" t="str">
            <v>017158</v>
          </cell>
          <cell r="B948" t="str">
            <v>Powell,Mike</v>
          </cell>
          <cell r="C948" t="str">
            <v>011087</v>
          </cell>
          <cell r="D948" t="str">
            <v>Polley,Robert Steven</v>
          </cell>
        </row>
        <row r="949">
          <cell r="A949" t="str">
            <v>065149</v>
          </cell>
          <cell r="B949" t="str">
            <v>Pratt,Richard E</v>
          </cell>
          <cell r="C949" t="str">
            <v>017158</v>
          </cell>
          <cell r="D949" t="str">
            <v>Powell,Mike</v>
          </cell>
        </row>
        <row r="950">
          <cell r="A950" t="str">
            <v>097485</v>
          </cell>
          <cell r="B950" t="str">
            <v>Price,Brian L</v>
          </cell>
          <cell r="C950" t="str">
            <v>065149</v>
          </cell>
          <cell r="D950" t="str">
            <v>Pratt,Richard E</v>
          </cell>
        </row>
        <row r="951">
          <cell r="A951" t="str">
            <v>092425</v>
          </cell>
          <cell r="B951" t="str">
            <v>Price,Janice Kay</v>
          </cell>
          <cell r="C951" t="str">
            <v>097485</v>
          </cell>
          <cell r="D951" t="str">
            <v>Price,Brian L</v>
          </cell>
        </row>
        <row r="952">
          <cell r="A952" t="str">
            <v>278119</v>
          </cell>
          <cell r="B952" t="str">
            <v>Price,Travis A</v>
          </cell>
          <cell r="C952" t="str">
            <v>092425</v>
          </cell>
          <cell r="D952" t="str">
            <v>Price,Janice Kay</v>
          </cell>
        </row>
        <row r="953">
          <cell r="A953" t="str">
            <v>033529</v>
          </cell>
          <cell r="B953" t="str">
            <v>Prince,Craig F</v>
          </cell>
          <cell r="C953" t="str">
            <v>278119</v>
          </cell>
          <cell r="D953" t="str">
            <v>Price,Travis A</v>
          </cell>
        </row>
        <row r="954">
          <cell r="A954" t="str">
            <v>011397</v>
          </cell>
          <cell r="B954" t="str">
            <v>Proctor,Vicky Lynn</v>
          </cell>
          <cell r="C954" t="str">
            <v>033529</v>
          </cell>
          <cell r="D954" t="str">
            <v>Prince,Craig F</v>
          </cell>
        </row>
        <row r="955">
          <cell r="A955" t="str">
            <v>022880</v>
          </cell>
          <cell r="B955" t="str">
            <v>Proffitt,John C</v>
          </cell>
          <cell r="C955" t="str">
            <v>011397</v>
          </cell>
          <cell r="D955" t="str">
            <v>Proctor,Vicky Lynn</v>
          </cell>
        </row>
        <row r="956">
          <cell r="A956" t="str">
            <v>065347</v>
          </cell>
          <cell r="B956" t="str">
            <v>Pugh,Michele D</v>
          </cell>
          <cell r="C956" t="str">
            <v>022880</v>
          </cell>
          <cell r="D956" t="str">
            <v>Proffitt,John C</v>
          </cell>
        </row>
        <row r="957">
          <cell r="A957" t="str">
            <v>018771</v>
          </cell>
          <cell r="B957" t="str">
            <v>Pugh,Tamwa</v>
          </cell>
          <cell r="C957" t="str">
            <v>065347</v>
          </cell>
          <cell r="D957" t="str">
            <v>Pugh,Michele D</v>
          </cell>
        </row>
        <row r="958">
          <cell r="A958" t="str">
            <v>065354</v>
          </cell>
          <cell r="B958" t="str">
            <v>Purcel,Gerald</v>
          </cell>
          <cell r="C958" t="str">
            <v>018771</v>
          </cell>
          <cell r="D958" t="str">
            <v>Pugh,Tamwa</v>
          </cell>
        </row>
        <row r="959">
          <cell r="A959" t="str">
            <v>016624</v>
          </cell>
          <cell r="B959" t="str">
            <v>Quinlin,Tina Nichole</v>
          </cell>
          <cell r="C959" t="str">
            <v>065354</v>
          </cell>
          <cell r="D959" t="str">
            <v>Purcel,Gerald</v>
          </cell>
        </row>
        <row r="960">
          <cell r="A960" t="str">
            <v>285636</v>
          </cell>
          <cell r="B960" t="str">
            <v>Ragan,Kell Allen</v>
          </cell>
          <cell r="C960" t="str">
            <v>016624</v>
          </cell>
          <cell r="D960" t="str">
            <v>Quinlin,Tina Nichole</v>
          </cell>
        </row>
        <row r="961">
          <cell r="A961" t="str">
            <v>065696</v>
          </cell>
          <cell r="B961" t="str">
            <v>Ramer,David L</v>
          </cell>
          <cell r="C961" t="str">
            <v>285636</v>
          </cell>
          <cell r="D961" t="str">
            <v>Ragan,Kell Allen</v>
          </cell>
        </row>
        <row r="962">
          <cell r="A962" t="str">
            <v>286257</v>
          </cell>
          <cell r="B962" t="str">
            <v>Rankins,Cavanough J.</v>
          </cell>
          <cell r="C962" t="str">
            <v>065696</v>
          </cell>
          <cell r="D962" t="str">
            <v>Ramer,David L</v>
          </cell>
        </row>
        <row r="963">
          <cell r="A963" t="str">
            <v>028522</v>
          </cell>
          <cell r="B963" t="str">
            <v>Rauch,Adam Keith</v>
          </cell>
          <cell r="C963" t="str">
            <v>286257</v>
          </cell>
          <cell r="D963" t="str">
            <v>Rankins,Cavanough J.</v>
          </cell>
        </row>
        <row r="964">
          <cell r="A964" t="str">
            <v>286678</v>
          </cell>
          <cell r="B964" t="str">
            <v>Rauch,Phillip D</v>
          </cell>
          <cell r="C964" t="str">
            <v>028522</v>
          </cell>
          <cell r="D964" t="str">
            <v>Rauch,Adam Keith</v>
          </cell>
        </row>
        <row r="965">
          <cell r="A965" t="str">
            <v>008876</v>
          </cell>
          <cell r="B965" t="str">
            <v>Ray,Douglas Dean</v>
          </cell>
          <cell r="C965" t="str">
            <v>286678</v>
          </cell>
          <cell r="D965" t="str">
            <v>Rauch,Phillip D</v>
          </cell>
        </row>
        <row r="966">
          <cell r="A966" t="str">
            <v>027164</v>
          </cell>
          <cell r="B966" t="str">
            <v>Read,Andrew H</v>
          </cell>
          <cell r="C966" t="str">
            <v>008876</v>
          </cell>
          <cell r="D966" t="str">
            <v>Ray,Douglas Dean</v>
          </cell>
        </row>
        <row r="967">
          <cell r="A967" t="str">
            <v>066137</v>
          </cell>
          <cell r="B967" t="str">
            <v>Reckley,Julie A</v>
          </cell>
          <cell r="C967" t="str">
            <v>027164</v>
          </cell>
          <cell r="D967" t="str">
            <v>Read,Andrew H</v>
          </cell>
        </row>
        <row r="968">
          <cell r="A968" t="str">
            <v>066145</v>
          </cell>
          <cell r="B968" t="str">
            <v>Redd,Gail E</v>
          </cell>
          <cell r="C968" t="str">
            <v>066137</v>
          </cell>
          <cell r="D968" t="str">
            <v>Reckley,Julie A</v>
          </cell>
        </row>
        <row r="969">
          <cell r="A969" t="str">
            <v>024069</v>
          </cell>
          <cell r="B969" t="str">
            <v>Redden,Danny J</v>
          </cell>
          <cell r="C969" t="str">
            <v>066145</v>
          </cell>
          <cell r="D969" t="str">
            <v>Redd,Gail E</v>
          </cell>
        </row>
        <row r="970">
          <cell r="A970" t="str">
            <v>016511</v>
          </cell>
          <cell r="B970" t="str">
            <v>Rednour,Allen</v>
          </cell>
          <cell r="C970" t="str">
            <v>024069</v>
          </cell>
          <cell r="D970" t="str">
            <v>Redden,Danny J</v>
          </cell>
        </row>
        <row r="971">
          <cell r="A971" t="str">
            <v>066262</v>
          </cell>
          <cell r="B971" t="str">
            <v>Reed,Brett A</v>
          </cell>
          <cell r="C971" t="str">
            <v>016511</v>
          </cell>
          <cell r="D971" t="str">
            <v>Rednour,Allen</v>
          </cell>
        </row>
        <row r="972">
          <cell r="A972" t="str">
            <v>030679</v>
          </cell>
          <cell r="B972" t="str">
            <v>Reed,Jason Andrew</v>
          </cell>
          <cell r="C972" t="str">
            <v>066262</v>
          </cell>
          <cell r="D972" t="str">
            <v>Reed,Brett A</v>
          </cell>
        </row>
        <row r="973">
          <cell r="A973" t="str">
            <v>066296</v>
          </cell>
          <cell r="B973" t="str">
            <v>Reed,Matthew T</v>
          </cell>
          <cell r="C973" t="str">
            <v>030679</v>
          </cell>
          <cell r="D973" t="str">
            <v>Reed,Jason Andrew</v>
          </cell>
        </row>
        <row r="974">
          <cell r="A974" t="str">
            <v>066298</v>
          </cell>
          <cell r="B974" t="str">
            <v>Reed,Michael J</v>
          </cell>
          <cell r="C974" t="str">
            <v>066296</v>
          </cell>
          <cell r="D974" t="str">
            <v>Reed,Matthew T</v>
          </cell>
        </row>
        <row r="975">
          <cell r="A975" t="str">
            <v>014895</v>
          </cell>
          <cell r="B975" t="str">
            <v>Reedy,Alicia Anne</v>
          </cell>
          <cell r="C975" t="str">
            <v>066298</v>
          </cell>
          <cell r="D975" t="str">
            <v>Reed,Michael J</v>
          </cell>
        </row>
        <row r="976">
          <cell r="A976" t="str">
            <v>005635</v>
          </cell>
          <cell r="B976" t="str">
            <v>Reeves,Dea Kay</v>
          </cell>
          <cell r="C976" t="str">
            <v>014895</v>
          </cell>
          <cell r="D976" t="str">
            <v>Reedy,Alicia Anne</v>
          </cell>
        </row>
        <row r="977">
          <cell r="A977" t="str">
            <v>010854</v>
          </cell>
          <cell r="B977" t="str">
            <v>Reeves,Dennis Lee</v>
          </cell>
          <cell r="C977" t="str">
            <v>005635</v>
          </cell>
          <cell r="D977" t="str">
            <v>Reeves,Dea Kay</v>
          </cell>
        </row>
        <row r="978">
          <cell r="A978" t="str">
            <v>066458</v>
          </cell>
          <cell r="B978" t="str">
            <v>Reilly,Don J</v>
          </cell>
          <cell r="C978" t="str">
            <v>010854</v>
          </cell>
          <cell r="D978" t="str">
            <v>Reeves,Dennis Lee</v>
          </cell>
        </row>
        <row r="979">
          <cell r="A979" t="str">
            <v>010613</v>
          </cell>
          <cell r="B979" t="str">
            <v>Reinhart,Patrick Wayne</v>
          </cell>
          <cell r="C979" t="str">
            <v>066458</v>
          </cell>
          <cell r="D979" t="str">
            <v>Reilly,Don J</v>
          </cell>
        </row>
        <row r="980">
          <cell r="A980" t="str">
            <v>066630</v>
          </cell>
          <cell r="B980" t="str">
            <v>Reis Jr,Ray</v>
          </cell>
          <cell r="C980" t="str">
            <v>010613</v>
          </cell>
          <cell r="D980" t="str">
            <v>Reinhart,Patrick Wayne</v>
          </cell>
        </row>
        <row r="981">
          <cell r="A981" t="str">
            <v>283347</v>
          </cell>
          <cell r="B981" t="str">
            <v>Reis,Joe L</v>
          </cell>
          <cell r="C981" t="str">
            <v>066630</v>
          </cell>
          <cell r="D981" t="str">
            <v>Reis Jr,Ray</v>
          </cell>
        </row>
        <row r="982">
          <cell r="A982" t="str">
            <v>019951</v>
          </cell>
          <cell r="B982" t="str">
            <v>Reis,Steve</v>
          </cell>
          <cell r="C982" t="str">
            <v>283347</v>
          </cell>
          <cell r="D982" t="str">
            <v>Reis,Joe L</v>
          </cell>
        </row>
        <row r="983">
          <cell r="A983" t="str">
            <v>030597</v>
          </cell>
          <cell r="B983" t="str">
            <v>Rennekamp,Jeffrey M</v>
          </cell>
          <cell r="C983" t="str">
            <v>019951</v>
          </cell>
          <cell r="D983" t="str">
            <v>Reis,Steve</v>
          </cell>
        </row>
        <row r="984">
          <cell r="A984" t="str">
            <v>009677</v>
          </cell>
          <cell r="B984" t="str">
            <v>Rethlake,Mark David</v>
          </cell>
          <cell r="C984" t="str">
            <v>030597</v>
          </cell>
          <cell r="D984" t="str">
            <v>Rennekamp,Jeffrey M</v>
          </cell>
        </row>
        <row r="985">
          <cell r="A985" t="str">
            <v>066981</v>
          </cell>
          <cell r="B985" t="str">
            <v>Reynolds Jr,Lou</v>
          </cell>
          <cell r="C985" t="str">
            <v>009677</v>
          </cell>
          <cell r="D985" t="str">
            <v>Rethlake,Mark David</v>
          </cell>
        </row>
        <row r="986">
          <cell r="A986" t="str">
            <v>278109</v>
          </cell>
          <cell r="B986" t="str">
            <v>Reynolds,Clinton</v>
          </cell>
          <cell r="C986" t="str">
            <v>066981</v>
          </cell>
          <cell r="D986" t="str">
            <v>Reynolds Jr,Lou</v>
          </cell>
        </row>
        <row r="987">
          <cell r="A987" t="str">
            <v>013894</v>
          </cell>
          <cell r="B987" t="str">
            <v>Reynolds,Dawn L</v>
          </cell>
          <cell r="C987" t="str">
            <v>278109</v>
          </cell>
          <cell r="D987" t="str">
            <v>Reynolds,Clinton</v>
          </cell>
        </row>
        <row r="988">
          <cell r="A988" t="str">
            <v>067070</v>
          </cell>
          <cell r="B988" t="str">
            <v>Rhodes,James Calvin</v>
          </cell>
          <cell r="C988" t="str">
            <v>013894</v>
          </cell>
          <cell r="D988" t="str">
            <v>Reynolds,Dawn L</v>
          </cell>
        </row>
        <row r="989">
          <cell r="A989" t="str">
            <v>286376</v>
          </cell>
          <cell r="B989" t="str">
            <v>Richard,William A</v>
          </cell>
          <cell r="C989" t="str">
            <v>067070</v>
          </cell>
          <cell r="D989" t="str">
            <v>Rhodes,James Calvin</v>
          </cell>
        </row>
        <row r="990">
          <cell r="A990" t="str">
            <v>273989</v>
          </cell>
          <cell r="B990" t="str">
            <v>Richardson,Diane M.</v>
          </cell>
          <cell r="C990" t="str">
            <v>286376</v>
          </cell>
          <cell r="D990" t="str">
            <v>Richard,William A</v>
          </cell>
        </row>
        <row r="991">
          <cell r="A991" t="str">
            <v>291709</v>
          </cell>
          <cell r="B991" t="str">
            <v>Richardson,Millard C</v>
          </cell>
          <cell r="C991" t="str">
            <v>273989</v>
          </cell>
          <cell r="D991" t="str">
            <v>Richardson,Diane M.</v>
          </cell>
        </row>
        <row r="992">
          <cell r="A992" t="str">
            <v>067520</v>
          </cell>
          <cell r="B992" t="str">
            <v>Ridener,Roger T</v>
          </cell>
          <cell r="C992" t="str">
            <v>291709</v>
          </cell>
          <cell r="D992" t="str">
            <v>Richardson,Millard C</v>
          </cell>
        </row>
        <row r="993">
          <cell r="A993" t="str">
            <v>030681</v>
          </cell>
          <cell r="B993" t="str">
            <v>Ridenour,Bryant William</v>
          </cell>
          <cell r="C993" t="str">
            <v>067520</v>
          </cell>
          <cell r="D993" t="str">
            <v>Ridener,Roger T</v>
          </cell>
        </row>
        <row r="994">
          <cell r="A994" t="str">
            <v>009633</v>
          </cell>
          <cell r="B994" t="str">
            <v>Ridenour,Ed</v>
          </cell>
          <cell r="C994" t="str">
            <v>030681</v>
          </cell>
          <cell r="D994" t="str">
            <v>Ridenour,Bryant William</v>
          </cell>
        </row>
        <row r="995">
          <cell r="A995" t="str">
            <v>067655</v>
          </cell>
          <cell r="B995" t="str">
            <v>Rieman,Melora Jean</v>
          </cell>
          <cell r="C995" t="str">
            <v>009633</v>
          </cell>
          <cell r="D995" t="str">
            <v>Ridenour,Ed</v>
          </cell>
        </row>
        <row r="996">
          <cell r="A996" t="str">
            <v>326055</v>
          </cell>
          <cell r="B996" t="str">
            <v>Rieman,Rob</v>
          </cell>
          <cell r="C996" t="str">
            <v>067655</v>
          </cell>
          <cell r="D996" t="str">
            <v>Rieman,Melora Jean</v>
          </cell>
        </row>
        <row r="997">
          <cell r="A997" t="str">
            <v>024764</v>
          </cell>
          <cell r="B997" t="str">
            <v>Ries,Matthew M</v>
          </cell>
          <cell r="C997" t="str">
            <v>326055</v>
          </cell>
          <cell r="D997" t="str">
            <v>Rieman,Rob</v>
          </cell>
        </row>
        <row r="998">
          <cell r="A998" t="str">
            <v>023870</v>
          </cell>
          <cell r="B998" t="str">
            <v>Riggen,Jason</v>
          </cell>
          <cell r="C998" t="str">
            <v>024764</v>
          </cell>
          <cell r="D998" t="str">
            <v>Ries,Matthew M</v>
          </cell>
        </row>
        <row r="999">
          <cell r="A999" t="str">
            <v>011176</v>
          </cell>
          <cell r="B999" t="str">
            <v>Riggen,Rick</v>
          </cell>
          <cell r="C999" t="str">
            <v>023870</v>
          </cell>
          <cell r="D999" t="str">
            <v>Riggen,Jason</v>
          </cell>
        </row>
        <row r="1000">
          <cell r="A1000" t="str">
            <v>097962</v>
          </cell>
          <cell r="B1000" t="str">
            <v>Riggen,Robert E</v>
          </cell>
          <cell r="C1000" t="str">
            <v>011176</v>
          </cell>
          <cell r="D1000" t="str">
            <v>Riggen,Rick</v>
          </cell>
        </row>
        <row r="1001">
          <cell r="A1001" t="str">
            <v>068015</v>
          </cell>
          <cell r="B1001" t="str">
            <v>Ritter,Paula Marie</v>
          </cell>
          <cell r="C1001" t="str">
            <v>097962</v>
          </cell>
          <cell r="D1001" t="str">
            <v>Riggen,Robert E</v>
          </cell>
        </row>
        <row r="1002">
          <cell r="A1002" t="str">
            <v>095810</v>
          </cell>
          <cell r="B1002" t="str">
            <v>Robbins,Gary W</v>
          </cell>
          <cell r="C1002" t="str">
            <v>095810</v>
          </cell>
          <cell r="D1002" t="str">
            <v>Robbins,Gary W</v>
          </cell>
        </row>
        <row r="1003">
          <cell r="A1003" t="str">
            <v>015773</v>
          </cell>
          <cell r="B1003" t="str">
            <v>Robbins,Lisa Jane</v>
          </cell>
          <cell r="C1003" t="str">
            <v>015773</v>
          </cell>
          <cell r="D1003" t="str">
            <v>Robbins,Lisa Jane</v>
          </cell>
        </row>
        <row r="1004">
          <cell r="A1004" t="str">
            <v>285635</v>
          </cell>
          <cell r="B1004" t="str">
            <v>Roberts,Mike</v>
          </cell>
          <cell r="C1004" t="str">
            <v>285635</v>
          </cell>
          <cell r="D1004" t="str">
            <v>Roberts,Mike</v>
          </cell>
        </row>
        <row r="1005">
          <cell r="A1005" t="str">
            <v>030019</v>
          </cell>
          <cell r="B1005" t="str">
            <v>Robertson,Mark Brian</v>
          </cell>
          <cell r="C1005" t="str">
            <v>030019</v>
          </cell>
          <cell r="D1005" t="str">
            <v>Robertson,Mark Brian</v>
          </cell>
        </row>
        <row r="1006">
          <cell r="A1006" t="str">
            <v>025101</v>
          </cell>
          <cell r="B1006" t="str">
            <v>Robinson,Janetta Ann</v>
          </cell>
          <cell r="C1006" t="str">
            <v>025101</v>
          </cell>
          <cell r="D1006" t="str">
            <v>Robinson,Janetta Ann</v>
          </cell>
        </row>
        <row r="1007">
          <cell r="A1007" t="str">
            <v>011204</v>
          </cell>
          <cell r="B1007" t="str">
            <v>Roe,Kathy</v>
          </cell>
          <cell r="C1007" t="str">
            <v>011204</v>
          </cell>
          <cell r="D1007" t="str">
            <v>Roe,Kathy</v>
          </cell>
        </row>
        <row r="1008">
          <cell r="A1008" t="str">
            <v>068864</v>
          </cell>
          <cell r="B1008" t="str">
            <v>Rogers,Matt</v>
          </cell>
          <cell r="C1008" t="str">
            <v>068915</v>
          </cell>
          <cell r="D1008" t="str">
            <v>Rogers,Debbie</v>
          </cell>
        </row>
        <row r="1009">
          <cell r="A1009" t="str">
            <v>023787</v>
          </cell>
          <cell r="B1009" t="str">
            <v>Rogers,Tom</v>
          </cell>
          <cell r="C1009" t="str">
            <v>068864</v>
          </cell>
          <cell r="D1009" t="str">
            <v>Rogers,Matt</v>
          </cell>
        </row>
        <row r="1010">
          <cell r="A1010" t="str">
            <v>271660</v>
          </cell>
          <cell r="B1010" t="str">
            <v>Rolley,Craig R</v>
          </cell>
          <cell r="C1010" t="str">
            <v>023787</v>
          </cell>
          <cell r="D1010" t="str">
            <v>Rogers,Tom</v>
          </cell>
        </row>
        <row r="1011">
          <cell r="A1011" t="str">
            <v>009318</v>
          </cell>
          <cell r="B1011" t="str">
            <v>Ronan,Lewy</v>
          </cell>
          <cell r="C1011" t="str">
            <v>271660</v>
          </cell>
          <cell r="D1011" t="str">
            <v>Rolley,Craig R</v>
          </cell>
        </row>
        <row r="1012">
          <cell r="A1012" t="str">
            <v>069770</v>
          </cell>
          <cell r="B1012" t="str">
            <v>Ross,Jackie Lee</v>
          </cell>
          <cell r="C1012" t="str">
            <v>009318</v>
          </cell>
          <cell r="D1012" t="str">
            <v>Ronan,Lewy</v>
          </cell>
        </row>
        <row r="1013">
          <cell r="A1013" t="str">
            <v>043880</v>
          </cell>
          <cell r="B1013" t="str">
            <v>Ross,Michelle Anne</v>
          </cell>
          <cell r="C1013" t="str">
            <v>069770</v>
          </cell>
          <cell r="D1013" t="str">
            <v>Ross,Jackie Lee</v>
          </cell>
        </row>
        <row r="1014">
          <cell r="A1014" t="str">
            <v>069950</v>
          </cell>
          <cell r="B1014" t="str">
            <v>Roth,Dave Allen</v>
          </cell>
          <cell r="C1014" t="str">
            <v>043880</v>
          </cell>
          <cell r="D1014" t="str">
            <v>Ross,Michelle Anne</v>
          </cell>
        </row>
        <row r="1015">
          <cell r="A1015" t="str">
            <v>097055</v>
          </cell>
          <cell r="B1015" t="str">
            <v>Rothenburger,Kirby</v>
          </cell>
          <cell r="C1015" t="str">
            <v>069950</v>
          </cell>
          <cell r="D1015" t="str">
            <v>Roth,Dave Allen</v>
          </cell>
        </row>
        <row r="1016">
          <cell r="A1016" t="str">
            <v>013730</v>
          </cell>
          <cell r="B1016" t="str">
            <v>Rowland,Cindy</v>
          </cell>
          <cell r="C1016" t="str">
            <v>097055</v>
          </cell>
          <cell r="D1016" t="str">
            <v>Rothenburger,Kirby</v>
          </cell>
        </row>
        <row r="1017">
          <cell r="A1017" t="str">
            <v>289246</v>
          </cell>
          <cell r="B1017" t="str">
            <v>Royer,Shawn A.</v>
          </cell>
          <cell r="C1017" t="str">
            <v>013730</v>
          </cell>
          <cell r="D1017" t="str">
            <v>Rowland,Cindy</v>
          </cell>
        </row>
        <row r="1018">
          <cell r="A1018" t="str">
            <v>011492</v>
          </cell>
          <cell r="B1018" t="str">
            <v>Rudd,Linda M</v>
          </cell>
          <cell r="C1018" t="str">
            <v>289246</v>
          </cell>
          <cell r="D1018" t="str">
            <v>Royer,Shawn A.</v>
          </cell>
        </row>
        <row r="1019">
          <cell r="A1019" t="str">
            <v>009292</v>
          </cell>
          <cell r="B1019" t="str">
            <v>Rumple,Bob</v>
          </cell>
          <cell r="C1019" t="str">
            <v>011492</v>
          </cell>
          <cell r="D1019" t="str">
            <v>Rudd,Linda M</v>
          </cell>
        </row>
        <row r="1020">
          <cell r="A1020" t="str">
            <v>070663</v>
          </cell>
          <cell r="B1020" t="str">
            <v>Runion,John H</v>
          </cell>
          <cell r="C1020" t="str">
            <v>009292</v>
          </cell>
          <cell r="D1020" t="str">
            <v>Rumple,Bob</v>
          </cell>
        </row>
        <row r="1021">
          <cell r="A1021" t="str">
            <v>326106</v>
          </cell>
          <cell r="B1021" t="str">
            <v>Rust,Steve</v>
          </cell>
          <cell r="C1021" t="str">
            <v>070663</v>
          </cell>
          <cell r="D1021" t="str">
            <v>Runion,John H</v>
          </cell>
        </row>
        <row r="1022">
          <cell r="A1022" t="str">
            <v>291373</v>
          </cell>
          <cell r="B1022" t="str">
            <v>Ruth,Scott</v>
          </cell>
          <cell r="C1022" t="str">
            <v>326106</v>
          </cell>
          <cell r="D1022" t="str">
            <v>Rust,Steve</v>
          </cell>
        </row>
        <row r="1023">
          <cell r="A1023" t="str">
            <v>015190</v>
          </cell>
          <cell r="B1023" t="str">
            <v>Rutter,Kim</v>
          </cell>
          <cell r="C1023" t="str">
            <v>291373</v>
          </cell>
          <cell r="D1023" t="str">
            <v>Ruth,Scott</v>
          </cell>
        </row>
        <row r="1024">
          <cell r="A1024" t="str">
            <v>027136</v>
          </cell>
          <cell r="B1024" t="str">
            <v>Salyers,Curtis E</v>
          </cell>
          <cell r="C1024" t="str">
            <v>015190</v>
          </cell>
          <cell r="D1024" t="str">
            <v>Rutter,Kim</v>
          </cell>
        </row>
        <row r="1025">
          <cell r="A1025" t="str">
            <v>071255</v>
          </cell>
          <cell r="B1025" t="str">
            <v>Sammons,Terry E</v>
          </cell>
          <cell r="C1025" t="str">
            <v>027136</v>
          </cell>
          <cell r="D1025" t="str">
            <v>Salyers,Curtis E</v>
          </cell>
        </row>
        <row r="1026">
          <cell r="A1026" t="str">
            <v>008162</v>
          </cell>
          <cell r="B1026" t="str">
            <v>Samuels,Brenda</v>
          </cell>
          <cell r="C1026" t="str">
            <v>071255</v>
          </cell>
          <cell r="D1026" t="str">
            <v>Sammons,Terry E</v>
          </cell>
        </row>
        <row r="1027">
          <cell r="A1027" t="str">
            <v>025448</v>
          </cell>
          <cell r="B1027" t="str">
            <v>Sand,Bradley P</v>
          </cell>
          <cell r="C1027" t="str">
            <v>008162</v>
          </cell>
          <cell r="D1027" t="str">
            <v>Samuels,Brenda</v>
          </cell>
        </row>
        <row r="1028">
          <cell r="A1028" t="str">
            <v>023397</v>
          </cell>
          <cell r="B1028" t="str">
            <v>Sand,Michael L</v>
          </cell>
          <cell r="C1028" t="str">
            <v>025448</v>
          </cell>
          <cell r="D1028" t="str">
            <v>Sand,Bradley P</v>
          </cell>
        </row>
        <row r="1029">
          <cell r="A1029" t="str">
            <v>019274</v>
          </cell>
          <cell r="B1029" t="str">
            <v>Sanders,Leslie</v>
          </cell>
          <cell r="C1029" t="str">
            <v>023397</v>
          </cell>
          <cell r="D1029" t="str">
            <v>Sand,Michael L</v>
          </cell>
        </row>
        <row r="1030">
          <cell r="A1030" t="str">
            <v>011395</v>
          </cell>
          <cell r="B1030" t="str">
            <v>Sater,Kenneth Joe</v>
          </cell>
          <cell r="C1030" t="str">
            <v>019274</v>
          </cell>
          <cell r="D1030" t="str">
            <v>Sanders,Leslie</v>
          </cell>
        </row>
        <row r="1031">
          <cell r="A1031" t="str">
            <v>282197</v>
          </cell>
          <cell r="B1031" t="str">
            <v>Sawyer,Scott D</v>
          </cell>
          <cell r="C1031" t="str">
            <v>011395</v>
          </cell>
          <cell r="D1031" t="str">
            <v>Sater,Kenneth Joe</v>
          </cell>
        </row>
        <row r="1032">
          <cell r="A1032" t="str">
            <v>362730</v>
          </cell>
          <cell r="B1032" t="str">
            <v>Saylor,Shawn Eric</v>
          </cell>
          <cell r="C1032" t="str">
            <v>282197</v>
          </cell>
          <cell r="D1032" t="str">
            <v>Sawyer,Scott D</v>
          </cell>
        </row>
        <row r="1033">
          <cell r="A1033" t="str">
            <v>022916</v>
          </cell>
          <cell r="B1033" t="str">
            <v>Scales,Brian P</v>
          </cell>
          <cell r="C1033" t="str">
            <v>362730</v>
          </cell>
          <cell r="D1033" t="str">
            <v>Saylor,Shawn Eric</v>
          </cell>
        </row>
        <row r="1034">
          <cell r="A1034" t="str">
            <v>071853</v>
          </cell>
          <cell r="B1034" t="str">
            <v>Schack,Gerald Joseph</v>
          </cell>
          <cell r="C1034" t="str">
            <v>022916</v>
          </cell>
          <cell r="D1034" t="str">
            <v>Scales,Brian P</v>
          </cell>
        </row>
        <row r="1035">
          <cell r="A1035" t="str">
            <v>095551</v>
          </cell>
          <cell r="B1035" t="str">
            <v>Schalk,Joshua G</v>
          </cell>
          <cell r="C1035" t="str">
            <v>071853</v>
          </cell>
          <cell r="D1035" t="str">
            <v>Schack,Gerald Joseph</v>
          </cell>
        </row>
        <row r="1036">
          <cell r="A1036" t="str">
            <v>072001</v>
          </cell>
          <cell r="B1036" t="str">
            <v>Schalk,Maureen C</v>
          </cell>
          <cell r="C1036" t="str">
            <v>095551</v>
          </cell>
          <cell r="D1036" t="str">
            <v>Schalk,Joshua G</v>
          </cell>
        </row>
        <row r="1037">
          <cell r="A1037" t="str">
            <v>065694</v>
          </cell>
          <cell r="B1037" t="str">
            <v>Scherer,Michelle</v>
          </cell>
          <cell r="C1037" t="str">
            <v>072001</v>
          </cell>
          <cell r="D1037" t="str">
            <v>Schalk,Maureen C</v>
          </cell>
        </row>
        <row r="1038">
          <cell r="A1038" t="str">
            <v>073031</v>
          </cell>
          <cell r="B1038" t="str">
            <v>Schmidt,Nicholas Thomas</v>
          </cell>
          <cell r="C1038" t="str">
            <v>065694</v>
          </cell>
          <cell r="D1038" t="str">
            <v>Scherer,Michelle</v>
          </cell>
        </row>
        <row r="1039">
          <cell r="A1039" t="str">
            <v>023472</v>
          </cell>
          <cell r="B1039" t="str">
            <v>Schoulties,James P</v>
          </cell>
          <cell r="C1039" t="str">
            <v>073031</v>
          </cell>
          <cell r="D1039" t="str">
            <v>Schmidt,Nicholas Thomas</v>
          </cell>
        </row>
        <row r="1040">
          <cell r="A1040" t="str">
            <v>283610</v>
          </cell>
          <cell r="B1040" t="str">
            <v>Schuchter,David A.</v>
          </cell>
          <cell r="C1040" t="str">
            <v>023472</v>
          </cell>
          <cell r="D1040" t="str">
            <v>Schoulties,James P</v>
          </cell>
        </row>
        <row r="1041">
          <cell r="A1041" t="str">
            <v>022925</v>
          </cell>
          <cell r="B1041" t="str">
            <v>Schuchter,Kevin C</v>
          </cell>
          <cell r="C1041" t="str">
            <v>283610</v>
          </cell>
          <cell r="D1041" t="str">
            <v>Schuchter,David A.</v>
          </cell>
        </row>
        <row r="1042">
          <cell r="A1042" t="str">
            <v>074144</v>
          </cell>
          <cell r="B1042" t="str">
            <v>Schuler,Rick D</v>
          </cell>
          <cell r="C1042" t="str">
            <v>022925</v>
          </cell>
          <cell r="D1042" t="str">
            <v>Schuchter,Kevin C</v>
          </cell>
        </row>
        <row r="1043">
          <cell r="A1043" t="str">
            <v>074214</v>
          </cell>
          <cell r="B1043" t="str">
            <v>Schulte Jr,Paul D</v>
          </cell>
          <cell r="C1043" t="str">
            <v>074144</v>
          </cell>
          <cell r="D1043" t="str">
            <v>Schuler,Rick D</v>
          </cell>
        </row>
        <row r="1044">
          <cell r="A1044" t="str">
            <v>032448</v>
          </cell>
          <cell r="B1044" t="str">
            <v>Schultz,Anthony Scott</v>
          </cell>
          <cell r="C1044" t="str">
            <v>074214</v>
          </cell>
          <cell r="D1044" t="str">
            <v>Schulte Jr,Paul D</v>
          </cell>
        </row>
        <row r="1045">
          <cell r="A1045" t="str">
            <v>025443</v>
          </cell>
          <cell r="B1045" t="str">
            <v>Schultz,Ronald W</v>
          </cell>
          <cell r="C1045" t="str">
            <v>032448</v>
          </cell>
          <cell r="D1045" t="str">
            <v>Schultz,Anthony Scott</v>
          </cell>
        </row>
        <row r="1046">
          <cell r="A1046" t="str">
            <v>074285</v>
          </cell>
          <cell r="B1046" t="str">
            <v>Schumacher,Ted</v>
          </cell>
          <cell r="C1046" t="str">
            <v>025443</v>
          </cell>
          <cell r="D1046" t="str">
            <v>Schultz,Ronald W</v>
          </cell>
        </row>
        <row r="1047">
          <cell r="A1047" t="str">
            <v>033633</v>
          </cell>
          <cell r="B1047" t="str">
            <v>Schwartz,Daniel D</v>
          </cell>
          <cell r="C1047" t="str">
            <v>074285</v>
          </cell>
          <cell r="D1047" t="str">
            <v>Schumacher,Ted</v>
          </cell>
        </row>
        <row r="1048">
          <cell r="A1048" t="str">
            <v>285208</v>
          </cell>
          <cell r="B1048" t="str">
            <v>Schwartz,Jeff E</v>
          </cell>
          <cell r="C1048" t="str">
            <v>033633</v>
          </cell>
          <cell r="D1048" t="str">
            <v>Schwartz,Daniel D</v>
          </cell>
        </row>
        <row r="1049">
          <cell r="A1049" t="str">
            <v>026398</v>
          </cell>
          <cell r="B1049" t="str">
            <v>Schwartz,Michael</v>
          </cell>
          <cell r="C1049" t="str">
            <v>285208</v>
          </cell>
          <cell r="D1049" t="str">
            <v>Schwartz,Jeff E</v>
          </cell>
        </row>
        <row r="1050">
          <cell r="A1050" t="str">
            <v>075030</v>
          </cell>
          <cell r="B1050" t="str">
            <v>Scott,William C</v>
          </cell>
          <cell r="C1050" t="str">
            <v>026398</v>
          </cell>
          <cell r="D1050" t="str">
            <v>Schwartz,Michael</v>
          </cell>
        </row>
        <row r="1051">
          <cell r="A1051" t="str">
            <v>075033</v>
          </cell>
          <cell r="B1051" t="str">
            <v>Scott,William J</v>
          </cell>
          <cell r="C1051" t="str">
            <v>075030</v>
          </cell>
          <cell r="D1051" t="str">
            <v>Scott,William C</v>
          </cell>
        </row>
        <row r="1052">
          <cell r="A1052" t="str">
            <v>097701</v>
          </cell>
          <cell r="B1052" t="str">
            <v>Scully,Toni L</v>
          </cell>
          <cell r="C1052" t="str">
            <v>075033</v>
          </cell>
          <cell r="D1052" t="str">
            <v>Scott,William J</v>
          </cell>
        </row>
        <row r="1053">
          <cell r="A1053" t="str">
            <v>015618</v>
          </cell>
          <cell r="B1053" t="str">
            <v>Searcy,Doug</v>
          </cell>
          <cell r="C1053" t="str">
            <v>097701</v>
          </cell>
          <cell r="D1053" t="str">
            <v>Scully,Toni L</v>
          </cell>
        </row>
        <row r="1054">
          <cell r="A1054" t="str">
            <v>283432</v>
          </cell>
          <cell r="B1054" t="str">
            <v>Sears,William J</v>
          </cell>
          <cell r="C1054" t="str">
            <v>015618</v>
          </cell>
          <cell r="D1054" t="str">
            <v>Searcy,Doug</v>
          </cell>
        </row>
        <row r="1055">
          <cell r="A1055" t="str">
            <v>024491</v>
          </cell>
          <cell r="B1055" t="str">
            <v>Sebastian,Danny L</v>
          </cell>
          <cell r="C1055" t="str">
            <v>283432</v>
          </cell>
          <cell r="D1055" t="str">
            <v>Sears,William J</v>
          </cell>
        </row>
        <row r="1056">
          <cell r="A1056" t="str">
            <v>015459</v>
          </cell>
          <cell r="B1056" t="str">
            <v>Sebo,Kris</v>
          </cell>
          <cell r="C1056" t="str">
            <v>024491</v>
          </cell>
          <cell r="D1056" t="str">
            <v>Sebastian,Danny L</v>
          </cell>
        </row>
        <row r="1057">
          <cell r="A1057" t="str">
            <v>075182</v>
          </cell>
          <cell r="B1057" t="str">
            <v>Sebree,Stan</v>
          </cell>
          <cell r="C1057" t="str">
            <v>015459</v>
          </cell>
          <cell r="D1057" t="str">
            <v>Sebo,Kris</v>
          </cell>
        </row>
        <row r="1058">
          <cell r="A1058" t="str">
            <v>075184</v>
          </cell>
          <cell r="B1058" t="str">
            <v>Sedziol,Ken</v>
          </cell>
          <cell r="C1058" t="str">
            <v>075182</v>
          </cell>
          <cell r="D1058" t="str">
            <v>Sebree,Stan</v>
          </cell>
        </row>
        <row r="1059">
          <cell r="A1059" t="str">
            <v>015934</v>
          </cell>
          <cell r="B1059" t="str">
            <v>Sego,Marilyn Ann</v>
          </cell>
          <cell r="C1059" t="str">
            <v>075184</v>
          </cell>
          <cell r="D1059" t="str">
            <v>Sedziol,Ken</v>
          </cell>
        </row>
        <row r="1060">
          <cell r="A1060" t="str">
            <v>075415</v>
          </cell>
          <cell r="B1060" t="str">
            <v>Seiter,Gilbert J</v>
          </cell>
          <cell r="C1060" t="str">
            <v>015934</v>
          </cell>
          <cell r="D1060" t="str">
            <v>Sego,Marilyn Ann</v>
          </cell>
        </row>
        <row r="1061">
          <cell r="A1061" t="str">
            <v>023859</v>
          </cell>
          <cell r="B1061" t="str">
            <v>Seiter,Shawn S</v>
          </cell>
          <cell r="C1061" t="str">
            <v>075415</v>
          </cell>
          <cell r="D1061" t="str">
            <v>Seiter,Gilbert J</v>
          </cell>
        </row>
        <row r="1062">
          <cell r="A1062" t="str">
            <v>075535</v>
          </cell>
          <cell r="B1062" t="str">
            <v>Seniours,Ronald</v>
          </cell>
          <cell r="C1062" t="str">
            <v>023859</v>
          </cell>
          <cell r="D1062" t="str">
            <v>Seiter,Shawn S</v>
          </cell>
        </row>
        <row r="1063">
          <cell r="A1063" t="str">
            <v>075806</v>
          </cell>
          <cell r="B1063" t="str">
            <v>Sharpshair,Dave</v>
          </cell>
          <cell r="C1063" t="str">
            <v>075535</v>
          </cell>
          <cell r="D1063" t="str">
            <v>Seniours,Ronald</v>
          </cell>
        </row>
        <row r="1064">
          <cell r="A1064" t="str">
            <v>023894</v>
          </cell>
          <cell r="B1064" t="str">
            <v>Shay-Rouster,Leslie C</v>
          </cell>
          <cell r="C1064" t="str">
            <v>075806</v>
          </cell>
          <cell r="D1064" t="str">
            <v>Sharpshair,Dave</v>
          </cell>
        </row>
        <row r="1065">
          <cell r="A1065" t="str">
            <v>008306</v>
          </cell>
          <cell r="B1065" t="str">
            <v>Shelby,Timothy Myron</v>
          </cell>
          <cell r="C1065" t="str">
            <v>023894</v>
          </cell>
          <cell r="D1065" t="str">
            <v>Shay-Rouster,Leslie C</v>
          </cell>
        </row>
        <row r="1066">
          <cell r="A1066" t="str">
            <v>015950</v>
          </cell>
          <cell r="B1066" t="str">
            <v>Sheller,Mark Clinton</v>
          </cell>
          <cell r="C1066" t="str">
            <v>008306</v>
          </cell>
          <cell r="D1066" t="str">
            <v>Shelby,Timothy Myron</v>
          </cell>
        </row>
        <row r="1067">
          <cell r="A1067" t="str">
            <v>028145</v>
          </cell>
          <cell r="B1067" t="str">
            <v>Shelton,Carrie Marie</v>
          </cell>
          <cell r="C1067" t="str">
            <v>015950</v>
          </cell>
          <cell r="D1067" t="str">
            <v>Sheller,Mark Clinton</v>
          </cell>
        </row>
        <row r="1068">
          <cell r="A1068" t="str">
            <v>076060</v>
          </cell>
          <cell r="B1068" t="str">
            <v>Shepard,Robin</v>
          </cell>
          <cell r="C1068" t="str">
            <v>028145</v>
          </cell>
          <cell r="D1068" t="str">
            <v>Shelton,Carrie Marie</v>
          </cell>
        </row>
        <row r="1069">
          <cell r="A1069" t="str">
            <v>076075</v>
          </cell>
          <cell r="B1069" t="str">
            <v>Shepherd,Carl</v>
          </cell>
          <cell r="C1069" t="str">
            <v>076060</v>
          </cell>
          <cell r="D1069" t="str">
            <v>Shepard,Robin</v>
          </cell>
        </row>
        <row r="1070">
          <cell r="A1070" t="str">
            <v>076095</v>
          </cell>
          <cell r="B1070" t="str">
            <v>Shepherd,Montgomery L</v>
          </cell>
          <cell r="C1070" t="str">
            <v>076075</v>
          </cell>
          <cell r="D1070" t="str">
            <v>Shepherd,Carl</v>
          </cell>
        </row>
        <row r="1071">
          <cell r="A1071" t="str">
            <v>032760</v>
          </cell>
          <cell r="B1071" t="str">
            <v>Shepherd,Rebekah A</v>
          </cell>
          <cell r="C1071" t="str">
            <v>076095</v>
          </cell>
          <cell r="D1071" t="str">
            <v>Shepherd,Montgomery L</v>
          </cell>
        </row>
        <row r="1072">
          <cell r="A1072" t="str">
            <v>272039</v>
          </cell>
          <cell r="B1072" t="str">
            <v>Shew,Daniel W</v>
          </cell>
          <cell r="C1072" t="str">
            <v>032760</v>
          </cell>
          <cell r="D1072" t="str">
            <v>Shepherd,Rebekah A</v>
          </cell>
        </row>
        <row r="1073">
          <cell r="A1073" t="str">
            <v>023736</v>
          </cell>
          <cell r="B1073" t="str">
            <v>Shields Jr,Jim</v>
          </cell>
          <cell r="C1073" t="str">
            <v>272039</v>
          </cell>
          <cell r="D1073" t="str">
            <v>Shew,Daniel W</v>
          </cell>
        </row>
        <row r="1074">
          <cell r="A1074" t="str">
            <v>030684</v>
          </cell>
          <cell r="B1074" t="str">
            <v>Shonkwiler,John T.</v>
          </cell>
          <cell r="C1074" t="str">
            <v>023736</v>
          </cell>
          <cell r="D1074" t="str">
            <v>Shields Jr,Jim</v>
          </cell>
        </row>
        <row r="1075">
          <cell r="A1075" t="str">
            <v>076357</v>
          </cell>
          <cell r="B1075" t="str">
            <v>Short,Howard J</v>
          </cell>
          <cell r="C1075" t="str">
            <v>030684</v>
          </cell>
          <cell r="D1075" t="str">
            <v>Shonkwiler,John T.</v>
          </cell>
        </row>
        <row r="1076">
          <cell r="A1076" t="str">
            <v>008923</v>
          </cell>
          <cell r="B1076" t="str">
            <v>Shoultz,Carolyn Goodrid</v>
          </cell>
          <cell r="C1076" t="str">
            <v>076357</v>
          </cell>
          <cell r="D1076" t="str">
            <v>Short,Howard J</v>
          </cell>
        </row>
        <row r="1077">
          <cell r="A1077" t="str">
            <v>076370</v>
          </cell>
          <cell r="B1077" t="str">
            <v>Shriver,Jeffrey J</v>
          </cell>
          <cell r="C1077" t="str">
            <v>008923</v>
          </cell>
          <cell r="D1077" t="str">
            <v>Shoultz,Carolyn Goodrid</v>
          </cell>
        </row>
        <row r="1078">
          <cell r="A1078" t="str">
            <v>076435</v>
          </cell>
          <cell r="B1078" t="str">
            <v>Sibcy,Eric S</v>
          </cell>
          <cell r="C1078" t="str">
            <v>076370</v>
          </cell>
          <cell r="D1078" t="str">
            <v>Shriver,Jeffrey J</v>
          </cell>
        </row>
        <row r="1079">
          <cell r="A1079" t="str">
            <v>076518</v>
          </cell>
          <cell r="B1079" t="str">
            <v>Siener,John K</v>
          </cell>
          <cell r="C1079" t="str">
            <v>076435</v>
          </cell>
          <cell r="D1079" t="str">
            <v>Sibcy,Eric S</v>
          </cell>
        </row>
        <row r="1080">
          <cell r="A1080" t="str">
            <v>026178</v>
          </cell>
          <cell r="B1080" t="str">
            <v>Siler,Michael D</v>
          </cell>
          <cell r="C1080" t="str">
            <v>030613</v>
          </cell>
          <cell r="D1080" t="str">
            <v>Siefert,Justin L</v>
          </cell>
        </row>
        <row r="1081">
          <cell r="A1081" t="str">
            <v>076578</v>
          </cell>
          <cell r="B1081" t="str">
            <v>Siler,Tom</v>
          </cell>
          <cell r="C1081" t="str">
            <v>076518</v>
          </cell>
          <cell r="D1081" t="str">
            <v>Siener,John K</v>
          </cell>
        </row>
        <row r="1082">
          <cell r="A1082" t="str">
            <v>076840</v>
          </cell>
          <cell r="B1082" t="str">
            <v>Simmons,Deborah Anne</v>
          </cell>
          <cell r="C1082" t="str">
            <v>026178</v>
          </cell>
          <cell r="D1082" t="str">
            <v>Siler,Michael D</v>
          </cell>
        </row>
        <row r="1083">
          <cell r="A1083" t="str">
            <v>076889</v>
          </cell>
          <cell r="B1083" t="str">
            <v>Simms,Mike</v>
          </cell>
          <cell r="C1083" t="str">
            <v>076578</v>
          </cell>
          <cell r="D1083" t="str">
            <v>Siler,Tom</v>
          </cell>
        </row>
        <row r="1084">
          <cell r="A1084" t="str">
            <v>289915</v>
          </cell>
          <cell r="B1084" t="str">
            <v>Simpson,Chris</v>
          </cell>
          <cell r="C1084" t="str">
            <v>076840</v>
          </cell>
          <cell r="D1084" t="str">
            <v>Simmons,Deborah Anne</v>
          </cell>
        </row>
        <row r="1085">
          <cell r="A1085" t="str">
            <v>289395</v>
          </cell>
          <cell r="B1085" t="str">
            <v>Sims,Steven Micheal</v>
          </cell>
          <cell r="C1085" t="str">
            <v>076889</v>
          </cell>
          <cell r="D1085" t="str">
            <v>Simms,Mike</v>
          </cell>
        </row>
        <row r="1086">
          <cell r="A1086" t="str">
            <v>077107</v>
          </cell>
          <cell r="B1086" t="str">
            <v>Sinclair,Anthony F</v>
          </cell>
          <cell r="C1086" t="str">
            <v>289915</v>
          </cell>
          <cell r="D1086" t="str">
            <v>Simpson,Chris</v>
          </cell>
        </row>
        <row r="1087">
          <cell r="A1087" t="str">
            <v>030686</v>
          </cell>
          <cell r="B1087" t="str">
            <v>Siples,William David</v>
          </cell>
          <cell r="C1087" t="str">
            <v>289395</v>
          </cell>
          <cell r="D1087" t="str">
            <v>Sims,Steven Micheal</v>
          </cell>
        </row>
        <row r="1088">
          <cell r="A1088" t="str">
            <v>077255</v>
          </cell>
          <cell r="B1088" t="str">
            <v>Siry,Rick</v>
          </cell>
          <cell r="C1088" t="str">
            <v>077107</v>
          </cell>
          <cell r="D1088" t="str">
            <v>Sinclair,Anthony F</v>
          </cell>
        </row>
        <row r="1089">
          <cell r="A1089" t="str">
            <v>278521</v>
          </cell>
          <cell r="B1089" t="str">
            <v>Sitterding,Dustin Ray</v>
          </cell>
          <cell r="C1089" t="str">
            <v>030686</v>
          </cell>
          <cell r="D1089" t="str">
            <v>Siples,William David</v>
          </cell>
        </row>
        <row r="1090">
          <cell r="A1090" t="str">
            <v>016234</v>
          </cell>
          <cell r="B1090" t="str">
            <v>Six,Earl Aaron</v>
          </cell>
          <cell r="C1090" t="str">
            <v>077255</v>
          </cell>
          <cell r="D1090" t="str">
            <v>Siry,Rick</v>
          </cell>
        </row>
        <row r="1091">
          <cell r="A1091" t="str">
            <v>022944</v>
          </cell>
          <cell r="B1091" t="str">
            <v>Slack,Blake</v>
          </cell>
          <cell r="C1091" t="str">
            <v>278521</v>
          </cell>
          <cell r="D1091" t="str">
            <v>Sitterding,Dustin Ray</v>
          </cell>
        </row>
        <row r="1092">
          <cell r="A1092" t="str">
            <v>326632</v>
          </cell>
          <cell r="B1092" t="str">
            <v>Smith,Aaron Quinton</v>
          </cell>
          <cell r="C1092" t="str">
            <v>016234</v>
          </cell>
          <cell r="D1092" t="str">
            <v>Six,Earl Aaron</v>
          </cell>
        </row>
        <row r="1093">
          <cell r="A1093" t="str">
            <v>291751</v>
          </cell>
          <cell r="B1093" t="str">
            <v>Smith,Brandon</v>
          </cell>
          <cell r="C1093" t="str">
            <v>022944</v>
          </cell>
          <cell r="D1093" t="str">
            <v>Slack,Blake</v>
          </cell>
        </row>
        <row r="1094">
          <cell r="A1094" t="str">
            <v>010238</v>
          </cell>
          <cell r="B1094" t="str">
            <v>Smith,Darnell</v>
          </cell>
          <cell r="C1094" t="str">
            <v>326632</v>
          </cell>
          <cell r="D1094" t="str">
            <v>Smith,Aaron Quinton</v>
          </cell>
        </row>
        <row r="1095">
          <cell r="A1095" t="str">
            <v>078043</v>
          </cell>
          <cell r="B1095" t="str">
            <v>Smith,Duane Lee</v>
          </cell>
          <cell r="C1095" t="str">
            <v>291751</v>
          </cell>
          <cell r="D1095" t="str">
            <v>Smith,Brandon</v>
          </cell>
        </row>
        <row r="1096">
          <cell r="A1096" t="str">
            <v>291705</v>
          </cell>
          <cell r="B1096" t="str">
            <v>Smith,Jerry L</v>
          </cell>
          <cell r="C1096" t="str">
            <v>010238</v>
          </cell>
          <cell r="D1096" t="str">
            <v>Smith,Darnell</v>
          </cell>
        </row>
        <row r="1097">
          <cell r="A1097" t="str">
            <v>017289</v>
          </cell>
          <cell r="B1097" t="str">
            <v>Smith,Jerry L</v>
          </cell>
          <cell r="C1097" t="str">
            <v>078043</v>
          </cell>
          <cell r="D1097" t="str">
            <v>Smith,Duane Lee</v>
          </cell>
        </row>
        <row r="1098">
          <cell r="A1098" t="str">
            <v>015929</v>
          </cell>
          <cell r="B1098" t="str">
            <v>Smith,Jim</v>
          </cell>
          <cell r="C1098" t="str">
            <v>017289</v>
          </cell>
          <cell r="D1098" t="str">
            <v>Smith,Jerry L</v>
          </cell>
        </row>
        <row r="1099">
          <cell r="A1099" t="str">
            <v>078475</v>
          </cell>
          <cell r="B1099" t="str">
            <v>Smith,Ken</v>
          </cell>
          <cell r="C1099" t="str">
            <v>291705</v>
          </cell>
          <cell r="D1099" t="str">
            <v>Smith,Jerry L</v>
          </cell>
        </row>
        <row r="1100">
          <cell r="A1100" t="str">
            <v>078472</v>
          </cell>
          <cell r="B1100" t="str">
            <v>Smith,Kenny</v>
          </cell>
          <cell r="C1100" t="str">
            <v>015929</v>
          </cell>
          <cell r="D1100" t="str">
            <v>Smith,Jim</v>
          </cell>
        </row>
        <row r="1101">
          <cell r="A1101" t="str">
            <v>017260</v>
          </cell>
          <cell r="B1101" t="str">
            <v>Smith,Lancha W</v>
          </cell>
          <cell r="C1101" t="str">
            <v>078475</v>
          </cell>
          <cell r="D1101" t="str">
            <v>Smith,Ken</v>
          </cell>
        </row>
        <row r="1102">
          <cell r="A1102" t="str">
            <v>014101</v>
          </cell>
          <cell r="B1102" t="str">
            <v>Smith,Luann</v>
          </cell>
          <cell r="C1102" t="str">
            <v>078472</v>
          </cell>
          <cell r="D1102" t="str">
            <v>Smith,Kenny</v>
          </cell>
        </row>
        <row r="1103">
          <cell r="A1103" t="str">
            <v>272246</v>
          </cell>
          <cell r="B1103" t="str">
            <v>Smith,Max A</v>
          </cell>
          <cell r="C1103" t="str">
            <v>017260</v>
          </cell>
          <cell r="D1103" t="str">
            <v>Smith,Lancha W</v>
          </cell>
        </row>
        <row r="1104">
          <cell r="A1104" t="str">
            <v>009644</v>
          </cell>
          <cell r="B1104" t="str">
            <v>Smith,Michael</v>
          </cell>
          <cell r="C1104" t="str">
            <v>014101</v>
          </cell>
          <cell r="D1104" t="str">
            <v>Smith,Luann</v>
          </cell>
        </row>
        <row r="1105">
          <cell r="A1105" t="str">
            <v>009333</v>
          </cell>
          <cell r="B1105" t="str">
            <v>Smith,Michael Lloyd</v>
          </cell>
          <cell r="C1105" t="str">
            <v>272246</v>
          </cell>
          <cell r="D1105" t="str">
            <v>Smith,Max A</v>
          </cell>
        </row>
        <row r="1106">
          <cell r="A1106" t="str">
            <v>030918</v>
          </cell>
          <cell r="B1106" t="str">
            <v>Smith,Michael Robert</v>
          </cell>
          <cell r="C1106" t="str">
            <v>009644</v>
          </cell>
          <cell r="D1106" t="str">
            <v>Smith,Michael</v>
          </cell>
        </row>
        <row r="1107">
          <cell r="A1107" t="str">
            <v>014678</v>
          </cell>
          <cell r="B1107" t="str">
            <v>Smith,Phil</v>
          </cell>
          <cell r="C1107" t="str">
            <v>009333</v>
          </cell>
          <cell r="D1107" t="str">
            <v>Smith,Michael Lloyd</v>
          </cell>
        </row>
        <row r="1108">
          <cell r="A1108" t="str">
            <v>095902</v>
          </cell>
          <cell r="B1108" t="str">
            <v>Smith,Richard A</v>
          </cell>
          <cell r="C1108" t="str">
            <v>030918</v>
          </cell>
          <cell r="D1108" t="str">
            <v>Smith,Michael Robert</v>
          </cell>
        </row>
        <row r="1109">
          <cell r="A1109" t="str">
            <v>078769</v>
          </cell>
          <cell r="B1109" t="str">
            <v>Smith,Ronnie Dale</v>
          </cell>
          <cell r="C1109" t="str">
            <v>014678</v>
          </cell>
          <cell r="D1109" t="str">
            <v>Smith,Phil</v>
          </cell>
        </row>
        <row r="1110">
          <cell r="A1110" t="str">
            <v>273552</v>
          </cell>
          <cell r="B1110" t="str">
            <v>Smith,Sarah J.</v>
          </cell>
          <cell r="C1110" t="str">
            <v>095902</v>
          </cell>
          <cell r="D1110" t="str">
            <v>Smith,Richard A</v>
          </cell>
        </row>
        <row r="1111">
          <cell r="A1111" t="str">
            <v>014795</v>
          </cell>
          <cell r="B1111" t="str">
            <v>Smith,Sherri Lorraine</v>
          </cell>
          <cell r="C1111" t="str">
            <v>078769</v>
          </cell>
          <cell r="D1111" t="str">
            <v>Smith,Ronnie Dale</v>
          </cell>
        </row>
        <row r="1112">
          <cell r="A1112" t="str">
            <v>078961</v>
          </cell>
          <cell r="B1112" t="str">
            <v>Smith,Winston L</v>
          </cell>
          <cell r="C1112" t="str">
            <v>273552</v>
          </cell>
          <cell r="D1112" t="str">
            <v>Smith,Sarah J.</v>
          </cell>
        </row>
        <row r="1113">
          <cell r="A1113" t="str">
            <v>291692</v>
          </cell>
          <cell r="B1113" t="str">
            <v>Snedegar,William A</v>
          </cell>
          <cell r="C1113" t="str">
            <v>014795</v>
          </cell>
          <cell r="D1113" t="str">
            <v>Smith,Sherri Lorraine</v>
          </cell>
        </row>
        <row r="1114">
          <cell r="A1114" t="str">
            <v>272377</v>
          </cell>
          <cell r="B1114" t="str">
            <v>Snodgrass,Josh</v>
          </cell>
          <cell r="C1114" t="str">
            <v>078961</v>
          </cell>
          <cell r="D1114" t="str">
            <v>Smith,Winston L</v>
          </cell>
        </row>
        <row r="1115">
          <cell r="A1115" t="str">
            <v>015443</v>
          </cell>
          <cell r="B1115" t="str">
            <v>Sowers,Herman Lee</v>
          </cell>
          <cell r="C1115" t="str">
            <v>291692</v>
          </cell>
          <cell r="D1115" t="str">
            <v>Snedegar,William A</v>
          </cell>
        </row>
        <row r="1116">
          <cell r="A1116" t="str">
            <v>275071</v>
          </cell>
          <cell r="B1116" t="str">
            <v>Spangle,Drew D</v>
          </cell>
          <cell r="C1116" t="str">
            <v>272377</v>
          </cell>
          <cell r="D1116" t="str">
            <v>Snodgrass,Josh</v>
          </cell>
        </row>
        <row r="1117">
          <cell r="A1117" t="str">
            <v>023998</v>
          </cell>
          <cell r="B1117" t="str">
            <v>Sparks,Sean M</v>
          </cell>
          <cell r="C1117" t="str">
            <v>015443</v>
          </cell>
          <cell r="D1117" t="str">
            <v>Sowers,Herman Lee</v>
          </cell>
        </row>
        <row r="1118">
          <cell r="A1118" t="str">
            <v>011158</v>
          </cell>
          <cell r="B1118" t="str">
            <v>Spears,Jimmy Wayne</v>
          </cell>
          <cell r="C1118" t="str">
            <v>275071</v>
          </cell>
          <cell r="D1118" t="str">
            <v>Spangle,Drew D</v>
          </cell>
        </row>
        <row r="1119">
          <cell r="A1119" t="str">
            <v>096462</v>
          </cell>
          <cell r="B1119" t="str">
            <v>Springer,Jason H</v>
          </cell>
          <cell r="C1119" t="str">
            <v>023998</v>
          </cell>
          <cell r="D1119" t="str">
            <v>Sparks,Sean M</v>
          </cell>
        </row>
        <row r="1120">
          <cell r="A1120" t="str">
            <v>010112</v>
          </cell>
          <cell r="B1120" t="str">
            <v>Spurgeon,Gary Lee</v>
          </cell>
          <cell r="C1120" t="str">
            <v>011158</v>
          </cell>
          <cell r="D1120" t="str">
            <v>Spears,Jimmy Wayne</v>
          </cell>
        </row>
        <row r="1121">
          <cell r="A1121" t="str">
            <v>079805</v>
          </cell>
          <cell r="B1121" t="str">
            <v>Stadelmann,Tim</v>
          </cell>
          <cell r="C1121" t="str">
            <v>096462</v>
          </cell>
          <cell r="D1121" t="str">
            <v>Springer,Jason H</v>
          </cell>
        </row>
        <row r="1122">
          <cell r="A1122" t="str">
            <v>027867</v>
          </cell>
          <cell r="B1122" t="str">
            <v>Stanforth,Ronald James</v>
          </cell>
          <cell r="C1122" t="str">
            <v>010112</v>
          </cell>
          <cell r="D1122" t="str">
            <v>Spurgeon,Gary Lee</v>
          </cell>
        </row>
        <row r="1123">
          <cell r="A1123" t="str">
            <v>014110</v>
          </cell>
          <cell r="B1123" t="str">
            <v>Stanifer,Tracy</v>
          </cell>
          <cell r="C1123" t="str">
            <v>079805</v>
          </cell>
          <cell r="D1123" t="str">
            <v>Stadelmann,Tim</v>
          </cell>
        </row>
        <row r="1124">
          <cell r="A1124" t="str">
            <v>097621</v>
          </cell>
          <cell r="B1124" t="str">
            <v>Stansberry,William R</v>
          </cell>
          <cell r="C1124" t="str">
            <v>027867</v>
          </cell>
          <cell r="D1124" t="str">
            <v>Stanforth,Ronald James</v>
          </cell>
        </row>
        <row r="1125">
          <cell r="A1125" t="str">
            <v>019918</v>
          </cell>
          <cell r="B1125" t="str">
            <v>Stath,Ron</v>
          </cell>
          <cell r="C1125" t="str">
            <v>014110</v>
          </cell>
          <cell r="D1125" t="str">
            <v>Stanifer,Tracy</v>
          </cell>
        </row>
        <row r="1126">
          <cell r="A1126" t="str">
            <v>285205</v>
          </cell>
          <cell r="B1126" t="str">
            <v>Staud,Mike</v>
          </cell>
          <cell r="C1126" t="str">
            <v>097621</v>
          </cell>
          <cell r="D1126" t="str">
            <v>Stansberry,William R</v>
          </cell>
        </row>
        <row r="1127">
          <cell r="A1127" t="str">
            <v>013479</v>
          </cell>
          <cell r="B1127" t="str">
            <v>Steele,Mary Jayne</v>
          </cell>
          <cell r="C1127" t="str">
            <v>019918</v>
          </cell>
          <cell r="D1127" t="str">
            <v>Stath,Ron</v>
          </cell>
        </row>
        <row r="1128">
          <cell r="A1128" t="str">
            <v>080595</v>
          </cell>
          <cell r="B1128" t="str">
            <v>Steiber,Edward John</v>
          </cell>
          <cell r="C1128" t="str">
            <v>285205</v>
          </cell>
          <cell r="D1128" t="str">
            <v>Staud,Mike</v>
          </cell>
        </row>
        <row r="1129">
          <cell r="A1129" t="str">
            <v>024632</v>
          </cell>
          <cell r="B1129" t="str">
            <v>Steinmetz,Corey J.</v>
          </cell>
          <cell r="C1129" t="str">
            <v>013479</v>
          </cell>
          <cell r="D1129" t="str">
            <v>Steele,Mary Jayne</v>
          </cell>
        </row>
        <row r="1130">
          <cell r="A1130" t="str">
            <v>326578</v>
          </cell>
          <cell r="B1130" t="str">
            <v>Stephens,Jeremy Anthony</v>
          </cell>
          <cell r="C1130" t="str">
            <v>080595</v>
          </cell>
          <cell r="D1130" t="str">
            <v>Steiber,Edward John</v>
          </cell>
        </row>
        <row r="1131">
          <cell r="A1131" t="str">
            <v>326566</v>
          </cell>
          <cell r="B1131" t="str">
            <v>Stephens,Joshua Anthony</v>
          </cell>
          <cell r="C1131" t="str">
            <v>024632</v>
          </cell>
          <cell r="D1131" t="str">
            <v>Steinmetz,Corey J.</v>
          </cell>
        </row>
        <row r="1132">
          <cell r="A1132" t="str">
            <v>081024</v>
          </cell>
          <cell r="B1132" t="str">
            <v>Stephenson,Ricky Allen</v>
          </cell>
          <cell r="C1132" t="str">
            <v>326578</v>
          </cell>
          <cell r="D1132" t="str">
            <v>Stephens,Jeremy Anthony</v>
          </cell>
        </row>
        <row r="1133">
          <cell r="A1133" t="str">
            <v>009591</v>
          </cell>
          <cell r="B1133" t="str">
            <v>Stevenson,Denise</v>
          </cell>
          <cell r="C1133" t="str">
            <v>326566</v>
          </cell>
          <cell r="D1133" t="str">
            <v>Stephens,Joshua Anthony</v>
          </cell>
        </row>
        <row r="1134">
          <cell r="A1134" t="str">
            <v>281697</v>
          </cell>
          <cell r="B1134" t="str">
            <v>Stevenson,Mark A</v>
          </cell>
          <cell r="C1134" t="str">
            <v>081024</v>
          </cell>
          <cell r="D1134" t="str">
            <v>Stephenson,Ricky Allen</v>
          </cell>
        </row>
        <row r="1135">
          <cell r="A1135" t="str">
            <v>009798</v>
          </cell>
          <cell r="B1135" t="str">
            <v>Stier,Stephen Bernard</v>
          </cell>
          <cell r="C1135" t="str">
            <v>009591</v>
          </cell>
          <cell r="D1135" t="str">
            <v>Stevenson,Denise</v>
          </cell>
        </row>
        <row r="1136">
          <cell r="A1136" t="str">
            <v>284791</v>
          </cell>
          <cell r="B1136" t="str">
            <v>Stiner,Kyle</v>
          </cell>
          <cell r="C1136" t="str">
            <v>281697</v>
          </cell>
          <cell r="D1136" t="str">
            <v>Stevenson,Mark A</v>
          </cell>
        </row>
        <row r="1137">
          <cell r="A1137" t="str">
            <v>081490</v>
          </cell>
          <cell r="B1137" t="str">
            <v>Stith,Gregory A</v>
          </cell>
          <cell r="C1137" t="str">
            <v>009798</v>
          </cell>
          <cell r="D1137" t="str">
            <v>Stier,Stephen Bernard</v>
          </cell>
        </row>
        <row r="1138">
          <cell r="A1138" t="str">
            <v>025471</v>
          </cell>
          <cell r="B1138" t="str">
            <v>Stitt,Jonathan Derek</v>
          </cell>
          <cell r="C1138" t="str">
            <v>284791</v>
          </cell>
          <cell r="D1138" t="str">
            <v>Stiner,Kyle</v>
          </cell>
        </row>
        <row r="1139">
          <cell r="A1139" t="str">
            <v>014762</v>
          </cell>
          <cell r="B1139" t="str">
            <v>Stoner,Scotty Joe</v>
          </cell>
          <cell r="C1139" t="str">
            <v>081490</v>
          </cell>
          <cell r="D1139" t="str">
            <v>Stith,Gregory A</v>
          </cell>
        </row>
        <row r="1140">
          <cell r="A1140" t="str">
            <v>082309</v>
          </cell>
          <cell r="B1140" t="str">
            <v>Strong,Larry E</v>
          </cell>
          <cell r="C1140" t="str">
            <v>025471</v>
          </cell>
          <cell r="D1140" t="str">
            <v>Stitt,Jonathan Derek</v>
          </cell>
        </row>
        <row r="1141">
          <cell r="A1141" t="str">
            <v>097344</v>
          </cell>
          <cell r="B1141" t="str">
            <v>Strunk,John R</v>
          </cell>
          <cell r="C1141" t="str">
            <v>014762</v>
          </cell>
          <cell r="D1141" t="str">
            <v>Stoner,Scotty Joe</v>
          </cell>
        </row>
        <row r="1142">
          <cell r="A1142" t="str">
            <v>022837</v>
          </cell>
          <cell r="B1142" t="str">
            <v>Stubbs,Scott A</v>
          </cell>
          <cell r="C1142" t="str">
            <v>082309</v>
          </cell>
          <cell r="D1142" t="str">
            <v>Strong,Larry E</v>
          </cell>
        </row>
        <row r="1143">
          <cell r="A1143" t="str">
            <v>272405</v>
          </cell>
          <cell r="B1143" t="str">
            <v>Stuckey,Katie Joan</v>
          </cell>
          <cell r="C1143" t="str">
            <v>097344</v>
          </cell>
          <cell r="D1143" t="str">
            <v>Strunk,John R</v>
          </cell>
        </row>
        <row r="1144">
          <cell r="A1144" t="str">
            <v>278516</v>
          </cell>
          <cell r="B1144" t="str">
            <v>Stuckey,Michael D</v>
          </cell>
          <cell r="C1144" t="str">
            <v>022837</v>
          </cell>
          <cell r="D1144" t="str">
            <v>Stubbs,Scott A</v>
          </cell>
        </row>
        <row r="1145">
          <cell r="A1145" t="str">
            <v>082508</v>
          </cell>
          <cell r="B1145" t="str">
            <v>Studer,Ron</v>
          </cell>
          <cell r="C1145" t="str">
            <v>272405</v>
          </cell>
          <cell r="D1145" t="str">
            <v>Stuckey,Katie Joan</v>
          </cell>
        </row>
        <row r="1146">
          <cell r="A1146" t="str">
            <v>025525</v>
          </cell>
          <cell r="B1146" t="str">
            <v>Stultz,Ryan</v>
          </cell>
          <cell r="C1146" t="str">
            <v>278516</v>
          </cell>
          <cell r="D1146" t="str">
            <v>Stuckey,Michael D</v>
          </cell>
        </row>
        <row r="1147">
          <cell r="A1147" t="str">
            <v>272106</v>
          </cell>
          <cell r="B1147" t="str">
            <v>Sullivan,Anthony</v>
          </cell>
          <cell r="C1147" t="str">
            <v>082508</v>
          </cell>
          <cell r="D1147" t="str">
            <v>Studer,Ron</v>
          </cell>
        </row>
        <row r="1148">
          <cell r="A1148" t="str">
            <v>082802</v>
          </cell>
          <cell r="B1148" t="str">
            <v>Sullivan,Mark D</v>
          </cell>
          <cell r="C1148" t="str">
            <v>025525</v>
          </cell>
          <cell r="D1148" t="str">
            <v>Stultz,Ryan</v>
          </cell>
        </row>
        <row r="1149">
          <cell r="A1149" t="str">
            <v>026114</v>
          </cell>
          <cell r="B1149" t="str">
            <v>Sullivan,Ron</v>
          </cell>
          <cell r="C1149" t="str">
            <v>272106</v>
          </cell>
          <cell r="D1149" t="str">
            <v>Sullivan,Anthony</v>
          </cell>
        </row>
        <row r="1150">
          <cell r="A1150" t="str">
            <v>010106</v>
          </cell>
          <cell r="B1150" t="str">
            <v>Sutherland,Mike</v>
          </cell>
          <cell r="C1150" t="str">
            <v>082802</v>
          </cell>
          <cell r="D1150" t="str">
            <v>Sullivan,Mark D</v>
          </cell>
        </row>
        <row r="1151">
          <cell r="A1151" t="str">
            <v>023860</v>
          </cell>
          <cell r="B1151" t="str">
            <v>Sutton,Jody B</v>
          </cell>
          <cell r="C1151" t="str">
            <v>026114</v>
          </cell>
          <cell r="D1151" t="str">
            <v>Sullivan,Ron</v>
          </cell>
        </row>
        <row r="1152">
          <cell r="A1152" t="str">
            <v>030022</v>
          </cell>
          <cell r="B1152" t="str">
            <v>Swartzentruber,Jesse Willis</v>
          </cell>
          <cell r="C1152" t="str">
            <v>010106</v>
          </cell>
          <cell r="D1152" t="str">
            <v>Sutherland,Mike</v>
          </cell>
        </row>
        <row r="1153">
          <cell r="A1153" t="str">
            <v>015386</v>
          </cell>
          <cell r="B1153" t="str">
            <v>Sweat,Dennis Wayne</v>
          </cell>
          <cell r="C1153" t="str">
            <v>023860</v>
          </cell>
          <cell r="D1153" t="str">
            <v>Sutton,Jody B</v>
          </cell>
        </row>
        <row r="1154">
          <cell r="A1154" t="str">
            <v>275378</v>
          </cell>
          <cell r="B1154" t="str">
            <v>Sweeney,Logan</v>
          </cell>
          <cell r="C1154" t="str">
            <v>030022</v>
          </cell>
          <cell r="D1154" t="str">
            <v>Swartzentruber,Jesse Willis</v>
          </cell>
        </row>
        <row r="1155">
          <cell r="A1155" t="str">
            <v>083538</v>
          </cell>
          <cell r="B1155" t="str">
            <v>Tanner,Marc A</v>
          </cell>
          <cell r="C1155" t="str">
            <v>015386</v>
          </cell>
          <cell r="D1155" t="str">
            <v>Sweat,Dennis Wayne</v>
          </cell>
        </row>
        <row r="1156">
          <cell r="A1156" t="str">
            <v>361789</v>
          </cell>
          <cell r="B1156" t="str">
            <v>Tapp,Kyle Wayne</v>
          </cell>
          <cell r="C1156" t="str">
            <v>275378</v>
          </cell>
          <cell r="D1156" t="str">
            <v>Sweeney,Logan</v>
          </cell>
        </row>
        <row r="1157">
          <cell r="A1157" t="str">
            <v>083650</v>
          </cell>
          <cell r="B1157" t="str">
            <v>Tate,Kevin</v>
          </cell>
          <cell r="C1157" t="str">
            <v>083538</v>
          </cell>
          <cell r="D1157" t="str">
            <v>Tanner,Marc A</v>
          </cell>
        </row>
        <row r="1158">
          <cell r="A1158" t="str">
            <v>083953</v>
          </cell>
          <cell r="B1158" t="str">
            <v>Taylor,Gregory S</v>
          </cell>
          <cell r="C1158" t="str">
            <v>361789</v>
          </cell>
          <cell r="D1158" t="str">
            <v>Tapp,Kyle Wayne</v>
          </cell>
        </row>
        <row r="1159">
          <cell r="A1159" t="str">
            <v>007683</v>
          </cell>
          <cell r="B1159" t="str">
            <v>Taylor,Matt</v>
          </cell>
          <cell r="C1159" t="str">
            <v>083650</v>
          </cell>
          <cell r="D1159" t="str">
            <v>Tate,Kevin</v>
          </cell>
        </row>
        <row r="1160">
          <cell r="A1160" t="str">
            <v>095538</v>
          </cell>
          <cell r="B1160" t="str">
            <v>Tearman,Bryan R</v>
          </cell>
          <cell r="C1160" t="str">
            <v>083953</v>
          </cell>
          <cell r="D1160" t="str">
            <v>Taylor,Gregory S</v>
          </cell>
        </row>
        <row r="1161">
          <cell r="A1161" t="str">
            <v>084063</v>
          </cell>
          <cell r="B1161" t="str">
            <v>Tedeschi,Ted A</v>
          </cell>
          <cell r="C1161" t="str">
            <v>007683</v>
          </cell>
          <cell r="D1161" t="str">
            <v>Taylor,Matt</v>
          </cell>
        </row>
        <row r="1162">
          <cell r="A1162" t="str">
            <v>069634</v>
          </cell>
          <cell r="B1162" t="str">
            <v>Teegarden,Marlene Sue</v>
          </cell>
          <cell r="C1162" t="str">
            <v>095538</v>
          </cell>
          <cell r="D1162" t="str">
            <v>Tearman,Bryan R</v>
          </cell>
        </row>
        <row r="1163">
          <cell r="A1163" t="str">
            <v>084225</v>
          </cell>
          <cell r="B1163" t="str">
            <v>Temple,Richard William</v>
          </cell>
          <cell r="C1163" t="str">
            <v>084063</v>
          </cell>
          <cell r="D1163" t="str">
            <v>Tedeschi,Ted A</v>
          </cell>
        </row>
        <row r="1164">
          <cell r="A1164" t="str">
            <v>365520</v>
          </cell>
          <cell r="B1164" t="str">
            <v>Tepe,Chris</v>
          </cell>
          <cell r="C1164" t="str">
            <v>069634</v>
          </cell>
          <cell r="D1164" t="str">
            <v>Teegarden,Marlene Sue</v>
          </cell>
        </row>
        <row r="1165">
          <cell r="A1165" t="str">
            <v>016221</v>
          </cell>
          <cell r="B1165" t="str">
            <v>Terrell,Brian Keith</v>
          </cell>
          <cell r="C1165" t="str">
            <v>084225</v>
          </cell>
          <cell r="D1165" t="str">
            <v>Temple,Richard William</v>
          </cell>
        </row>
        <row r="1166">
          <cell r="A1166" t="str">
            <v>025516</v>
          </cell>
          <cell r="B1166" t="str">
            <v>Terrell,Dave Bruce</v>
          </cell>
          <cell r="C1166" t="str">
            <v>365520</v>
          </cell>
          <cell r="D1166" t="str">
            <v>Tepe,Chris</v>
          </cell>
        </row>
        <row r="1167">
          <cell r="A1167" t="str">
            <v>084300</v>
          </cell>
          <cell r="B1167" t="str">
            <v>Terry,Timothy J</v>
          </cell>
          <cell r="C1167" t="str">
            <v>016221</v>
          </cell>
          <cell r="D1167" t="str">
            <v>Terrell,Brian Keith</v>
          </cell>
        </row>
        <row r="1168">
          <cell r="A1168" t="str">
            <v>025560</v>
          </cell>
          <cell r="B1168" t="str">
            <v>Thomas,Antonio L</v>
          </cell>
          <cell r="C1168" t="str">
            <v>025516</v>
          </cell>
          <cell r="D1168" t="str">
            <v>Terrell,Dave Bruce</v>
          </cell>
        </row>
        <row r="1169">
          <cell r="A1169" t="str">
            <v>283285</v>
          </cell>
          <cell r="B1169" t="str">
            <v>Thomas,Brian D</v>
          </cell>
          <cell r="C1169" t="str">
            <v>084300</v>
          </cell>
          <cell r="D1169" t="str">
            <v>Terry,Timothy J</v>
          </cell>
        </row>
        <row r="1170">
          <cell r="A1170" t="str">
            <v>084515</v>
          </cell>
          <cell r="B1170" t="str">
            <v>Thomas,Gina Lee</v>
          </cell>
          <cell r="C1170" t="str">
            <v>025560</v>
          </cell>
          <cell r="D1170" t="str">
            <v>Thomas,Antonio L</v>
          </cell>
        </row>
        <row r="1171">
          <cell r="A1171" t="str">
            <v>026227</v>
          </cell>
          <cell r="B1171" t="str">
            <v>Thomas,Joe</v>
          </cell>
          <cell r="C1171" t="str">
            <v>283285</v>
          </cell>
          <cell r="D1171" t="str">
            <v>Thomas,Brian D</v>
          </cell>
        </row>
        <row r="1172">
          <cell r="A1172" t="str">
            <v>084692</v>
          </cell>
          <cell r="B1172" t="str">
            <v>Thompson Jr,Bill</v>
          </cell>
          <cell r="C1172" t="str">
            <v>084515</v>
          </cell>
          <cell r="D1172" t="str">
            <v>Thomas,Gina Lee</v>
          </cell>
        </row>
        <row r="1173">
          <cell r="A1173" t="str">
            <v>024932</v>
          </cell>
          <cell r="B1173" t="str">
            <v>Thompson,John Franklin</v>
          </cell>
          <cell r="C1173" t="str">
            <v>026227</v>
          </cell>
          <cell r="D1173" t="str">
            <v>Thomas,Joe</v>
          </cell>
        </row>
        <row r="1174">
          <cell r="A1174" t="str">
            <v>084639</v>
          </cell>
          <cell r="B1174" t="str">
            <v>Thompson,Leslie Byron</v>
          </cell>
          <cell r="C1174" t="str">
            <v>084692</v>
          </cell>
          <cell r="D1174" t="str">
            <v>Thompson Jr,Bill</v>
          </cell>
        </row>
        <row r="1175">
          <cell r="A1175" t="str">
            <v>326087</v>
          </cell>
          <cell r="B1175" t="str">
            <v>Thompson,Steven R.</v>
          </cell>
          <cell r="C1175" t="str">
            <v>024932</v>
          </cell>
          <cell r="D1175" t="str">
            <v>Thompson,John Franklin</v>
          </cell>
        </row>
        <row r="1176">
          <cell r="A1176" t="str">
            <v>084682</v>
          </cell>
          <cell r="B1176" t="str">
            <v>Thompson,Tony</v>
          </cell>
          <cell r="C1176" t="str">
            <v>084639</v>
          </cell>
          <cell r="D1176" t="str">
            <v>Thompson,Leslie Byron</v>
          </cell>
        </row>
        <row r="1177">
          <cell r="A1177" t="str">
            <v>016091</v>
          </cell>
          <cell r="B1177" t="str">
            <v>Timberman,Kevin L</v>
          </cell>
          <cell r="C1177" t="str">
            <v>326087</v>
          </cell>
          <cell r="D1177" t="str">
            <v>Thompson,Steven R.</v>
          </cell>
        </row>
        <row r="1178">
          <cell r="A1178" t="str">
            <v>291404</v>
          </cell>
          <cell r="B1178" t="str">
            <v>Timmerding,Jeremy Joseph</v>
          </cell>
          <cell r="C1178" t="str">
            <v>084682</v>
          </cell>
          <cell r="D1178" t="str">
            <v>Thompson,Tony</v>
          </cell>
        </row>
        <row r="1179">
          <cell r="A1179" t="str">
            <v>078607</v>
          </cell>
          <cell r="B1179" t="str">
            <v>Titus-Smith,Marlene</v>
          </cell>
          <cell r="C1179" t="str">
            <v>016091</v>
          </cell>
          <cell r="D1179" t="str">
            <v>Timberman,Kevin L</v>
          </cell>
        </row>
        <row r="1180">
          <cell r="A1180" t="str">
            <v>084939</v>
          </cell>
          <cell r="B1180" t="str">
            <v>Tobergte,A Matthew</v>
          </cell>
          <cell r="C1180" t="str">
            <v>291404</v>
          </cell>
          <cell r="D1180" t="str">
            <v>Timmerding,Jeremy Joseph</v>
          </cell>
        </row>
        <row r="1181">
          <cell r="A1181" t="str">
            <v>012986</v>
          </cell>
          <cell r="B1181" t="str">
            <v>Tolbert,Steve</v>
          </cell>
          <cell r="C1181" t="str">
            <v>078607</v>
          </cell>
          <cell r="D1181" t="str">
            <v>Titus-Smith,Marlene</v>
          </cell>
        </row>
        <row r="1182">
          <cell r="A1182" t="str">
            <v>084981</v>
          </cell>
          <cell r="B1182" t="str">
            <v>Tolle,Kevin L</v>
          </cell>
          <cell r="C1182" t="str">
            <v>084939</v>
          </cell>
          <cell r="D1182" t="str">
            <v>Tobergte,A Matthew</v>
          </cell>
        </row>
        <row r="1183">
          <cell r="A1183" t="str">
            <v>026332</v>
          </cell>
          <cell r="B1183" t="str">
            <v>Tom,Steven D.</v>
          </cell>
          <cell r="C1183" t="str">
            <v>012986</v>
          </cell>
          <cell r="D1183" t="str">
            <v>Tolbert,Steve</v>
          </cell>
        </row>
        <row r="1184">
          <cell r="A1184" t="str">
            <v>326672</v>
          </cell>
          <cell r="B1184" t="str">
            <v>Tomey,Wesley Curtis</v>
          </cell>
          <cell r="C1184" t="str">
            <v>084981</v>
          </cell>
          <cell r="D1184" t="str">
            <v>Tolle,Kevin L</v>
          </cell>
        </row>
        <row r="1185">
          <cell r="A1185" t="str">
            <v>024934</v>
          </cell>
          <cell r="B1185" t="str">
            <v>Tompkins,Jack</v>
          </cell>
          <cell r="C1185" t="str">
            <v>026332</v>
          </cell>
          <cell r="D1185" t="str">
            <v>Tom,Steven D.</v>
          </cell>
        </row>
        <row r="1186">
          <cell r="A1186" t="str">
            <v>085060</v>
          </cell>
          <cell r="B1186" t="str">
            <v>Townsend,Jim</v>
          </cell>
          <cell r="C1186" t="str">
            <v>326672</v>
          </cell>
          <cell r="D1186" t="str">
            <v>Tomey,Wesley Curtis</v>
          </cell>
        </row>
        <row r="1187">
          <cell r="A1187" t="str">
            <v>085141</v>
          </cell>
          <cell r="B1187" t="str">
            <v>Trammell,Larry L</v>
          </cell>
          <cell r="C1187" t="str">
            <v>024934</v>
          </cell>
          <cell r="D1187" t="str">
            <v>Tompkins,Jack</v>
          </cell>
        </row>
        <row r="1188">
          <cell r="A1188" t="str">
            <v>085156</v>
          </cell>
          <cell r="B1188" t="str">
            <v>Trammell,Sam</v>
          </cell>
          <cell r="C1188" t="str">
            <v>085060</v>
          </cell>
          <cell r="D1188" t="str">
            <v>Townsend,Jim</v>
          </cell>
        </row>
        <row r="1189">
          <cell r="A1189" t="str">
            <v>014630</v>
          </cell>
          <cell r="B1189" t="str">
            <v>Tribby,Richard Lee</v>
          </cell>
          <cell r="C1189" t="str">
            <v>085141</v>
          </cell>
          <cell r="D1189" t="str">
            <v>Trammell,Larry L</v>
          </cell>
        </row>
        <row r="1190">
          <cell r="A1190" t="str">
            <v>023675</v>
          </cell>
          <cell r="B1190" t="str">
            <v>Trippany,Jodi</v>
          </cell>
          <cell r="C1190" t="str">
            <v>085156</v>
          </cell>
          <cell r="D1190" t="str">
            <v>Trammell,Sam</v>
          </cell>
        </row>
        <row r="1191">
          <cell r="A1191" t="str">
            <v>085317</v>
          </cell>
          <cell r="B1191" t="str">
            <v>Trotta,Michael G</v>
          </cell>
          <cell r="C1191" t="str">
            <v>014630</v>
          </cell>
          <cell r="D1191" t="str">
            <v>Tribby,Richard Lee</v>
          </cell>
        </row>
        <row r="1192">
          <cell r="A1192" t="str">
            <v>023468</v>
          </cell>
          <cell r="B1192" t="str">
            <v>Trowbridge,Danny J</v>
          </cell>
          <cell r="C1192" t="str">
            <v>023675</v>
          </cell>
          <cell r="D1192" t="str">
            <v>Trippany,Jodi</v>
          </cell>
        </row>
        <row r="1193">
          <cell r="A1193" t="str">
            <v>015465</v>
          </cell>
          <cell r="B1193" t="str">
            <v>Tuley,Doc</v>
          </cell>
          <cell r="C1193" t="str">
            <v>085317</v>
          </cell>
          <cell r="D1193" t="str">
            <v>Trotta,Michael G</v>
          </cell>
        </row>
        <row r="1194">
          <cell r="A1194" t="str">
            <v>273566</v>
          </cell>
          <cell r="B1194" t="str">
            <v>Turner,Christopher M.</v>
          </cell>
          <cell r="C1194" t="str">
            <v>023468</v>
          </cell>
          <cell r="D1194" t="str">
            <v>Trowbridge,Danny J</v>
          </cell>
        </row>
        <row r="1195">
          <cell r="A1195" t="str">
            <v>024952</v>
          </cell>
          <cell r="B1195" t="str">
            <v>Turner,Michael D</v>
          </cell>
          <cell r="C1195" t="str">
            <v>015465</v>
          </cell>
          <cell r="D1195" t="str">
            <v>Tuley,Doc</v>
          </cell>
        </row>
        <row r="1196">
          <cell r="A1196" t="str">
            <v>015574</v>
          </cell>
          <cell r="B1196" t="str">
            <v>Turner,Paul Jack</v>
          </cell>
          <cell r="C1196" t="str">
            <v>273566</v>
          </cell>
          <cell r="D1196" t="str">
            <v>Turner,Christopher M.</v>
          </cell>
        </row>
        <row r="1197">
          <cell r="A1197" t="str">
            <v>085581</v>
          </cell>
          <cell r="B1197" t="str">
            <v>Tuttle,Ricky D</v>
          </cell>
          <cell r="C1197" t="str">
            <v>024952</v>
          </cell>
          <cell r="D1197" t="str">
            <v>Turner,Michael D</v>
          </cell>
        </row>
        <row r="1198">
          <cell r="A1198" t="str">
            <v>367984</v>
          </cell>
          <cell r="B1198" t="str">
            <v>Tweedy,Chad</v>
          </cell>
          <cell r="C1198" t="str">
            <v>015574</v>
          </cell>
          <cell r="D1198" t="str">
            <v>Turner,Paul Jack</v>
          </cell>
        </row>
        <row r="1199">
          <cell r="A1199" t="str">
            <v>030920</v>
          </cell>
          <cell r="B1199" t="str">
            <v>Twehues,Steven R</v>
          </cell>
          <cell r="C1199" t="str">
            <v>085581</v>
          </cell>
          <cell r="D1199" t="str">
            <v>Tuttle,Ricky D</v>
          </cell>
        </row>
        <row r="1200">
          <cell r="A1200" t="str">
            <v>014153</v>
          </cell>
          <cell r="B1200" t="str">
            <v>Tyler,Darrell</v>
          </cell>
          <cell r="C1200" t="str">
            <v>030920</v>
          </cell>
          <cell r="D1200" t="str">
            <v>Twehues,Steven R</v>
          </cell>
        </row>
        <row r="1201">
          <cell r="A1201" t="str">
            <v>010581</v>
          </cell>
          <cell r="B1201" t="str">
            <v>Umbaugh,Tim</v>
          </cell>
          <cell r="C1201" t="str">
            <v>014153</v>
          </cell>
          <cell r="D1201" t="str">
            <v>Tyler,Darrell</v>
          </cell>
        </row>
        <row r="1202">
          <cell r="A1202" t="str">
            <v>024541</v>
          </cell>
          <cell r="B1202" t="str">
            <v>Un,Vanna</v>
          </cell>
          <cell r="C1202" t="str">
            <v>010581</v>
          </cell>
          <cell r="D1202" t="str">
            <v>Umbaugh,Tim</v>
          </cell>
        </row>
        <row r="1203">
          <cell r="A1203" t="str">
            <v>024507</v>
          </cell>
          <cell r="B1203" t="str">
            <v>Underhill,Kirk</v>
          </cell>
          <cell r="C1203" t="str">
            <v>024541</v>
          </cell>
          <cell r="D1203" t="str">
            <v>Un,Vanna</v>
          </cell>
        </row>
        <row r="1204">
          <cell r="A1204" t="str">
            <v>283442</v>
          </cell>
          <cell r="B1204" t="str">
            <v>Urfer,Ross T</v>
          </cell>
          <cell r="C1204" t="str">
            <v>024507</v>
          </cell>
          <cell r="D1204" t="str">
            <v>Underhill,Kirk</v>
          </cell>
        </row>
        <row r="1205">
          <cell r="A1205" t="str">
            <v>286875</v>
          </cell>
          <cell r="B1205" t="str">
            <v>Urrutia,Jack</v>
          </cell>
          <cell r="C1205" t="str">
            <v>283442</v>
          </cell>
          <cell r="D1205" t="str">
            <v>Urfer,Ross T</v>
          </cell>
        </row>
        <row r="1206">
          <cell r="A1206" t="str">
            <v>085833</v>
          </cell>
          <cell r="B1206" t="str">
            <v>Utley,Forrest J</v>
          </cell>
          <cell r="C1206" t="str">
            <v>286875</v>
          </cell>
          <cell r="D1206" t="str">
            <v>Urrutia,Jack</v>
          </cell>
        </row>
        <row r="1207">
          <cell r="A1207" t="str">
            <v>280251</v>
          </cell>
          <cell r="B1207" t="str">
            <v>Vallandingham,Todd</v>
          </cell>
          <cell r="C1207" t="str">
            <v>085833</v>
          </cell>
          <cell r="D1207" t="str">
            <v>Utley,Forrest J</v>
          </cell>
        </row>
        <row r="1208">
          <cell r="A1208" t="str">
            <v>011970</v>
          </cell>
          <cell r="B1208" t="str">
            <v>VanCleave,Meechie</v>
          </cell>
          <cell r="C1208" t="str">
            <v>280251</v>
          </cell>
          <cell r="D1208" t="str">
            <v>Vallandingham,Todd</v>
          </cell>
        </row>
        <row r="1209">
          <cell r="A1209" t="str">
            <v>283218</v>
          </cell>
          <cell r="B1209" t="str">
            <v>VanDeventer,Heath H</v>
          </cell>
          <cell r="C1209" t="str">
            <v>011970</v>
          </cell>
          <cell r="D1209" t="str">
            <v>VanCleave,Meechie</v>
          </cell>
        </row>
        <row r="1210">
          <cell r="A1210" t="str">
            <v>013101</v>
          </cell>
          <cell r="B1210" t="str">
            <v>Vandivier,Tom</v>
          </cell>
          <cell r="C1210" t="str">
            <v>283218</v>
          </cell>
          <cell r="D1210" t="str">
            <v>VanDeventer,Heath H</v>
          </cell>
        </row>
        <row r="1211">
          <cell r="A1211" t="str">
            <v>289238</v>
          </cell>
          <cell r="B1211" t="str">
            <v>Vanesky,Jeremiah J.</v>
          </cell>
          <cell r="C1211" t="str">
            <v>013101</v>
          </cell>
          <cell r="D1211" t="str">
            <v>Vandivier,Tom</v>
          </cell>
        </row>
        <row r="1212">
          <cell r="A1212" t="str">
            <v>025517</v>
          </cell>
          <cell r="B1212" t="str">
            <v>VanHook,Brett Alan</v>
          </cell>
          <cell r="C1212" t="str">
            <v>289238</v>
          </cell>
          <cell r="D1212" t="str">
            <v>Vanesky,Jeremiah J.</v>
          </cell>
        </row>
        <row r="1213">
          <cell r="A1213" t="str">
            <v>015040</v>
          </cell>
          <cell r="B1213" t="str">
            <v>VanHook,Richard Alan</v>
          </cell>
          <cell r="C1213" t="str">
            <v>025517</v>
          </cell>
          <cell r="D1213" t="str">
            <v>VanHook,Brett Alan</v>
          </cell>
        </row>
        <row r="1214">
          <cell r="A1214" t="str">
            <v>012846</v>
          </cell>
          <cell r="B1214" t="str">
            <v>Vanlandingham,Kathy Sue</v>
          </cell>
          <cell r="C1214" t="str">
            <v>015040</v>
          </cell>
          <cell r="D1214" t="str">
            <v>VanHook,Richard Alan</v>
          </cell>
        </row>
        <row r="1215">
          <cell r="A1215" t="str">
            <v>031790</v>
          </cell>
          <cell r="B1215" t="str">
            <v>Vanover,Tamra M</v>
          </cell>
          <cell r="C1215" t="str">
            <v>012846</v>
          </cell>
          <cell r="D1215" t="str">
            <v>Vanlandingham,Kathy Sue</v>
          </cell>
        </row>
        <row r="1216">
          <cell r="A1216" t="str">
            <v>016313</v>
          </cell>
          <cell r="B1216" t="str">
            <v>VanValkenburg,Gaye Lynn</v>
          </cell>
          <cell r="C1216" t="str">
            <v>031790</v>
          </cell>
          <cell r="D1216" t="str">
            <v>Vanover,Tamra M</v>
          </cell>
        </row>
        <row r="1217">
          <cell r="A1217" t="str">
            <v>031016</v>
          </cell>
          <cell r="B1217" t="str">
            <v>Veite,Benjamin Joseph</v>
          </cell>
          <cell r="C1217" t="str">
            <v>016313</v>
          </cell>
          <cell r="D1217" t="str">
            <v>VanValkenburg,Gaye Lynn</v>
          </cell>
        </row>
        <row r="1218">
          <cell r="A1218" t="str">
            <v>086195</v>
          </cell>
          <cell r="B1218" t="str">
            <v>Venable,Suzan</v>
          </cell>
          <cell r="C1218" t="str">
            <v>031016</v>
          </cell>
          <cell r="D1218" t="str">
            <v>Veite,Benjamin Joseph</v>
          </cell>
        </row>
        <row r="1219">
          <cell r="A1219" t="str">
            <v>016503</v>
          </cell>
          <cell r="B1219" t="str">
            <v>Vest,David Allen</v>
          </cell>
          <cell r="C1219" t="str">
            <v>086195</v>
          </cell>
          <cell r="D1219" t="str">
            <v>Venable,Suzan</v>
          </cell>
        </row>
        <row r="1220">
          <cell r="A1220" t="str">
            <v>014692</v>
          </cell>
          <cell r="B1220" t="str">
            <v>Vicars,Mike</v>
          </cell>
          <cell r="C1220" t="str">
            <v>016503</v>
          </cell>
          <cell r="D1220" t="str">
            <v>Vest,David Allen</v>
          </cell>
        </row>
        <row r="1221">
          <cell r="A1221" t="str">
            <v>016508</v>
          </cell>
          <cell r="B1221" t="str">
            <v>Vicars,Tom</v>
          </cell>
          <cell r="C1221" t="str">
            <v>014692</v>
          </cell>
          <cell r="D1221" t="str">
            <v>Vicars,Mike</v>
          </cell>
        </row>
        <row r="1222">
          <cell r="A1222" t="str">
            <v>095506</v>
          </cell>
          <cell r="B1222" t="str">
            <v>Volkel,Lori A</v>
          </cell>
          <cell r="C1222" t="str">
            <v>016508</v>
          </cell>
          <cell r="D1222" t="str">
            <v>Vicars,Tom</v>
          </cell>
        </row>
        <row r="1223">
          <cell r="A1223" t="str">
            <v>015388</v>
          </cell>
          <cell r="B1223" t="str">
            <v>Volrich,Mike</v>
          </cell>
          <cell r="C1223" t="str">
            <v>095506</v>
          </cell>
          <cell r="D1223" t="str">
            <v>Volkel,Lori A</v>
          </cell>
        </row>
        <row r="1224">
          <cell r="A1224" t="str">
            <v>086560</v>
          </cell>
          <cell r="B1224" t="str">
            <v>Vonderahe,Joseph Edward</v>
          </cell>
          <cell r="C1224" t="str">
            <v>015388</v>
          </cell>
          <cell r="D1224" t="str">
            <v>Volrich,Mike</v>
          </cell>
        </row>
        <row r="1225">
          <cell r="A1225" t="str">
            <v>086602</v>
          </cell>
          <cell r="B1225" t="str">
            <v>Vontz,Steve</v>
          </cell>
          <cell r="C1225" t="str">
            <v>086560</v>
          </cell>
          <cell r="D1225" t="str">
            <v>Vonderahe,Joseph Edward</v>
          </cell>
        </row>
        <row r="1226">
          <cell r="A1226" t="str">
            <v>011275</v>
          </cell>
          <cell r="B1226" t="str">
            <v>Vores,Marilyn</v>
          </cell>
          <cell r="C1226" t="str">
            <v>086602</v>
          </cell>
          <cell r="D1226" t="str">
            <v>Vontz,Steve</v>
          </cell>
        </row>
        <row r="1227">
          <cell r="A1227" t="str">
            <v>015348</v>
          </cell>
          <cell r="B1227" t="str">
            <v>Voris,Ann Earlene</v>
          </cell>
          <cell r="C1227" t="str">
            <v>011275</v>
          </cell>
          <cell r="D1227" t="str">
            <v>Vores,Marilyn</v>
          </cell>
        </row>
        <row r="1228">
          <cell r="A1228" t="str">
            <v>019343</v>
          </cell>
          <cell r="B1228" t="str">
            <v>Vulgan,Matt</v>
          </cell>
          <cell r="C1228" t="str">
            <v>015348</v>
          </cell>
          <cell r="D1228" t="str">
            <v>Voris,Ann Earlene</v>
          </cell>
        </row>
        <row r="1229">
          <cell r="A1229" t="str">
            <v>086807</v>
          </cell>
          <cell r="B1229" t="str">
            <v>Wade Jr,Robert Earl</v>
          </cell>
          <cell r="C1229" t="str">
            <v>019343</v>
          </cell>
          <cell r="D1229" t="str">
            <v>Vulgan,Matt</v>
          </cell>
        </row>
        <row r="1230">
          <cell r="A1230" t="str">
            <v>027166</v>
          </cell>
          <cell r="B1230" t="str">
            <v>Wagner,Randall L</v>
          </cell>
          <cell r="C1230" t="str">
            <v>086807</v>
          </cell>
          <cell r="D1230" t="str">
            <v>Wade Jr,Robert Earl</v>
          </cell>
        </row>
        <row r="1231">
          <cell r="A1231" t="str">
            <v>087072</v>
          </cell>
          <cell r="B1231" t="str">
            <v>Wainscott,Steven D</v>
          </cell>
          <cell r="C1231" t="str">
            <v>027166</v>
          </cell>
          <cell r="D1231" t="str">
            <v>Wagner,Randall L</v>
          </cell>
        </row>
        <row r="1232">
          <cell r="A1232" t="str">
            <v>006488</v>
          </cell>
          <cell r="B1232" t="str">
            <v>Walden,Debbie</v>
          </cell>
          <cell r="C1232" t="str">
            <v>087072</v>
          </cell>
          <cell r="D1232" t="str">
            <v>Wainscott,Steven D</v>
          </cell>
        </row>
        <row r="1233">
          <cell r="A1233" t="str">
            <v>026141</v>
          </cell>
          <cell r="B1233" t="str">
            <v>Walker,Reid</v>
          </cell>
          <cell r="C1233" t="str">
            <v>006488</v>
          </cell>
          <cell r="D1233" t="str">
            <v>Walden,Debbie</v>
          </cell>
        </row>
        <row r="1234">
          <cell r="A1234" t="str">
            <v>087168</v>
          </cell>
          <cell r="B1234" t="str">
            <v>Wallace,DL</v>
          </cell>
          <cell r="C1234" t="str">
            <v>026141</v>
          </cell>
          <cell r="D1234" t="str">
            <v>Walker,Reid</v>
          </cell>
        </row>
        <row r="1235">
          <cell r="A1235" t="str">
            <v>087190</v>
          </cell>
          <cell r="B1235" t="str">
            <v>Wallace,Ken</v>
          </cell>
          <cell r="C1235" t="str">
            <v>087168</v>
          </cell>
          <cell r="D1235" t="str">
            <v>Wallace,DL</v>
          </cell>
        </row>
        <row r="1236">
          <cell r="A1236" t="str">
            <v>013227</v>
          </cell>
          <cell r="B1236" t="str">
            <v>Wallace,Ruth Darlene</v>
          </cell>
          <cell r="C1236" t="str">
            <v>087190</v>
          </cell>
          <cell r="D1236" t="str">
            <v>Wallace,Ken</v>
          </cell>
        </row>
        <row r="1237">
          <cell r="A1237" t="str">
            <v>022835</v>
          </cell>
          <cell r="B1237" t="str">
            <v>Wallace,Scott L</v>
          </cell>
          <cell r="C1237" t="str">
            <v>013227</v>
          </cell>
          <cell r="D1237" t="str">
            <v>Wallace,Ruth Darlene</v>
          </cell>
        </row>
        <row r="1238">
          <cell r="A1238" t="str">
            <v>326766</v>
          </cell>
          <cell r="B1238" t="str">
            <v>Wallpe,Jordan P.</v>
          </cell>
          <cell r="C1238" t="str">
            <v>022835</v>
          </cell>
          <cell r="D1238" t="str">
            <v>Wallace,Scott L</v>
          </cell>
        </row>
        <row r="1239">
          <cell r="A1239" t="str">
            <v>013262</v>
          </cell>
          <cell r="B1239" t="str">
            <v>Walter,Robert Joseph</v>
          </cell>
          <cell r="C1239" t="str">
            <v>326766</v>
          </cell>
          <cell r="D1239" t="str">
            <v>Wallpe,Jordan P.</v>
          </cell>
        </row>
        <row r="1240">
          <cell r="A1240" t="str">
            <v>030413</v>
          </cell>
          <cell r="B1240" t="str">
            <v>Ward,Michael W</v>
          </cell>
          <cell r="C1240" t="str">
            <v>013262</v>
          </cell>
          <cell r="D1240" t="str">
            <v>Walter,Robert Joseph</v>
          </cell>
        </row>
        <row r="1241">
          <cell r="A1241" t="str">
            <v>087700</v>
          </cell>
          <cell r="B1241" t="str">
            <v>Warndorf,James F</v>
          </cell>
          <cell r="C1241" t="str">
            <v>030413</v>
          </cell>
          <cell r="D1241" t="str">
            <v>Ward,Michael W</v>
          </cell>
        </row>
        <row r="1242">
          <cell r="A1242" t="str">
            <v>079966</v>
          </cell>
          <cell r="B1242" t="str">
            <v>Warren,Lori L</v>
          </cell>
          <cell r="C1242" t="str">
            <v>087700</v>
          </cell>
          <cell r="D1242" t="str">
            <v>Warndorf,James F</v>
          </cell>
        </row>
        <row r="1243">
          <cell r="A1243" t="str">
            <v>361988</v>
          </cell>
          <cell r="B1243" t="str">
            <v>Washabaugh,Ashley S</v>
          </cell>
          <cell r="C1243" t="str">
            <v>079966</v>
          </cell>
          <cell r="D1243" t="str">
            <v>Warren,Lori L</v>
          </cell>
        </row>
        <row r="1244">
          <cell r="A1244" t="str">
            <v>030615</v>
          </cell>
          <cell r="B1244" t="str">
            <v>Washington,Michael Todd</v>
          </cell>
          <cell r="C1244" t="str">
            <v>361988</v>
          </cell>
          <cell r="D1244" t="str">
            <v>Washabaugh,Ashley S</v>
          </cell>
        </row>
        <row r="1245">
          <cell r="A1245" t="str">
            <v>019829</v>
          </cell>
          <cell r="B1245" t="str">
            <v>Waters,Bernard J</v>
          </cell>
          <cell r="C1245" t="str">
            <v>030615</v>
          </cell>
          <cell r="D1245" t="str">
            <v>Washington,Michael Todd</v>
          </cell>
        </row>
        <row r="1246">
          <cell r="A1246" t="str">
            <v>087935</v>
          </cell>
          <cell r="B1246" t="str">
            <v>Watson,Golden McShawn</v>
          </cell>
          <cell r="C1246" t="str">
            <v>019829</v>
          </cell>
          <cell r="D1246" t="str">
            <v>Waters,Bernard J</v>
          </cell>
        </row>
        <row r="1247">
          <cell r="A1247" t="str">
            <v>283302</v>
          </cell>
          <cell r="B1247" t="str">
            <v>Waugh,Brock D</v>
          </cell>
          <cell r="C1247" t="str">
            <v>087935</v>
          </cell>
          <cell r="D1247" t="str">
            <v>Watson,Golden McShawn</v>
          </cell>
        </row>
        <row r="1248">
          <cell r="A1248" t="str">
            <v>031496</v>
          </cell>
          <cell r="B1248" t="str">
            <v>Wayman,Joshua A</v>
          </cell>
          <cell r="C1248" t="str">
            <v>283302</v>
          </cell>
          <cell r="D1248" t="str">
            <v>Waugh,Brock D</v>
          </cell>
        </row>
        <row r="1249">
          <cell r="A1249" t="str">
            <v>016471</v>
          </cell>
          <cell r="B1249" t="str">
            <v>Weatherford,Xavier Hans</v>
          </cell>
          <cell r="C1249" t="str">
            <v>031496</v>
          </cell>
          <cell r="D1249" t="str">
            <v>Wayman,Joshua A</v>
          </cell>
        </row>
        <row r="1250">
          <cell r="A1250" t="str">
            <v>016523</v>
          </cell>
          <cell r="B1250" t="str">
            <v>Weathers,Mark Alan</v>
          </cell>
          <cell r="C1250" t="str">
            <v>016471</v>
          </cell>
          <cell r="D1250" t="str">
            <v>Weatherford,Xavier Hans</v>
          </cell>
        </row>
        <row r="1251">
          <cell r="A1251" t="str">
            <v>016750</v>
          </cell>
          <cell r="B1251" t="str">
            <v>Webb,Anita M</v>
          </cell>
          <cell r="C1251" t="str">
            <v>016523</v>
          </cell>
          <cell r="D1251" t="str">
            <v>Weathers,Mark Alan</v>
          </cell>
        </row>
        <row r="1252">
          <cell r="A1252" t="str">
            <v>272354</v>
          </cell>
          <cell r="B1252" t="str">
            <v>Weber,Brett J.</v>
          </cell>
          <cell r="C1252" t="str">
            <v>016750</v>
          </cell>
          <cell r="D1252" t="str">
            <v>Webb,Anita M</v>
          </cell>
        </row>
        <row r="1253">
          <cell r="A1253" t="str">
            <v>088662</v>
          </cell>
          <cell r="B1253" t="str">
            <v>Wedding,Steven</v>
          </cell>
          <cell r="C1253" t="str">
            <v>272354</v>
          </cell>
          <cell r="D1253" t="str">
            <v>Weber,Brett J.</v>
          </cell>
        </row>
        <row r="1254">
          <cell r="A1254" t="str">
            <v>088750</v>
          </cell>
          <cell r="B1254" t="str">
            <v>Wehby,Dave</v>
          </cell>
          <cell r="C1254" t="str">
            <v>088662</v>
          </cell>
          <cell r="D1254" t="str">
            <v>Wedding,Steven</v>
          </cell>
        </row>
        <row r="1255">
          <cell r="A1255" t="str">
            <v>088769</v>
          </cell>
          <cell r="B1255" t="str">
            <v>Wehrman,Gary R</v>
          </cell>
          <cell r="C1255" t="str">
            <v>088750</v>
          </cell>
          <cell r="D1255" t="str">
            <v>Wehby,Dave</v>
          </cell>
        </row>
        <row r="1256">
          <cell r="A1256" t="str">
            <v>088807</v>
          </cell>
          <cell r="B1256" t="str">
            <v>Weidner,Dan</v>
          </cell>
          <cell r="C1256" t="str">
            <v>088769</v>
          </cell>
          <cell r="D1256" t="str">
            <v>Wehrman,Gary R</v>
          </cell>
        </row>
        <row r="1257">
          <cell r="A1257" t="str">
            <v>015920</v>
          </cell>
          <cell r="B1257" t="str">
            <v>Weisenbach,Bonnie</v>
          </cell>
          <cell r="C1257" t="str">
            <v>088807</v>
          </cell>
          <cell r="D1257" t="str">
            <v>Weidner,Dan</v>
          </cell>
        </row>
        <row r="1258">
          <cell r="A1258" t="str">
            <v>089024</v>
          </cell>
          <cell r="B1258" t="str">
            <v>Weiskittel,Phil</v>
          </cell>
          <cell r="C1258" t="str">
            <v>015920</v>
          </cell>
          <cell r="D1258" t="str">
            <v>Weisenbach,Bonnie</v>
          </cell>
        </row>
        <row r="1259">
          <cell r="A1259" t="str">
            <v>089050</v>
          </cell>
          <cell r="B1259" t="str">
            <v>Weiss,D Michael</v>
          </cell>
          <cell r="C1259" t="str">
            <v>089024</v>
          </cell>
          <cell r="D1259" t="str">
            <v>Weiskittel,Phil</v>
          </cell>
        </row>
        <row r="1260">
          <cell r="A1260" t="str">
            <v>016455</v>
          </cell>
          <cell r="B1260" t="str">
            <v>Wesley,Jeff</v>
          </cell>
          <cell r="C1260" t="str">
            <v>089050</v>
          </cell>
          <cell r="D1260" t="str">
            <v>Weiss,D Michael</v>
          </cell>
        </row>
        <row r="1261">
          <cell r="A1261" t="str">
            <v>025526</v>
          </cell>
          <cell r="B1261" t="str">
            <v>Wesner,Travis Haws</v>
          </cell>
          <cell r="C1261" t="str">
            <v>016455</v>
          </cell>
          <cell r="D1261" t="str">
            <v>Wesley,Jeff</v>
          </cell>
        </row>
        <row r="1262">
          <cell r="A1262" t="str">
            <v>089413</v>
          </cell>
          <cell r="B1262" t="str">
            <v>Wessendorf,Gary G</v>
          </cell>
          <cell r="C1262" t="str">
            <v>025526</v>
          </cell>
          <cell r="D1262" t="str">
            <v>Wesner,Travis Haws</v>
          </cell>
        </row>
        <row r="1263">
          <cell r="A1263" t="str">
            <v>016231</v>
          </cell>
          <cell r="B1263" t="str">
            <v>Wetherald,Tom</v>
          </cell>
          <cell r="C1263" t="str">
            <v>089413</v>
          </cell>
          <cell r="D1263" t="str">
            <v>Wessendorf,Gary G</v>
          </cell>
        </row>
        <row r="1264">
          <cell r="A1264" t="str">
            <v>031017</v>
          </cell>
          <cell r="B1264" t="str">
            <v>Whalen,Richard P</v>
          </cell>
          <cell r="C1264" t="str">
            <v>016231</v>
          </cell>
          <cell r="D1264" t="str">
            <v>Wetherald,Tom</v>
          </cell>
        </row>
        <row r="1265">
          <cell r="A1265" t="str">
            <v>008848</v>
          </cell>
          <cell r="B1265" t="str">
            <v>Wheatley,Mike</v>
          </cell>
          <cell r="C1265" t="str">
            <v>031017</v>
          </cell>
          <cell r="D1265" t="str">
            <v>Whalen,Richard P</v>
          </cell>
        </row>
        <row r="1266">
          <cell r="A1266" t="str">
            <v>089864</v>
          </cell>
          <cell r="B1266" t="str">
            <v>Whisner,Thomas L</v>
          </cell>
          <cell r="C1266" t="str">
            <v>089864</v>
          </cell>
          <cell r="D1266" t="str">
            <v>Whisner,Thomas L</v>
          </cell>
        </row>
        <row r="1267">
          <cell r="A1267" t="str">
            <v>015772</v>
          </cell>
          <cell r="B1267" t="str">
            <v>Whitacre,Mark Kevin</v>
          </cell>
          <cell r="C1267" t="str">
            <v>015772</v>
          </cell>
          <cell r="D1267" t="str">
            <v>Whitacre,Mark Kevin</v>
          </cell>
        </row>
        <row r="1268">
          <cell r="A1268" t="str">
            <v>089995</v>
          </cell>
          <cell r="B1268" t="str">
            <v>White,Nathaniel</v>
          </cell>
          <cell r="C1268" t="str">
            <v>089995</v>
          </cell>
          <cell r="D1268" t="str">
            <v>White,Nathaniel</v>
          </cell>
        </row>
        <row r="1269">
          <cell r="A1269" t="str">
            <v>278245</v>
          </cell>
          <cell r="B1269" t="str">
            <v>Whitehead,Chase F</v>
          </cell>
          <cell r="C1269" t="str">
            <v>278245</v>
          </cell>
          <cell r="D1269" t="str">
            <v>Whitehead,Chase F</v>
          </cell>
        </row>
        <row r="1270">
          <cell r="A1270" t="str">
            <v>097059</v>
          </cell>
          <cell r="B1270" t="str">
            <v>Whitford,David W</v>
          </cell>
          <cell r="C1270" t="str">
            <v>097059</v>
          </cell>
          <cell r="D1270" t="str">
            <v>Whitford,David W</v>
          </cell>
        </row>
        <row r="1271">
          <cell r="A1271" t="str">
            <v>275079</v>
          </cell>
          <cell r="B1271" t="str">
            <v>Whitis,Brooks L.</v>
          </cell>
          <cell r="C1271" t="str">
            <v>275079</v>
          </cell>
          <cell r="D1271" t="str">
            <v>Whitis,Brooks L.</v>
          </cell>
        </row>
        <row r="1272">
          <cell r="A1272" t="str">
            <v>090085</v>
          </cell>
          <cell r="B1272" t="str">
            <v>Whitley,Steven G</v>
          </cell>
          <cell r="C1272" t="str">
            <v>090085</v>
          </cell>
          <cell r="D1272" t="str">
            <v>Whitley,Steven G</v>
          </cell>
        </row>
        <row r="1273">
          <cell r="A1273" t="str">
            <v>015623</v>
          </cell>
          <cell r="B1273" t="str">
            <v>Whitlow,Rod</v>
          </cell>
          <cell r="C1273" t="str">
            <v>015623</v>
          </cell>
          <cell r="D1273" t="str">
            <v>Whitlow,Rod</v>
          </cell>
        </row>
        <row r="1274">
          <cell r="A1274" t="str">
            <v>016479</v>
          </cell>
          <cell r="B1274" t="str">
            <v>Whitman,Mike</v>
          </cell>
          <cell r="C1274" t="str">
            <v>016479</v>
          </cell>
          <cell r="D1274" t="str">
            <v>Whitman,Mike</v>
          </cell>
        </row>
        <row r="1275">
          <cell r="A1275" t="str">
            <v>029227</v>
          </cell>
          <cell r="B1275" t="str">
            <v>Whitworth,Robert Wesley</v>
          </cell>
          <cell r="C1275" t="str">
            <v>029227</v>
          </cell>
          <cell r="D1275" t="str">
            <v>Whitworth,Robert Wesley</v>
          </cell>
        </row>
        <row r="1276">
          <cell r="A1276" t="str">
            <v>090151</v>
          </cell>
          <cell r="B1276" t="str">
            <v>Wical,John</v>
          </cell>
          <cell r="C1276" t="str">
            <v>090151</v>
          </cell>
          <cell r="D1276" t="str">
            <v>Wical,John</v>
          </cell>
        </row>
        <row r="1277">
          <cell r="A1277" t="str">
            <v>096840</v>
          </cell>
          <cell r="B1277" t="str">
            <v>Wiles,Timothy L</v>
          </cell>
          <cell r="C1277" t="str">
            <v>096840</v>
          </cell>
          <cell r="D1277" t="str">
            <v>Wiles,Timothy L</v>
          </cell>
        </row>
        <row r="1278">
          <cell r="A1278" t="str">
            <v>015771</v>
          </cell>
          <cell r="B1278" t="str">
            <v>Wiley,James Nathan</v>
          </cell>
          <cell r="C1278" t="str">
            <v>015771</v>
          </cell>
          <cell r="D1278" t="str">
            <v>Wiley,James Nathan</v>
          </cell>
        </row>
        <row r="1279">
          <cell r="A1279" t="str">
            <v>016227</v>
          </cell>
          <cell r="B1279" t="str">
            <v>Wiley,Karen Kay</v>
          </cell>
          <cell r="C1279" t="str">
            <v>016227</v>
          </cell>
          <cell r="D1279" t="str">
            <v>Wiley,Karen Kay</v>
          </cell>
        </row>
        <row r="1280">
          <cell r="A1280" t="str">
            <v>090455</v>
          </cell>
          <cell r="B1280" t="str">
            <v>Wilkins,Ami</v>
          </cell>
          <cell r="C1280" t="str">
            <v>090455</v>
          </cell>
          <cell r="D1280" t="str">
            <v>Wilkins,Ami</v>
          </cell>
        </row>
        <row r="1281">
          <cell r="A1281" t="str">
            <v>012188</v>
          </cell>
          <cell r="B1281" t="str">
            <v>Willhoite,Brent Christopher</v>
          </cell>
          <cell r="C1281" t="str">
            <v>012188</v>
          </cell>
          <cell r="D1281" t="str">
            <v>Willhoite,Brent Christopher</v>
          </cell>
        </row>
        <row r="1282">
          <cell r="A1282" t="str">
            <v>090761</v>
          </cell>
          <cell r="B1282" t="str">
            <v>Williams Jr,Matthew B</v>
          </cell>
          <cell r="C1282" t="str">
            <v>090761</v>
          </cell>
          <cell r="D1282" t="str">
            <v>Williams Jr,Matthew B</v>
          </cell>
        </row>
        <row r="1283">
          <cell r="A1283" t="str">
            <v>018198</v>
          </cell>
          <cell r="B1283" t="str">
            <v>Williams,Arnetta M</v>
          </cell>
          <cell r="C1283" t="str">
            <v>018198</v>
          </cell>
          <cell r="D1283" t="str">
            <v>Williams,Arnetta M</v>
          </cell>
        </row>
        <row r="1284">
          <cell r="A1284" t="str">
            <v>014775</v>
          </cell>
          <cell r="B1284" t="str">
            <v>Williams,Corey Allen</v>
          </cell>
          <cell r="C1284" t="str">
            <v>014775</v>
          </cell>
          <cell r="D1284" t="str">
            <v>Williams,Corey Allen</v>
          </cell>
        </row>
        <row r="1285">
          <cell r="A1285" t="str">
            <v>090552</v>
          </cell>
          <cell r="B1285" t="str">
            <v>Williams,Debbie</v>
          </cell>
          <cell r="C1285" t="str">
            <v>090552</v>
          </cell>
          <cell r="D1285" t="str">
            <v>Williams,Debbie</v>
          </cell>
        </row>
        <row r="1286">
          <cell r="A1286" t="str">
            <v>090620</v>
          </cell>
          <cell r="B1286" t="str">
            <v>Williams,Gary</v>
          </cell>
          <cell r="C1286" t="str">
            <v>090620</v>
          </cell>
          <cell r="D1286" t="str">
            <v>Williams,Gary</v>
          </cell>
        </row>
        <row r="1287">
          <cell r="A1287" t="str">
            <v>090717</v>
          </cell>
          <cell r="B1287" t="str">
            <v>Williams,Joe</v>
          </cell>
          <cell r="C1287" t="str">
            <v>090717</v>
          </cell>
          <cell r="D1287" t="str">
            <v>Williams,Joe</v>
          </cell>
        </row>
        <row r="1288">
          <cell r="A1288" t="str">
            <v>096458</v>
          </cell>
          <cell r="B1288" t="str">
            <v>Williams,Joseph M</v>
          </cell>
          <cell r="C1288" t="str">
            <v>096458</v>
          </cell>
          <cell r="D1288" t="str">
            <v>Williams,Joseph M</v>
          </cell>
        </row>
        <row r="1289">
          <cell r="A1289" t="str">
            <v>090726</v>
          </cell>
          <cell r="B1289" t="str">
            <v>Williams,Kathy Jo</v>
          </cell>
          <cell r="C1289" t="str">
            <v>090726</v>
          </cell>
          <cell r="D1289" t="str">
            <v>Williams,Kathy Jo</v>
          </cell>
        </row>
        <row r="1290">
          <cell r="A1290" t="str">
            <v>015778</v>
          </cell>
          <cell r="B1290" t="str">
            <v>Williams,Warren Douglas</v>
          </cell>
          <cell r="C1290" t="str">
            <v>015778</v>
          </cell>
          <cell r="D1290" t="str">
            <v>Williams,Warren Douglas</v>
          </cell>
        </row>
        <row r="1291">
          <cell r="A1291" t="str">
            <v>090899</v>
          </cell>
          <cell r="B1291" t="str">
            <v>Williamson,Mark A</v>
          </cell>
          <cell r="C1291" t="str">
            <v>275074</v>
          </cell>
          <cell r="D1291" t="str">
            <v>Williamson,Sean M</v>
          </cell>
        </row>
        <row r="1292">
          <cell r="A1292" t="str">
            <v>275074</v>
          </cell>
          <cell r="B1292" t="str">
            <v>Williamson,Sean M</v>
          </cell>
          <cell r="C1292" t="str">
            <v>283289</v>
          </cell>
          <cell r="D1292" t="str">
            <v>Williamson,Stephen R.</v>
          </cell>
        </row>
        <row r="1293">
          <cell r="A1293" t="str">
            <v>283289</v>
          </cell>
          <cell r="B1293" t="str">
            <v>Williamson,Stephen R.</v>
          </cell>
          <cell r="C1293" t="str">
            <v>278486</v>
          </cell>
          <cell r="D1293" t="str">
            <v>Wills,Casey L</v>
          </cell>
        </row>
        <row r="1294">
          <cell r="A1294" t="str">
            <v>278486</v>
          </cell>
          <cell r="B1294" t="str">
            <v>Wills,Casey L</v>
          </cell>
          <cell r="C1294" t="str">
            <v>361750</v>
          </cell>
          <cell r="D1294" t="str">
            <v>Wilson,Chris</v>
          </cell>
        </row>
        <row r="1295">
          <cell r="A1295" t="str">
            <v>361750</v>
          </cell>
          <cell r="B1295" t="str">
            <v>Wilson,Chris</v>
          </cell>
          <cell r="C1295" t="str">
            <v>079963</v>
          </cell>
          <cell r="D1295" t="str">
            <v>Wilson,Dee Stamper</v>
          </cell>
        </row>
        <row r="1296">
          <cell r="A1296" t="str">
            <v>079963</v>
          </cell>
          <cell r="B1296" t="str">
            <v>Wilson,Dee Stamper</v>
          </cell>
          <cell r="C1296" t="str">
            <v>278415</v>
          </cell>
          <cell r="D1296" t="str">
            <v>Wilson,Jeremy D</v>
          </cell>
        </row>
        <row r="1297">
          <cell r="A1297" t="str">
            <v>278415</v>
          </cell>
          <cell r="B1297" t="str">
            <v>Wilson,Jeremy D</v>
          </cell>
          <cell r="C1297" t="str">
            <v>016179</v>
          </cell>
          <cell r="D1297" t="str">
            <v>Wilson,Stevan</v>
          </cell>
        </row>
        <row r="1298">
          <cell r="A1298" t="str">
            <v>016179</v>
          </cell>
          <cell r="B1298" t="str">
            <v>Wilson,Stevan</v>
          </cell>
          <cell r="C1298" t="str">
            <v>289389</v>
          </cell>
          <cell r="D1298" t="str">
            <v>Windell,Lee W</v>
          </cell>
        </row>
        <row r="1299">
          <cell r="A1299" t="str">
            <v>289389</v>
          </cell>
          <cell r="B1299" t="str">
            <v>Windell,Lee W</v>
          </cell>
          <cell r="C1299" t="str">
            <v>015070</v>
          </cell>
          <cell r="D1299" t="str">
            <v>Wininger,Glenn Aldo</v>
          </cell>
        </row>
        <row r="1300">
          <cell r="A1300" t="str">
            <v>015070</v>
          </cell>
          <cell r="B1300" t="str">
            <v>Wininger,Glenn Aldo</v>
          </cell>
          <cell r="C1300" t="str">
            <v>016858</v>
          </cell>
          <cell r="D1300" t="str">
            <v>Winslow,Matt</v>
          </cell>
        </row>
        <row r="1301">
          <cell r="A1301" t="str">
            <v>016858</v>
          </cell>
          <cell r="B1301" t="str">
            <v>Winslow,Matt</v>
          </cell>
          <cell r="C1301" t="str">
            <v>283180</v>
          </cell>
          <cell r="D1301" t="str">
            <v>Winter,Brad</v>
          </cell>
        </row>
        <row r="1302">
          <cell r="A1302" t="str">
            <v>283180</v>
          </cell>
          <cell r="B1302" t="str">
            <v>Winter,Brad</v>
          </cell>
          <cell r="C1302" t="str">
            <v>091847</v>
          </cell>
          <cell r="D1302" t="str">
            <v>Winterman,Rob</v>
          </cell>
        </row>
        <row r="1303">
          <cell r="A1303" t="str">
            <v>091847</v>
          </cell>
          <cell r="B1303" t="str">
            <v>Winterman,Rob</v>
          </cell>
          <cell r="C1303" t="str">
            <v>029932</v>
          </cell>
          <cell r="D1303" t="str">
            <v>Wirrig,Alexander D</v>
          </cell>
        </row>
        <row r="1304">
          <cell r="A1304" t="str">
            <v>029932</v>
          </cell>
          <cell r="B1304" t="str">
            <v>Wirrig,Alexander D</v>
          </cell>
          <cell r="C1304" t="str">
            <v>009613</v>
          </cell>
          <cell r="D1304" t="str">
            <v>Wirth,Hugh</v>
          </cell>
        </row>
        <row r="1305">
          <cell r="A1305" t="str">
            <v>009613</v>
          </cell>
          <cell r="B1305" t="str">
            <v>Wirth,Hugh</v>
          </cell>
          <cell r="C1305" t="str">
            <v>092158</v>
          </cell>
          <cell r="D1305" t="str">
            <v>Woelfel,Mark E</v>
          </cell>
        </row>
        <row r="1306">
          <cell r="A1306" t="str">
            <v>092158</v>
          </cell>
          <cell r="B1306" t="str">
            <v>Woelfel,Mark E</v>
          </cell>
          <cell r="C1306" t="str">
            <v>285207</v>
          </cell>
          <cell r="D1306" t="str">
            <v>Wolber,Doug</v>
          </cell>
        </row>
        <row r="1307">
          <cell r="A1307" t="str">
            <v>285207</v>
          </cell>
          <cell r="B1307" t="str">
            <v>Wolber,Doug</v>
          </cell>
          <cell r="C1307" t="str">
            <v>092284</v>
          </cell>
          <cell r="D1307" t="str">
            <v>Wolf,Jerry</v>
          </cell>
        </row>
        <row r="1308">
          <cell r="A1308" t="str">
            <v>092284</v>
          </cell>
          <cell r="B1308" t="str">
            <v>Wolf,Jerry</v>
          </cell>
          <cell r="C1308" t="str">
            <v>092315</v>
          </cell>
          <cell r="D1308" t="str">
            <v>Wolfe II,Charles Scholl</v>
          </cell>
        </row>
        <row r="1309">
          <cell r="A1309" t="str">
            <v>092315</v>
          </cell>
          <cell r="B1309" t="str">
            <v>Wolfe II,Charles Scholl</v>
          </cell>
          <cell r="C1309" t="str">
            <v>015390</v>
          </cell>
          <cell r="D1309" t="str">
            <v>Womack,Rick L</v>
          </cell>
        </row>
        <row r="1310">
          <cell r="A1310" t="str">
            <v>015390</v>
          </cell>
          <cell r="B1310" t="str">
            <v>Womack,Rick L</v>
          </cell>
          <cell r="C1310" t="str">
            <v>023494</v>
          </cell>
          <cell r="D1310" t="str">
            <v>Wood,Dan</v>
          </cell>
        </row>
        <row r="1311">
          <cell r="A1311" t="str">
            <v>023494</v>
          </cell>
          <cell r="B1311" t="str">
            <v>Wood,Dan</v>
          </cell>
          <cell r="C1311" t="str">
            <v>016209</v>
          </cell>
          <cell r="D1311" t="str">
            <v>Wood,Terry Lee</v>
          </cell>
        </row>
        <row r="1312">
          <cell r="A1312" t="str">
            <v>016209</v>
          </cell>
          <cell r="B1312" t="str">
            <v>Wood,Terry Lee</v>
          </cell>
          <cell r="C1312" t="str">
            <v>015003</v>
          </cell>
          <cell r="D1312" t="str">
            <v>Woodley,Linda Ann</v>
          </cell>
        </row>
        <row r="1313">
          <cell r="A1313" t="str">
            <v>285209</v>
          </cell>
          <cell r="B1313" t="str">
            <v>Woods,Jason H</v>
          </cell>
          <cell r="C1313" t="str">
            <v>285209</v>
          </cell>
          <cell r="D1313" t="str">
            <v>Woods,Jason H</v>
          </cell>
        </row>
        <row r="1314">
          <cell r="A1314" t="str">
            <v>026595</v>
          </cell>
          <cell r="B1314" t="str">
            <v>Wooten,Barbara S</v>
          </cell>
          <cell r="C1314" t="str">
            <v>026595</v>
          </cell>
          <cell r="D1314" t="str">
            <v>Wooten,Barbara S</v>
          </cell>
        </row>
        <row r="1315">
          <cell r="A1315" t="str">
            <v>092836</v>
          </cell>
          <cell r="B1315" t="str">
            <v>Wooton,Doug</v>
          </cell>
          <cell r="C1315" t="str">
            <v>092836</v>
          </cell>
          <cell r="D1315" t="str">
            <v>Wooton,Doug</v>
          </cell>
        </row>
        <row r="1316">
          <cell r="A1316" t="str">
            <v>289398</v>
          </cell>
          <cell r="B1316" t="str">
            <v>Worley,William Justin</v>
          </cell>
          <cell r="C1316" t="str">
            <v>289398</v>
          </cell>
          <cell r="D1316" t="str">
            <v>Worley,William Justin</v>
          </cell>
        </row>
        <row r="1317">
          <cell r="A1317" t="str">
            <v>092880</v>
          </cell>
          <cell r="B1317" t="str">
            <v>Wright,Aaron M</v>
          </cell>
          <cell r="C1317" t="str">
            <v>092880</v>
          </cell>
          <cell r="D1317" t="str">
            <v>Wright,Aaron M</v>
          </cell>
        </row>
        <row r="1318">
          <cell r="A1318" t="str">
            <v>092882</v>
          </cell>
          <cell r="B1318" t="str">
            <v>Wright,Anita L</v>
          </cell>
          <cell r="C1318" t="str">
            <v>092882</v>
          </cell>
          <cell r="D1318" t="str">
            <v>Wright,Anita L</v>
          </cell>
        </row>
        <row r="1319">
          <cell r="A1319" t="str">
            <v>286921</v>
          </cell>
          <cell r="B1319" t="str">
            <v>Wright,Brynn</v>
          </cell>
          <cell r="C1319" t="str">
            <v>286921</v>
          </cell>
          <cell r="D1319" t="str">
            <v>Wright,Brynn</v>
          </cell>
        </row>
        <row r="1320">
          <cell r="A1320" t="str">
            <v>279877</v>
          </cell>
          <cell r="B1320" t="str">
            <v>Wright,Jacob</v>
          </cell>
          <cell r="C1320" t="str">
            <v>279877</v>
          </cell>
          <cell r="D1320" t="str">
            <v>Wright,Jacob</v>
          </cell>
        </row>
        <row r="1321">
          <cell r="A1321" t="str">
            <v>092997</v>
          </cell>
          <cell r="B1321" t="str">
            <v>Wright,Macky</v>
          </cell>
          <cell r="C1321" t="str">
            <v>291786</v>
          </cell>
          <cell r="D1321" t="str">
            <v>Wright,Kevin Michael</v>
          </cell>
        </row>
        <row r="1322">
          <cell r="A1322" t="str">
            <v>016846</v>
          </cell>
          <cell r="B1322" t="str">
            <v>Wright,Rob</v>
          </cell>
          <cell r="C1322" t="str">
            <v>092997</v>
          </cell>
          <cell r="D1322" t="str">
            <v>Wright,Macky</v>
          </cell>
        </row>
        <row r="1323">
          <cell r="A1323" t="str">
            <v>278499</v>
          </cell>
          <cell r="B1323" t="str">
            <v>Wright,Zachary</v>
          </cell>
          <cell r="C1323" t="str">
            <v>016846</v>
          </cell>
          <cell r="D1323" t="str">
            <v>Wright,Rob</v>
          </cell>
        </row>
        <row r="1324">
          <cell r="A1324" t="str">
            <v>093084</v>
          </cell>
          <cell r="B1324" t="str">
            <v>Wyche,Deanna D</v>
          </cell>
          <cell r="C1324" t="str">
            <v>278499</v>
          </cell>
          <cell r="D1324" t="str">
            <v>Wright,Zachary</v>
          </cell>
        </row>
        <row r="1325">
          <cell r="A1325" t="str">
            <v>285654</v>
          </cell>
          <cell r="B1325" t="str">
            <v>Wyndham,Roy L</v>
          </cell>
          <cell r="C1325" t="str">
            <v>093084</v>
          </cell>
          <cell r="D1325" t="str">
            <v>Wyche,Deanna D</v>
          </cell>
        </row>
        <row r="1326">
          <cell r="A1326" t="str">
            <v>093141</v>
          </cell>
          <cell r="B1326" t="str">
            <v>Yates,Evelyn D</v>
          </cell>
          <cell r="C1326" t="str">
            <v>285654</v>
          </cell>
          <cell r="D1326" t="str">
            <v>Wyndham,Roy L</v>
          </cell>
        </row>
        <row r="1327">
          <cell r="A1327" t="str">
            <v>093360</v>
          </cell>
          <cell r="B1327" t="str">
            <v>York,Brian W</v>
          </cell>
          <cell r="C1327" t="str">
            <v>093141</v>
          </cell>
          <cell r="D1327" t="str">
            <v>Yates,Evelyn D</v>
          </cell>
        </row>
        <row r="1328">
          <cell r="A1328" t="str">
            <v>025447</v>
          </cell>
          <cell r="B1328" t="str">
            <v>Young,Jeff</v>
          </cell>
          <cell r="C1328" t="str">
            <v>093360</v>
          </cell>
          <cell r="D1328" t="str">
            <v>York,Brian W</v>
          </cell>
        </row>
        <row r="1329">
          <cell r="A1329" t="str">
            <v>093463</v>
          </cell>
          <cell r="B1329" t="str">
            <v>Young,Linda Alicia</v>
          </cell>
          <cell r="C1329" t="str">
            <v>025447</v>
          </cell>
          <cell r="D1329" t="str">
            <v>Young,Jeff</v>
          </cell>
        </row>
        <row r="1330">
          <cell r="A1330" t="str">
            <v>022838</v>
          </cell>
          <cell r="B1330" t="str">
            <v>Young,Troy M</v>
          </cell>
          <cell r="C1330" t="str">
            <v>093463</v>
          </cell>
          <cell r="D1330" t="str">
            <v>Young,Linda Alicia</v>
          </cell>
        </row>
        <row r="1331">
          <cell r="A1331" t="str">
            <v>011242</v>
          </cell>
          <cell r="B1331" t="str">
            <v>Zearbaugh,Marty</v>
          </cell>
          <cell r="C1331" t="str">
            <v>022838</v>
          </cell>
          <cell r="D1331" t="str">
            <v>Young,Troy M</v>
          </cell>
        </row>
        <row r="1332">
          <cell r="A1332" t="str">
            <v>033493</v>
          </cell>
          <cell r="B1332" t="str">
            <v>Zech,David P</v>
          </cell>
          <cell r="C1332" t="str">
            <v>011242</v>
          </cell>
          <cell r="D1332" t="str">
            <v>Zearbaugh,Marty</v>
          </cell>
        </row>
        <row r="1333">
          <cell r="A1333" t="str">
            <v>361857</v>
          </cell>
          <cell r="B1333" t="str">
            <v>Zuerner,Joe</v>
          </cell>
          <cell r="C1333" t="str">
            <v>033493</v>
          </cell>
          <cell r="D1333" t="str">
            <v>Zech,David P</v>
          </cell>
        </row>
        <row r="1334">
          <cell r="A1334" t="str">
            <v>029088</v>
          </cell>
          <cell r="B1334" t="str">
            <v>Zurcher,John D</v>
          </cell>
          <cell r="C1334" t="str">
            <v>361857</v>
          </cell>
          <cell r="D1334" t="str">
            <v>Zuerner,Joe</v>
          </cell>
        </row>
        <row r="1335">
          <cell r="C1335" t="str">
            <v>029088</v>
          </cell>
          <cell r="D1335" t="str">
            <v>Zurcher,John D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otes"/>
      <sheetName val="YTD Selection"/>
      <sheetName val="Residential"/>
      <sheetName val="Commercial &amp; Industrial"/>
      <sheetName val="Lights"/>
      <sheetName val="BO Data Dump"/>
      <sheetName val="Units"/>
      <sheetName val="KPI Data"/>
      <sheetName val="BO Budget Data"/>
      <sheetName val="compare hdcts"/>
      <sheetName val="Cust Orders June"/>
      <sheetName val="Cust Orders Feb"/>
      <sheetName val="Cust Orders Jan"/>
      <sheetName val="Cable Locate Pivot"/>
      <sheetName val="cable locates march"/>
      <sheetName val="DEC-DEP June"/>
      <sheetName val="Cust Prem Graphs"/>
      <sheetName val="Not updated Meter Orders Graphs"/>
      <sheetName val="Unit Comparison"/>
      <sheetName val="2016-2015-2014"/>
      <sheetName val="Sheet2"/>
      <sheetName val="Sheet1"/>
      <sheetName val="Sheet3"/>
      <sheetName val="YTD_Selection"/>
      <sheetName val="Commercial_&amp;_Industrial"/>
      <sheetName val="BO_Data_Dump"/>
      <sheetName val="KPI_Data"/>
      <sheetName val="BO_Budget_Data"/>
      <sheetName val="compare_hdcts"/>
      <sheetName val="Cust_Orders_June"/>
      <sheetName val="Cust_Orders_Feb"/>
      <sheetName val="Cust_Orders_Jan"/>
      <sheetName val="Cable_Locate_Pivot"/>
      <sheetName val="cable_locates_march"/>
      <sheetName val="DEC-DEP_June"/>
      <sheetName val="Cust_Prem_Graphs"/>
      <sheetName val="Not_updated_Meter_Orders_Graphs"/>
      <sheetName val="Unit_Comparison"/>
      <sheetName val="YTD_Selection1"/>
      <sheetName val="Commercial_&amp;_Industrial1"/>
      <sheetName val="BO_Data_Dump1"/>
      <sheetName val="KPI_Data1"/>
      <sheetName val="BO_Budget_Data1"/>
      <sheetName val="compare_hdcts1"/>
      <sheetName val="Cust_Orders_June1"/>
      <sheetName val="Cust_Orders_Feb1"/>
      <sheetName val="Cust_Orders_Jan1"/>
      <sheetName val="Cable_Locate_Pivot1"/>
      <sheetName val="cable_locates_march1"/>
      <sheetName val="DEC-DEP_June1"/>
      <sheetName val="Cust_Prem_Graphs1"/>
      <sheetName val="Not_updated_Meter_Orders_Graph1"/>
      <sheetName val="Unit_Comparison1"/>
    </sheetNames>
    <sheetDataSet>
      <sheetData sheetId="0" refreshError="1"/>
      <sheetData sheetId="1" refreshError="1">
        <row r="18">
          <cell r="C18">
            <v>4</v>
          </cell>
          <cell r="G18">
            <v>0.29981000000000002</v>
          </cell>
          <cell r="H18">
            <v>0.30196425847697561</v>
          </cell>
          <cell r="I18">
            <v>0.30640000000000001</v>
          </cell>
          <cell r="J18">
            <v>0.28526675439162946</v>
          </cell>
          <cell r="K18">
            <v>0.32100999999999996</v>
          </cell>
          <cell r="L18">
            <v>0.30962174925931263</v>
          </cell>
        </row>
        <row r="21">
          <cell r="B21" t="str">
            <v>Apr YTD Total</v>
          </cell>
        </row>
      </sheetData>
      <sheetData sheetId="2" refreshError="1"/>
      <sheetData sheetId="3" refreshError="1"/>
      <sheetData sheetId="4" refreshError="1"/>
      <sheetData sheetId="5" refreshError="1">
        <row r="4">
          <cell r="E4">
            <v>40920</v>
          </cell>
          <cell r="F4">
            <v>40951</v>
          </cell>
          <cell r="G4">
            <v>40980</v>
          </cell>
          <cell r="H4">
            <v>41011</v>
          </cell>
          <cell r="I4">
            <v>41041</v>
          </cell>
          <cell r="J4">
            <v>41072</v>
          </cell>
          <cell r="K4">
            <v>41102</v>
          </cell>
          <cell r="L4">
            <v>41133</v>
          </cell>
          <cell r="M4">
            <v>41164</v>
          </cell>
          <cell r="N4">
            <v>41194</v>
          </cell>
          <cell r="O4">
            <v>41225</v>
          </cell>
          <cell r="P4">
            <v>41255</v>
          </cell>
          <cell r="R4" t="str">
            <v>YE Projection</v>
          </cell>
          <cell r="S4" t="str">
            <v>Nov YE Projection</v>
          </cell>
        </row>
        <row r="5">
          <cell r="A5" t="str">
            <v>Northern-Residential Construction</v>
          </cell>
          <cell r="B5">
            <v>2</v>
          </cell>
          <cell r="E5">
            <v>373079.03999999998</v>
          </cell>
          <cell r="F5">
            <v>359712</v>
          </cell>
          <cell r="G5">
            <v>747155.49</v>
          </cell>
          <cell r="H5">
            <v>574517.36</v>
          </cell>
          <cell r="I5">
            <v>608287.31999999995</v>
          </cell>
          <cell r="J5">
            <v>633180.93999999994</v>
          </cell>
          <cell r="R5">
            <v>4741398.63</v>
          </cell>
          <cell r="S5">
            <v>0</v>
          </cell>
        </row>
        <row r="6">
          <cell r="A6" t="str">
            <v>Eastern-Residential Construction</v>
          </cell>
          <cell r="B6">
            <v>3</v>
          </cell>
          <cell r="E6">
            <v>307686.34999999998</v>
          </cell>
          <cell r="F6">
            <v>251226.05</v>
          </cell>
          <cell r="G6">
            <v>324533.24</v>
          </cell>
          <cell r="H6">
            <v>26182.47</v>
          </cell>
          <cell r="I6">
            <v>258379.72</v>
          </cell>
          <cell r="J6">
            <v>316469</v>
          </cell>
          <cell r="R6">
            <v>3325159.64</v>
          </cell>
          <cell r="S6">
            <v>0</v>
          </cell>
        </row>
        <row r="7">
          <cell r="A7" t="str">
            <v>Southern-Residential Construction</v>
          </cell>
          <cell r="B7">
            <v>4</v>
          </cell>
          <cell r="E7">
            <v>323934.74</v>
          </cell>
          <cell r="F7">
            <v>218918.45</v>
          </cell>
          <cell r="G7">
            <v>206082.78</v>
          </cell>
          <cell r="H7">
            <v>285799.37</v>
          </cell>
          <cell r="I7">
            <v>126598.82</v>
          </cell>
          <cell r="J7">
            <v>342380.02</v>
          </cell>
          <cell r="R7">
            <v>2975257.66</v>
          </cell>
          <cell r="S7">
            <v>0</v>
          </cell>
        </row>
        <row r="8">
          <cell r="A8" t="str">
            <v>Western-Residential Construction</v>
          </cell>
          <cell r="B8">
            <v>5</v>
          </cell>
          <cell r="E8">
            <v>156523.37</v>
          </cell>
          <cell r="F8">
            <v>70193.66</v>
          </cell>
          <cell r="G8">
            <v>102888.63</v>
          </cell>
          <cell r="H8">
            <v>-70319.63</v>
          </cell>
          <cell r="I8">
            <v>194870.37</v>
          </cell>
          <cell r="J8">
            <v>155780.88</v>
          </cell>
          <cell r="R8">
            <v>1884622.91</v>
          </cell>
          <cell r="S8">
            <v>0</v>
          </cell>
        </row>
        <row r="9">
          <cell r="A9" t="str">
            <v>-Residential Construction</v>
          </cell>
          <cell r="B9">
            <v>6</v>
          </cell>
          <cell r="E9">
            <v>1161223.5</v>
          </cell>
          <cell r="F9">
            <v>900050.16</v>
          </cell>
          <cell r="G9">
            <v>1380660.1400000001</v>
          </cell>
          <cell r="H9">
            <v>816179.57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R9">
            <v>12926438.84</v>
          </cell>
          <cell r="S9">
            <v>0</v>
          </cell>
        </row>
        <row r="10">
          <cell r="A10" t="str">
            <v>-</v>
          </cell>
          <cell r="B10">
            <v>7</v>
          </cell>
        </row>
        <row r="11">
          <cell r="A11" t="str">
            <v>Northern-C&amp;I Construction</v>
          </cell>
          <cell r="B11">
            <v>8</v>
          </cell>
          <cell r="E11">
            <v>490870.02</v>
          </cell>
          <cell r="F11">
            <v>319356.96000000002</v>
          </cell>
          <cell r="G11">
            <v>398702.77</v>
          </cell>
          <cell r="H11">
            <v>399601.77</v>
          </cell>
          <cell r="I11">
            <v>459300.76</v>
          </cell>
          <cell r="J11">
            <v>279276.12</v>
          </cell>
          <cell r="R11">
            <v>4852607.91</v>
          </cell>
          <cell r="S11">
            <v>0</v>
          </cell>
        </row>
        <row r="12">
          <cell r="A12" t="str">
            <v>Eastern-C&amp;I Construction</v>
          </cell>
          <cell r="B12">
            <v>9</v>
          </cell>
          <cell r="E12">
            <v>322771.84000000003</v>
          </cell>
          <cell r="F12">
            <v>262271.87</v>
          </cell>
          <cell r="G12">
            <v>309678.34999999998</v>
          </cell>
          <cell r="H12">
            <v>341480.34</v>
          </cell>
          <cell r="I12">
            <v>278769.17</v>
          </cell>
          <cell r="J12">
            <v>317347.27</v>
          </cell>
          <cell r="R12">
            <v>3146780.12</v>
          </cell>
          <cell r="S12">
            <v>0</v>
          </cell>
        </row>
        <row r="13">
          <cell r="A13" t="str">
            <v>Southern-C&amp;I Construction</v>
          </cell>
          <cell r="B13">
            <v>10</v>
          </cell>
          <cell r="E13">
            <v>238167.67999999999</v>
          </cell>
          <cell r="F13">
            <v>362738.93</v>
          </cell>
          <cell r="G13">
            <v>382789.29</v>
          </cell>
          <cell r="H13">
            <v>410671.21</v>
          </cell>
          <cell r="I13">
            <v>358244.6</v>
          </cell>
          <cell r="J13">
            <v>407630.78</v>
          </cell>
          <cell r="R13">
            <v>3015882.07</v>
          </cell>
          <cell r="S13">
            <v>0</v>
          </cell>
        </row>
        <row r="14">
          <cell r="A14" t="str">
            <v>Western-C&amp;I Construction</v>
          </cell>
          <cell r="B14">
            <v>11</v>
          </cell>
          <cell r="E14">
            <v>125319.67999999999</v>
          </cell>
          <cell r="F14">
            <v>136805.43</v>
          </cell>
          <cell r="G14">
            <v>193419.43</v>
          </cell>
          <cell r="H14">
            <v>177506.98</v>
          </cell>
          <cell r="I14">
            <v>53523.02</v>
          </cell>
          <cell r="J14">
            <v>94598.92</v>
          </cell>
          <cell r="R14">
            <v>1113192.4099999999</v>
          </cell>
          <cell r="S14">
            <v>0</v>
          </cell>
        </row>
        <row r="15">
          <cell r="A15" t="str">
            <v>-C&amp;I Construction</v>
          </cell>
          <cell r="B15">
            <v>12</v>
          </cell>
          <cell r="E15">
            <v>1177129.22</v>
          </cell>
          <cell r="F15">
            <v>1081173.19</v>
          </cell>
          <cell r="G15">
            <v>1284589.8399999999</v>
          </cell>
          <cell r="H15">
            <v>1329260.3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R15">
            <v>12128462.51</v>
          </cell>
          <cell r="S15">
            <v>0</v>
          </cell>
        </row>
        <row r="16">
          <cell r="A16" t="str">
            <v>-</v>
          </cell>
          <cell r="B16">
            <v>13</v>
          </cell>
        </row>
        <row r="17">
          <cell r="A17" t="str">
            <v>Northern-Lighting Construction</v>
          </cell>
          <cell r="B17">
            <v>14</v>
          </cell>
          <cell r="E17">
            <v>300278.7</v>
          </cell>
          <cell r="F17">
            <v>326120.53999999998</v>
          </cell>
          <cell r="G17">
            <v>397018.62</v>
          </cell>
          <cell r="H17">
            <v>392429.4</v>
          </cell>
          <cell r="I17">
            <v>411547.79</v>
          </cell>
          <cell r="J17">
            <v>377397.81</v>
          </cell>
          <cell r="R17">
            <v>3921046.3</v>
          </cell>
          <cell r="S17">
            <v>0</v>
          </cell>
        </row>
        <row r="18">
          <cell r="A18" t="str">
            <v>Eastern-Lighting Construction</v>
          </cell>
          <cell r="B18">
            <v>15</v>
          </cell>
          <cell r="E18">
            <v>307591.44</v>
          </cell>
          <cell r="F18">
            <v>241226.49</v>
          </cell>
          <cell r="G18">
            <v>245788.27</v>
          </cell>
          <cell r="H18">
            <v>187016.04</v>
          </cell>
          <cell r="I18">
            <v>237613.61</v>
          </cell>
          <cell r="J18">
            <v>215269.09</v>
          </cell>
          <cell r="R18">
            <v>2253840.9500000002</v>
          </cell>
          <cell r="S18">
            <v>0</v>
          </cell>
        </row>
        <row r="19">
          <cell r="A19" t="str">
            <v>Southern-Lighting Construction</v>
          </cell>
          <cell r="B19">
            <v>16</v>
          </cell>
          <cell r="E19">
            <v>289035.34999999998</v>
          </cell>
          <cell r="F19">
            <v>215547.8</v>
          </cell>
          <cell r="G19">
            <v>245394.7</v>
          </cell>
          <cell r="H19">
            <v>226266.71</v>
          </cell>
          <cell r="I19">
            <v>210650.38</v>
          </cell>
          <cell r="J19">
            <v>229777.41</v>
          </cell>
          <cell r="R19">
            <v>2972230.77</v>
          </cell>
          <cell r="S19">
            <v>0</v>
          </cell>
        </row>
        <row r="20">
          <cell r="A20" t="str">
            <v>Western-Lighting Construction</v>
          </cell>
          <cell r="B20">
            <v>17</v>
          </cell>
          <cell r="E20">
            <v>118272.94</v>
          </cell>
          <cell r="F20">
            <v>69209.13</v>
          </cell>
          <cell r="G20">
            <v>103718.23</v>
          </cell>
          <cell r="H20">
            <v>34011.19</v>
          </cell>
          <cell r="I20">
            <v>62047.51</v>
          </cell>
          <cell r="J20">
            <v>48287.55</v>
          </cell>
          <cell r="R20">
            <v>835109.62</v>
          </cell>
          <cell r="S20">
            <v>0</v>
          </cell>
        </row>
        <row r="21">
          <cell r="A21" t="str">
            <v>-Lighting Construction</v>
          </cell>
          <cell r="B21">
            <v>18</v>
          </cell>
          <cell r="E21">
            <v>1015178.4299999999</v>
          </cell>
          <cell r="F21">
            <v>852103.96000000008</v>
          </cell>
          <cell r="G21">
            <v>991919.82000000007</v>
          </cell>
          <cell r="H21">
            <v>839723.34000000008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R21">
            <v>9982227.6399999987</v>
          </cell>
          <cell r="S21">
            <v>0</v>
          </cell>
        </row>
        <row r="22">
          <cell r="A22" t="str">
            <v>-</v>
          </cell>
          <cell r="B22">
            <v>19</v>
          </cell>
        </row>
        <row r="23">
          <cell r="A23" t="str">
            <v>-Sum:</v>
          </cell>
          <cell r="B23">
            <v>20</v>
          </cell>
          <cell r="E23">
            <v>3353531.1499999994</v>
          </cell>
          <cell r="F23">
            <v>2833327.31</v>
          </cell>
          <cell r="G23">
            <v>3657169.8</v>
          </cell>
          <cell r="H23">
            <v>2985163.21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R23">
            <v>35037128.990000002</v>
          </cell>
          <cell r="S23">
            <v>0</v>
          </cell>
        </row>
      </sheetData>
      <sheetData sheetId="6" refreshError="1"/>
      <sheetData sheetId="7" refreshError="1"/>
      <sheetData sheetId="8" refreshError="1">
        <row r="4">
          <cell r="E4">
            <v>40920</v>
          </cell>
          <cell r="F4">
            <v>40951</v>
          </cell>
          <cell r="G4">
            <v>40980</v>
          </cell>
          <cell r="H4">
            <v>41011</v>
          </cell>
          <cell r="I4">
            <v>41041</v>
          </cell>
          <cell r="J4">
            <v>41072</v>
          </cell>
          <cell r="K4">
            <v>41102</v>
          </cell>
          <cell r="L4">
            <v>41133</v>
          </cell>
          <cell r="M4">
            <v>41164</v>
          </cell>
          <cell r="N4">
            <v>41194</v>
          </cell>
          <cell r="O4">
            <v>41225</v>
          </cell>
          <cell r="P4">
            <v>41255</v>
          </cell>
        </row>
        <row r="5">
          <cell r="C5" t="str">
            <v>Northern</v>
          </cell>
          <cell r="D5" t="str">
            <v>Residential Construction</v>
          </cell>
          <cell r="E5">
            <v>167176.98000000001</v>
          </cell>
          <cell r="F5">
            <v>279730.36</v>
          </cell>
          <cell r="G5">
            <v>475809.78</v>
          </cell>
          <cell r="H5">
            <v>416273.16</v>
          </cell>
          <cell r="I5">
            <v>475901</v>
          </cell>
          <cell r="J5">
            <v>426829.05</v>
          </cell>
          <cell r="K5">
            <v>409014.28</v>
          </cell>
          <cell r="L5">
            <v>397686.25</v>
          </cell>
          <cell r="M5">
            <v>500235.87</v>
          </cell>
          <cell r="N5">
            <v>392902.3</v>
          </cell>
          <cell r="O5">
            <v>418824.64</v>
          </cell>
          <cell r="P5">
            <v>381014.96</v>
          </cell>
        </row>
        <row r="6">
          <cell r="C6" t="str">
            <v>Eastern</v>
          </cell>
          <cell r="D6" t="str">
            <v>Residential Construction</v>
          </cell>
          <cell r="E6">
            <v>212355.01</v>
          </cell>
          <cell r="F6">
            <v>264755.53000000003</v>
          </cell>
          <cell r="G6">
            <v>294001.56</v>
          </cell>
          <cell r="H6">
            <v>316191.25</v>
          </cell>
          <cell r="I6">
            <v>364263.87</v>
          </cell>
          <cell r="J6">
            <v>284098.5</v>
          </cell>
          <cell r="K6">
            <v>324800.36</v>
          </cell>
          <cell r="L6">
            <v>258512.16</v>
          </cell>
          <cell r="M6">
            <v>289319.45</v>
          </cell>
          <cell r="N6">
            <v>237095.09</v>
          </cell>
          <cell r="O6">
            <v>254950.25</v>
          </cell>
          <cell r="P6">
            <v>224816.61</v>
          </cell>
        </row>
        <row r="7">
          <cell r="C7" t="str">
            <v>Southern</v>
          </cell>
          <cell r="D7" t="str">
            <v>Residential Construction</v>
          </cell>
          <cell r="E7">
            <v>157023.62</v>
          </cell>
          <cell r="F7">
            <v>181267.75</v>
          </cell>
          <cell r="G7">
            <v>242708.13</v>
          </cell>
          <cell r="H7">
            <v>360441.78</v>
          </cell>
          <cell r="I7">
            <v>288617.21999999997</v>
          </cell>
          <cell r="J7">
            <v>280934.24</v>
          </cell>
          <cell r="K7">
            <v>200482.27</v>
          </cell>
          <cell r="L7">
            <v>256583.15</v>
          </cell>
          <cell r="M7">
            <v>223471.85</v>
          </cell>
          <cell r="N7">
            <v>293071.18</v>
          </cell>
          <cell r="O7">
            <v>335971.63</v>
          </cell>
          <cell r="P7">
            <v>154684.84</v>
          </cell>
        </row>
        <row r="8">
          <cell r="C8" t="str">
            <v>Western</v>
          </cell>
          <cell r="D8" t="str">
            <v>Residential Construction</v>
          </cell>
          <cell r="E8">
            <v>74757.649999999994</v>
          </cell>
          <cell r="F8">
            <v>133343.57</v>
          </cell>
          <cell r="G8">
            <v>91559.16</v>
          </cell>
          <cell r="H8">
            <v>159245.29999999999</v>
          </cell>
          <cell r="I8">
            <v>151556.12</v>
          </cell>
          <cell r="J8">
            <v>178414.9</v>
          </cell>
          <cell r="K8">
            <v>231927.94</v>
          </cell>
          <cell r="L8">
            <v>244268.88</v>
          </cell>
          <cell r="M8">
            <v>158310.69</v>
          </cell>
          <cell r="N8">
            <v>176553.17</v>
          </cell>
          <cell r="O8">
            <v>162813.13</v>
          </cell>
          <cell r="P8">
            <v>121872.4</v>
          </cell>
        </row>
        <row r="9">
          <cell r="D9" t="str">
            <v>Residential Construction</v>
          </cell>
          <cell r="E9">
            <v>611313.26</v>
          </cell>
          <cell r="F9">
            <v>859097.21</v>
          </cell>
          <cell r="G9">
            <v>1104078.6300000001</v>
          </cell>
          <cell r="H9">
            <v>1252151.49</v>
          </cell>
          <cell r="I9">
            <v>1280338.21</v>
          </cell>
          <cell r="J9">
            <v>1170276.69</v>
          </cell>
          <cell r="K9">
            <v>1166224.8500000001</v>
          </cell>
          <cell r="L9">
            <v>1157050.44</v>
          </cell>
          <cell r="M9">
            <v>1171337.8600000001</v>
          </cell>
          <cell r="N9">
            <v>1099621.74</v>
          </cell>
          <cell r="O9">
            <v>1172559.6499999999</v>
          </cell>
          <cell r="P9">
            <v>882388.81</v>
          </cell>
        </row>
        <row r="11">
          <cell r="C11" t="str">
            <v>Northern</v>
          </cell>
          <cell r="D11" t="str">
            <v>C&amp;I Construction</v>
          </cell>
          <cell r="E11">
            <v>210722.37</v>
          </cell>
          <cell r="F11">
            <v>334599.24</v>
          </cell>
          <cell r="G11">
            <v>482313.01</v>
          </cell>
          <cell r="H11">
            <v>355339.83</v>
          </cell>
          <cell r="I11">
            <v>282777.03999999998</v>
          </cell>
          <cell r="J11">
            <v>1264763.27</v>
          </cell>
          <cell r="K11">
            <v>118370.2</v>
          </cell>
          <cell r="L11">
            <v>446778.7</v>
          </cell>
          <cell r="M11">
            <v>316985.18</v>
          </cell>
          <cell r="N11">
            <v>373617.88</v>
          </cell>
          <cell r="O11">
            <v>266566.90999999997</v>
          </cell>
          <cell r="P11">
            <v>399774.28</v>
          </cell>
        </row>
        <row r="12">
          <cell r="C12" t="str">
            <v>Eastern</v>
          </cell>
          <cell r="D12" t="str">
            <v>C&amp;I Construction</v>
          </cell>
          <cell r="E12">
            <v>149265.04</v>
          </cell>
          <cell r="F12">
            <v>233513.47</v>
          </cell>
          <cell r="G12">
            <v>754338.17</v>
          </cell>
          <cell r="H12">
            <v>181602.88</v>
          </cell>
          <cell r="I12">
            <v>250123.99</v>
          </cell>
          <cell r="J12">
            <v>184610.52</v>
          </cell>
          <cell r="K12">
            <v>281509.31</v>
          </cell>
          <cell r="L12">
            <v>220208.33</v>
          </cell>
          <cell r="M12">
            <v>159273.12</v>
          </cell>
          <cell r="N12">
            <v>245287.09</v>
          </cell>
          <cell r="O12">
            <v>196613.9</v>
          </cell>
          <cell r="P12">
            <v>290434.3</v>
          </cell>
        </row>
        <row r="13">
          <cell r="C13" t="str">
            <v>Southern</v>
          </cell>
          <cell r="D13" t="str">
            <v>C&amp;I Construction</v>
          </cell>
          <cell r="E13">
            <v>128831.66</v>
          </cell>
          <cell r="F13">
            <v>255563.55</v>
          </cell>
          <cell r="G13">
            <v>303451.51</v>
          </cell>
          <cell r="H13">
            <v>177776.94</v>
          </cell>
          <cell r="I13">
            <v>357384.25</v>
          </cell>
          <cell r="J13">
            <v>176045.15</v>
          </cell>
          <cell r="K13">
            <v>236401.86</v>
          </cell>
          <cell r="L13">
            <v>372777.81</v>
          </cell>
          <cell r="M13">
            <v>249714.04</v>
          </cell>
          <cell r="N13">
            <v>284069.15000000002</v>
          </cell>
          <cell r="O13">
            <v>231297.33</v>
          </cell>
          <cell r="P13">
            <v>242568.82</v>
          </cell>
        </row>
        <row r="14">
          <cell r="C14" t="str">
            <v>Western</v>
          </cell>
          <cell r="D14" t="str">
            <v>C&amp;I Construction</v>
          </cell>
          <cell r="E14">
            <v>70212.240000000005</v>
          </cell>
          <cell r="F14">
            <v>141873.97</v>
          </cell>
          <cell r="G14">
            <v>94030.18</v>
          </cell>
          <cell r="H14">
            <v>71855.67</v>
          </cell>
          <cell r="I14">
            <v>79399.34</v>
          </cell>
          <cell r="J14">
            <v>190381.2</v>
          </cell>
          <cell r="K14">
            <v>72786.63</v>
          </cell>
          <cell r="L14">
            <v>81653.710000000006</v>
          </cell>
          <cell r="M14">
            <v>91209.85</v>
          </cell>
          <cell r="N14">
            <v>66492.11</v>
          </cell>
          <cell r="O14">
            <v>68745.759999999995</v>
          </cell>
          <cell r="P14">
            <v>84551.75</v>
          </cell>
        </row>
        <row r="15">
          <cell r="D15" t="str">
            <v>C&amp;I Construction</v>
          </cell>
          <cell r="E15">
            <v>559031.31000000006</v>
          </cell>
          <cell r="F15">
            <v>965550.23</v>
          </cell>
          <cell r="G15">
            <v>1634132.87</v>
          </cell>
          <cell r="H15">
            <v>786575.32</v>
          </cell>
          <cell r="I15">
            <v>969684.62</v>
          </cell>
          <cell r="J15">
            <v>1815800.14</v>
          </cell>
          <cell r="K15">
            <v>709068</v>
          </cell>
          <cell r="L15">
            <v>1121418.55</v>
          </cell>
          <cell r="M15">
            <v>817182.19</v>
          </cell>
          <cell r="N15">
            <v>969466.23</v>
          </cell>
          <cell r="O15">
            <v>763223.89999999991</v>
          </cell>
          <cell r="P15">
            <v>1017329.1500000001</v>
          </cell>
        </row>
        <row r="17">
          <cell r="C17" t="str">
            <v>Northern</v>
          </cell>
          <cell r="D17" t="str">
            <v>Lighting Construction</v>
          </cell>
          <cell r="E17">
            <v>248493.41</v>
          </cell>
          <cell r="F17">
            <v>244872.54</v>
          </cell>
          <cell r="G17">
            <v>271098.71000000002</v>
          </cell>
          <cell r="H17">
            <v>299926.40000000002</v>
          </cell>
          <cell r="I17">
            <v>217764.87</v>
          </cell>
          <cell r="J17">
            <v>288909.27</v>
          </cell>
          <cell r="K17">
            <v>322788.28999999998</v>
          </cell>
          <cell r="L17">
            <v>241372.26</v>
          </cell>
          <cell r="M17">
            <v>227731.82</v>
          </cell>
          <cell r="N17">
            <v>310461.34999999998</v>
          </cell>
          <cell r="O17">
            <v>334967.19</v>
          </cell>
          <cell r="P17">
            <v>912660.19</v>
          </cell>
        </row>
        <row r="18">
          <cell r="C18" t="str">
            <v>Eastern</v>
          </cell>
          <cell r="D18" t="str">
            <v>Lighting Construction</v>
          </cell>
          <cell r="E18">
            <v>179871.05</v>
          </cell>
          <cell r="F18">
            <v>144173.34</v>
          </cell>
          <cell r="G18">
            <v>215503.42</v>
          </cell>
          <cell r="H18">
            <v>168767.44</v>
          </cell>
          <cell r="I18">
            <v>213709.84</v>
          </cell>
          <cell r="J18">
            <v>143171.03</v>
          </cell>
          <cell r="K18">
            <v>131499.82999999999</v>
          </cell>
          <cell r="L18">
            <v>208773.8</v>
          </cell>
          <cell r="M18">
            <v>204216.61</v>
          </cell>
          <cell r="N18">
            <v>162041.93</v>
          </cell>
          <cell r="O18">
            <v>241261.69</v>
          </cell>
          <cell r="P18">
            <v>240850.97</v>
          </cell>
        </row>
        <row r="19">
          <cell r="C19" t="str">
            <v>Southern</v>
          </cell>
          <cell r="D19" t="str">
            <v>Lighting Construction</v>
          </cell>
          <cell r="E19">
            <v>214007.39</v>
          </cell>
          <cell r="F19">
            <v>279867.46000000002</v>
          </cell>
          <cell r="G19">
            <v>220180.04</v>
          </cell>
          <cell r="H19">
            <v>250813.01</v>
          </cell>
          <cell r="I19">
            <v>238528.95</v>
          </cell>
          <cell r="J19">
            <v>199537.17</v>
          </cell>
          <cell r="K19">
            <v>165114.79999999999</v>
          </cell>
          <cell r="L19">
            <v>246291.05</v>
          </cell>
          <cell r="M19">
            <v>274247.08</v>
          </cell>
          <cell r="N19">
            <v>255658.32</v>
          </cell>
          <cell r="O19">
            <v>317959.59999999998</v>
          </cell>
          <cell r="P19">
            <v>310025.90000000002</v>
          </cell>
        </row>
        <row r="20">
          <cell r="C20" t="str">
            <v>Western</v>
          </cell>
          <cell r="D20" t="str">
            <v>Lighting Construction</v>
          </cell>
          <cell r="E20">
            <v>102696.8</v>
          </cell>
          <cell r="F20">
            <v>34620.959999999999</v>
          </cell>
          <cell r="G20">
            <v>40585.07</v>
          </cell>
          <cell r="H20">
            <v>54620.77</v>
          </cell>
          <cell r="I20">
            <v>69053.67</v>
          </cell>
          <cell r="J20">
            <v>97296.43</v>
          </cell>
          <cell r="K20">
            <v>77436.69</v>
          </cell>
          <cell r="L20">
            <v>91030.27</v>
          </cell>
          <cell r="M20">
            <v>57976.73</v>
          </cell>
          <cell r="N20">
            <v>80867.28</v>
          </cell>
          <cell r="O20">
            <v>43302.3</v>
          </cell>
          <cell r="P20">
            <v>85622.65</v>
          </cell>
        </row>
        <row r="21">
          <cell r="D21" t="str">
            <v>Lighting Construction</v>
          </cell>
          <cell r="E21">
            <v>745068.65</v>
          </cell>
          <cell r="F21">
            <v>703534.3</v>
          </cell>
          <cell r="G21">
            <v>747367.24</v>
          </cell>
          <cell r="H21">
            <v>774127.62000000011</v>
          </cell>
          <cell r="I21">
            <v>739057.33</v>
          </cell>
          <cell r="J21">
            <v>728913.90000000014</v>
          </cell>
          <cell r="K21">
            <v>696839.60999999987</v>
          </cell>
          <cell r="L21">
            <v>787467.38</v>
          </cell>
          <cell r="M21">
            <v>764172.24</v>
          </cell>
          <cell r="N21">
            <v>809028.88</v>
          </cell>
          <cell r="O21">
            <v>937490.78</v>
          </cell>
          <cell r="P21">
            <v>1549159.71</v>
          </cell>
        </row>
        <row r="23">
          <cell r="D23" t="str">
            <v>Sum:</v>
          </cell>
          <cell r="E23">
            <v>1915413.22</v>
          </cell>
          <cell r="F23">
            <v>2528181.7400000002</v>
          </cell>
          <cell r="G23">
            <v>3485578.74</v>
          </cell>
          <cell r="H23">
            <v>2812854.4299999997</v>
          </cell>
          <cell r="I23">
            <v>2989080.16</v>
          </cell>
          <cell r="J23">
            <v>3714990.73</v>
          </cell>
          <cell r="K23">
            <v>2572132.46</v>
          </cell>
          <cell r="L23">
            <v>3065936.37</v>
          </cell>
          <cell r="M23">
            <v>2752692.29</v>
          </cell>
          <cell r="N23">
            <v>2878116.8499999996</v>
          </cell>
          <cell r="O23">
            <v>2873274.33</v>
          </cell>
          <cell r="P23">
            <v>3448877.6700000004</v>
          </cell>
        </row>
      </sheetData>
      <sheetData sheetId="9" refreshError="1"/>
      <sheetData sheetId="10">
        <row r="4">
          <cell r="C4" t="str">
            <v>Bud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>
        <row r="18">
          <cell r="C18">
            <v>4</v>
          </cell>
        </row>
      </sheetData>
      <sheetData sheetId="24"/>
      <sheetData sheetId="25">
        <row r="4">
          <cell r="E4">
            <v>40920</v>
          </cell>
        </row>
      </sheetData>
      <sheetData sheetId="26"/>
      <sheetData sheetId="27">
        <row r="4">
          <cell r="E4">
            <v>40920</v>
          </cell>
        </row>
      </sheetData>
      <sheetData sheetId="28"/>
      <sheetData sheetId="29">
        <row r="4">
          <cell r="C4" t="str">
            <v>Bud</v>
          </cell>
        </row>
      </sheetData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>
        <row r="4">
          <cell r="C4" t="str">
            <v>Bud</v>
          </cell>
        </row>
      </sheetData>
      <sheetData sheetId="45"/>
      <sheetData sheetId="46"/>
      <sheetData sheetId="47"/>
      <sheetData sheetId="48"/>
      <sheetData sheetId="49"/>
      <sheetData sheetId="50"/>
      <sheetData sheetId="51"/>
      <sheetData sheetId="52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pital - IN"/>
      <sheetName val="Capital - KY"/>
      <sheetName val="Capital - OH"/>
      <sheetName val="Total O&amp;M"/>
      <sheetName val="O&amp;M - IN"/>
      <sheetName val="O&amp;M - IN.N"/>
      <sheetName val="O&amp;M - IN.SE"/>
      <sheetName val="O&amp;M - IN.SW"/>
      <sheetName val="O&amp;M - IN.Other"/>
      <sheetName val="O&amp;M - KY"/>
      <sheetName val="O&amp;M - OH"/>
      <sheetName val="Actual Data"/>
      <sheetName val="IN"/>
      <sheetName val="IN-N"/>
      <sheetName val="IN-SE"/>
      <sheetName val="IN-SW"/>
      <sheetName val="KY"/>
      <sheetName val="OH"/>
      <sheetName val="tie out"/>
      <sheetName val="BO Budget Data"/>
      <sheetName val="BO Data Dump"/>
      <sheetName val="YTD Selection"/>
      <sheetName val="Capital_-_IN"/>
      <sheetName val="Capital_-_KY"/>
      <sheetName val="Capital_-_OH"/>
      <sheetName val="Total_O&amp;M"/>
      <sheetName val="O&amp;M_-_IN"/>
      <sheetName val="O&amp;M_-_IN_N"/>
      <sheetName val="O&amp;M_-_IN_SE"/>
      <sheetName val="O&amp;M_-_IN_SW"/>
      <sheetName val="O&amp;M_-_IN_Other"/>
      <sheetName val="O&amp;M_-_KY"/>
      <sheetName val="O&amp;M_-_OH"/>
      <sheetName val="Actual_Data"/>
      <sheetName val="tie_out"/>
      <sheetName val="BO_Budget_Data"/>
      <sheetName val="BO_Data_Dump"/>
      <sheetName val="YTD_Selection"/>
      <sheetName val="Capital_-_IN1"/>
      <sheetName val="Capital_-_KY1"/>
      <sheetName val="Capital_-_OH1"/>
      <sheetName val="Total_O&amp;M1"/>
      <sheetName val="O&amp;M_-_IN1"/>
      <sheetName val="O&amp;M_-_IN_N1"/>
      <sheetName val="O&amp;M_-_IN_SE1"/>
      <sheetName val="O&amp;M_-_IN_SW1"/>
      <sheetName val="O&amp;M_-_IN_Other1"/>
      <sheetName val="O&amp;M_-_KY1"/>
      <sheetName val="O&amp;M_-_OH1"/>
      <sheetName val="Actual_Data1"/>
      <sheetName val="tie_out1"/>
      <sheetName val="BO_Budget_Data1"/>
      <sheetName val="BO_Data_Dump1"/>
      <sheetName val="YTD_Selection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1">
          <cell r="F1" t="str">
            <v>Bus Unit ID CB</v>
          </cell>
          <cell r="Z1" t="str">
            <v>Project ID CB</v>
          </cell>
          <cell r="AN1" t="str">
            <v>OU5-Rev</v>
          </cell>
          <cell r="AO1" t="str">
            <v>OU6-Rev</v>
          </cell>
        </row>
        <row r="2">
          <cell r="F2">
            <v>75023</v>
          </cell>
          <cell r="Z2" t="str">
            <v>BSMEINS</v>
          </cell>
          <cell r="AN2" t="str">
            <v>MDO C&amp;M</v>
          </cell>
          <cell r="AO2" t="str">
            <v>MDO OH/KEN C&amp;M</v>
          </cell>
        </row>
        <row r="3">
          <cell r="F3">
            <v>75023</v>
          </cell>
          <cell r="Z3" t="str">
            <v>BSMEINS</v>
          </cell>
          <cell r="AN3" t="str">
            <v>MDO C&amp;M</v>
          </cell>
          <cell r="AO3" t="str">
            <v>MDO OH/KEN C&amp;M</v>
          </cell>
        </row>
        <row r="4">
          <cell r="F4">
            <v>75023</v>
          </cell>
          <cell r="Z4" t="str">
            <v>BSMEINS</v>
          </cell>
          <cell r="AN4" t="str">
            <v>MDO C&amp;M</v>
          </cell>
          <cell r="AO4" t="str">
            <v>MDO OH/KEN C&amp;M</v>
          </cell>
        </row>
        <row r="5">
          <cell r="F5">
            <v>75023</v>
          </cell>
          <cell r="Z5" t="str">
            <v>BSMEINS</v>
          </cell>
          <cell r="AN5" t="str">
            <v>MDO C&amp;M</v>
          </cell>
          <cell r="AO5" t="str">
            <v>MDO OH/KEN C&amp;M</v>
          </cell>
        </row>
        <row r="6">
          <cell r="F6">
            <v>75023</v>
          </cell>
          <cell r="Z6" t="str">
            <v>BSMEINS</v>
          </cell>
          <cell r="AN6" t="str">
            <v>MDO C&amp;M</v>
          </cell>
          <cell r="AO6" t="str">
            <v>MDO OH/KEN C&amp;M</v>
          </cell>
        </row>
        <row r="7">
          <cell r="F7">
            <v>75023</v>
          </cell>
          <cell r="Z7" t="str">
            <v>BSMEINS</v>
          </cell>
          <cell r="AN7" t="str">
            <v>MDO C&amp;M</v>
          </cell>
          <cell r="AO7" t="str">
            <v>MDO OH/KEN C&amp;M</v>
          </cell>
        </row>
        <row r="8">
          <cell r="F8">
            <v>75023</v>
          </cell>
          <cell r="Z8" t="str">
            <v>BSMEINS</v>
          </cell>
          <cell r="AN8" t="str">
            <v>MDO C&amp;M</v>
          </cell>
          <cell r="AO8" t="str">
            <v>MDO OH/KEN C&amp;M</v>
          </cell>
        </row>
        <row r="9">
          <cell r="F9">
            <v>75023</v>
          </cell>
          <cell r="Z9" t="str">
            <v>BSMEINS</v>
          </cell>
          <cell r="AN9" t="str">
            <v>MDO C&amp;M</v>
          </cell>
          <cell r="AO9" t="str">
            <v>MDO OH/KEN C&amp;M</v>
          </cell>
        </row>
        <row r="10">
          <cell r="F10">
            <v>75023</v>
          </cell>
          <cell r="Z10" t="str">
            <v>BSMEINS</v>
          </cell>
          <cell r="AN10" t="str">
            <v>MDO C&amp;M</v>
          </cell>
          <cell r="AO10" t="str">
            <v>MDO OH/KEN C&amp;M</v>
          </cell>
        </row>
        <row r="11">
          <cell r="F11">
            <v>75023</v>
          </cell>
          <cell r="Z11" t="str">
            <v>BSMEINS</v>
          </cell>
          <cell r="AN11" t="str">
            <v>MDO C&amp;M</v>
          </cell>
          <cell r="AO11" t="str">
            <v>MDO OH/KEN C&amp;M</v>
          </cell>
        </row>
        <row r="12">
          <cell r="F12">
            <v>75023</v>
          </cell>
          <cell r="Z12" t="str">
            <v>BSMEINS</v>
          </cell>
          <cell r="AN12" t="str">
            <v>MDO C&amp;M</v>
          </cell>
          <cell r="AO12" t="str">
            <v>MDO OH/KEN C&amp;M</v>
          </cell>
        </row>
        <row r="13">
          <cell r="F13">
            <v>75023</v>
          </cell>
          <cell r="Z13" t="str">
            <v>BSMEINS</v>
          </cell>
          <cell r="AN13" t="str">
            <v>MDO C&amp;M</v>
          </cell>
          <cell r="AO13" t="str">
            <v>MDO OH/KEN C&amp;M</v>
          </cell>
        </row>
        <row r="14">
          <cell r="F14">
            <v>75023</v>
          </cell>
          <cell r="Z14" t="str">
            <v>BSMEINS</v>
          </cell>
          <cell r="AN14" t="str">
            <v>MDO C&amp;M</v>
          </cell>
          <cell r="AO14" t="str">
            <v>MDO OH/KEN C&amp;M</v>
          </cell>
        </row>
        <row r="15">
          <cell r="F15">
            <v>75023</v>
          </cell>
          <cell r="Z15" t="str">
            <v>BSMEINS</v>
          </cell>
          <cell r="AN15" t="str">
            <v>MDO C&amp;M</v>
          </cell>
          <cell r="AO15" t="str">
            <v>MDO OH/KEN C&amp;M</v>
          </cell>
        </row>
        <row r="16">
          <cell r="F16">
            <v>75023</v>
          </cell>
          <cell r="Z16" t="str">
            <v>BSMEINS</v>
          </cell>
          <cell r="AN16" t="str">
            <v>MDO C&amp;M</v>
          </cell>
          <cell r="AO16" t="str">
            <v>MDO OH/KEN C&amp;M</v>
          </cell>
        </row>
        <row r="17">
          <cell r="F17">
            <v>75023</v>
          </cell>
          <cell r="Z17" t="str">
            <v>BSMEINS</v>
          </cell>
          <cell r="AN17" t="str">
            <v>MDO C&amp;M</v>
          </cell>
          <cell r="AO17" t="str">
            <v>MDO OH/KEN C&amp;M</v>
          </cell>
        </row>
        <row r="18">
          <cell r="F18">
            <v>75023</v>
          </cell>
          <cell r="Z18" t="str">
            <v>BSMEINS</v>
          </cell>
          <cell r="AN18" t="str">
            <v>MDO C&amp;M</v>
          </cell>
          <cell r="AO18" t="str">
            <v>MDO OH/KEN C&amp;M</v>
          </cell>
        </row>
        <row r="19">
          <cell r="F19">
            <v>75023</v>
          </cell>
          <cell r="Z19" t="str">
            <v>BSMEINS</v>
          </cell>
          <cell r="AN19" t="str">
            <v>MDO C&amp;M</v>
          </cell>
          <cell r="AO19" t="str">
            <v>MDO OH/KEN C&amp;M</v>
          </cell>
        </row>
        <row r="20">
          <cell r="F20">
            <v>75023</v>
          </cell>
          <cell r="Z20" t="str">
            <v>BSMEINS</v>
          </cell>
          <cell r="AN20" t="str">
            <v>MDO C&amp;M</v>
          </cell>
          <cell r="AO20" t="str">
            <v>MDO OH/KEN C&amp;M</v>
          </cell>
        </row>
        <row r="21">
          <cell r="F21">
            <v>75023</v>
          </cell>
          <cell r="Z21" t="str">
            <v>BSMEINS</v>
          </cell>
          <cell r="AN21" t="str">
            <v>MDO C&amp;M</v>
          </cell>
          <cell r="AO21" t="str">
            <v>MDO OH/KEN C&amp;M</v>
          </cell>
        </row>
        <row r="22">
          <cell r="F22">
            <v>75023</v>
          </cell>
          <cell r="Z22" t="str">
            <v>BSMEINS</v>
          </cell>
          <cell r="AN22" t="str">
            <v>MDO C&amp;M</v>
          </cell>
          <cell r="AO22" t="str">
            <v>MDO OH/KEN C&amp;M</v>
          </cell>
        </row>
        <row r="23">
          <cell r="F23">
            <v>75023</v>
          </cell>
          <cell r="Z23" t="str">
            <v>BSMEINS</v>
          </cell>
          <cell r="AN23" t="str">
            <v>MDO C&amp;M</v>
          </cell>
          <cell r="AO23" t="str">
            <v>MDO OH/KEN C&amp;M</v>
          </cell>
        </row>
        <row r="24">
          <cell r="F24">
            <v>75023</v>
          </cell>
          <cell r="Z24" t="str">
            <v>BSMEINS</v>
          </cell>
          <cell r="AN24" t="str">
            <v>MDO C&amp;M</v>
          </cell>
          <cell r="AO24" t="str">
            <v>MDO OH/KEN C&amp;M</v>
          </cell>
        </row>
        <row r="25">
          <cell r="F25">
            <v>75023</v>
          </cell>
          <cell r="Z25" t="str">
            <v>BSMEINS</v>
          </cell>
          <cell r="AN25" t="str">
            <v>MDO C&amp;M</v>
          </cell>
          <cell r="AO25" t="str">
            <v>MDO OH/KEN C&amp;M</v>
          </cell>
        </row>
        <row r="26">
          <cell r="F26">
            <v>75023</v>
          </cell>
          <cell r="Z26" t="str">
            <v>BSMEINS</v>
          </cell>
          <cell r="AN26" t="str">
            <v>MDO C&amp;M</v>
          </cell>
          <cell r="AO26" t="str">
            <v>MDO OH/KEN C&amp;M</v>
          </cell>
        </row>
        <row r="27">
          <cell r="F27">
            <v>75023</v>
          </cell>
          <cell r="Z27" t="str">
            <v>BSMEINS</v>
          </cell>
          <cell r="AN27" t="str">
            <v>MDO C&amp;M</v>
          </cell>
          <cell r="AO27" t="str">
            <v>MDO OH/KEN C&amp;M</v>
          </cell>
        </row>
        <row r="28">
          <cell r="F28">
            <v>75023</v>
          </cell>
          <cell r="Z28" t="str">
            <v>BSMEINS</v>
          </cell>
          <cell r="AN28" t="str">
            <v>MDO C&amp;M</v>
          </cell>
          <cell r="AO28" t="str">
            <v>MDO OH/KEN C&amp;M</v>
          </cell>
        </row>
        <row r="29">
          <cell r="F29">
            <v>75023</v>
          </cell>
          <cell r="Z29" t="str">
            <v>BSMEINS</v>
          </cell>
          <cell r="AN29" t="str">
            <v>MDO C&amp;M</v>
          </cell>
          <cell r="AO29" t="str">
            <v>MDO OH/KEN C&amp;M</v>
          </cell>
        </row>
        <row r="30">
          <cell r="F30">
            <v>75023</v>
          </cell>
          <cell r="Z30" t="str">
            <v>BSMEINS</v>
          </cell>
          <cell r="AN30" t="str">
            <v>MDO C&amp;M</v>
          </cell>
          <cell r="AO30" t="str">
            <v>MDO OH/KEN C&amp;M</v>
          </cell>
        </row>
        <row r="31">
          <cell r="F31">
            <v>75023</v>
          </cell>
          <cell r="Z31" t="str">
            <v>BSMEINS</v>
          </cell>
          <cell r="AN31" t="str">
            <v>MDO C&amp;M</v>
          </cell>
          <cell r="AO31" t="str">
            <v>MDO OH/KEN C&amp;M</v>
          </cell>
        </row>
        <row r="32">
          <cell r="F32">
            <v>75023</v>
          </cell>
          <cell r="Z32" t="str">
            <v>BSMEINS</v>
          </cell>
          <cell r="AN32" t="str">
            <v>MDO C&amp;M</v>
          </cell>
          <cell r="AO32" t="str">
            <v>MDO OH/KEN C&amp;M</v>
          </cell>
        </row>
        <row r="33">
          <cell r="F33">
            <v>75023</v>
          </cell>
          <cell r="Z33" t="str">
            <v>BSMEINS</v>
          </cell>
          <cell r="AN33" t="str">
            <v>MDO C&amp;M</v>
          </cell>
          <cell r="AO33" t="str">
            <v>MDO OH/KEN C&amp;M</v>
          </cell>
        </row>
        <row r="34">
          <cell r="F34">
            <v>75023</v>
          </cell>
          <cell r="Z34" t="str">
            <v>BSMEINS</v>
          </cell>
          <cell r="AN34" t="str">
            <v>MDO C&amp;M</v>
          </cell>
          <cell r="AO34" t="str">
            <v>MDO OH/KEN C&amp;M</v>
          </cell>
        </row>
        <row r="35">
          <cell r="F35">
            <v>75023</v>
          </cell>
          <cell r="Z35" t="str">
            <v>BSMEINS</v>
          </cell>
          <cell r="AN35" t="str">
            <v>MDO C&amp;M</v>
          </cell>
          <cell r="AO35" t="str">
            <v>MDO OH/KEN C&amp;M</v>
          </cell>
        </row>
        <row r="36">
          <cell r="F36">
            <v>75023</v>
          </cell>
          <cell r="Z36" t="str">
            <v>BSMEINS</v>
          </cell>
          <cell r="AN36" t="str">
            <v>MDO C&amp;M</v>
          </cell>
          <cell r="AO36" t="str">
            <v>MDO OH/KEN C&amp;M</v>
          </cell>
        </row>
        <row r="37">
          <cell r="F37">
            <v>75023</v>
          </cell>
          <cell r="Z37" t="str">
            <v>BSMEINS</v>
          </cell>
          <cell r="AN37" t="str">
            <v>MDO C&amp;M</v>
          </cell>
          <cell r="AO37" t="str">
            <v>MDO OH/KEN C&amp;M</v>
          </cell>
        </row>
        <row r="38">
          <cell r="F38">
            <v>75023</v>
          </cell>
          <cell r="Z38" t="str">
            <v>BSMEINS</v>
          </cell>
          <cell r="AN38" t="str">
            <v>MDO C&amp;M</v>
          </cell>
          <cell r="AO38" t="str">
            <v>MDO OH/KEN C&amp;M</v>
          </cell>
        </row>
        <row r="39">
          <cell r="F39">
            <v>75023</v>
          </cell>
          <cell r="Z39" t="str">
            <v>BSMEINS</v>
          </cell>
          <cell r="AN39" t="str">
            <v>MDO C&amp;M</v>
          </cell>
          <cell r="AO39" t="str">
            <v>MDO OH/KEN C&amp;M</v>
          </cell>
        </row>
        <row r="40">
          <cell r="F40">
            <v>75023</v>
          </cell>
          <cell r="Z40" t="str">
            <v>BSMEINS</v>
          </cell>
          <cell r="AN40" t="str">
            <v>MDO C&amp;M</v>
          </cell>
          <cell r="AO40" t="str">
            <v>MDO OH/KEN C&amp;M</v>
          </cell>
        </row>
        <row r="41">
          <cell r="F41">
            <v>75023</v>
          </cell>
          <cell r="Z41" t="str">
            <v>BSMEINS</v>
          </cell>
          <cell r="AN41" t="str">
            <v>MDO C&amp;M</v>
          </cell>
          <cell r="AO41" t="str">
            <v>MDO OH/KEN C&amp;M</v>
          </cell>
        </row>
        <row r="42">
          <cell r="F42">
            <v>75023</v>
          </cell>
          <cell r="Z42" t="str">
            <v>BSMEINS</v>
          </cell>
          <cell r="AN42" t="str">
            <v>MDO C&amp;M</v>
          </cell>
          <cell r="AO42" t="str">
            <v>MDO OH/KEN C&amp;M</v>
          </cell>
        </row>
        <row r="43">
          <cell r="F43">
            <v>75023</v>
          </cell>
          <cell r="Z43" t="str">
            <v>BSMEINS</v>
          </cell>
          <cell r="AN43" t="str">
            <v>MDO C&amp;M</v>
          </cell>
          <cell r="AO43" t="str">
            <v>MDO OH/KEN C&amp;M</v>
          </cell>
        </row>
        <row r="44">
          <cell r="F44">
            <v>75023</v>
          </cell>
          <cell r="Z44" t="str">
            <v>BSMEINS</v>
          </cell>
          <cell r="AN44" t="str">
            <v>MDO C&amp;M</v>
          </cell>
          <cell r="AO44" t="str">
            <v>MDO OH/KEN C&amp;M</v>
          </cell>
        </row>
        <row r="45">
          <cell r="F45">
            <v>75023</v>
          </cell>
          <cell r="Z45" t="str">
            <v>BSMEINS</v>
          </cell>
          <cell r="AN45" t="str">
            <v>MDO C&amp;M</v>
          </cell>
          <cell r="AO45" t="str">
            <v>MDO OH/KEN C&amp;M</v>
          </cell>
        </row>
        <row r="46">
          <cell r="F46">
            <v>75023</v>
          </cell>
          <cell r="Z46" t="str">
            <v>BSMEINS</v>
          </cell>
          <cell r="AN46" t="str">
            <v>MDO C&amp;M</v>
          </cell>
          <cell r="AO46" t="str">
            <v>MDO OH/KEN C&amp;M</v>
          </cell>
        </row>
        <row r="47">
          <cell r="F47">
            <v>75023</v>
          </cell>
          <cell r="Z47" t="str">
            <v>BSMEINS</v>
          </cell>
          <cell r="AN47" t="str">
            <v>MDO C&amp;M</v>
          </cell>
          <cell r="AO47" t="str">
            <v>MDO OH/KEN C&amp;M</v>
          </cell>
        </row>
        <row r="48">
          <cell r="F48">
            <v>75023</v>
          </cell>
          <cell r="Z48" t="str">
            <v>BSMEINS</v>
          </cell>
          <cell r="AN48" t="str">
            <v>MDO C&amp;M</v>
          </cell>
          <cell r="AO48" t="str">
            <v>MDO OH/KEN C&amp;M</v>
          </cell>
        </row>
        <row r="49">
          <cell r="F49">
            <v>75023</v>
          </cell>
          <cell r="Z49" t="str">
            <v>BSMEINS</v>
          </cell>
          <cell r="AN49" t="str">
            <v>MDO C&amp;M</v>
          </cell>
          <cell r="AO49" t="str">
            <v>MDO OH/KEN C&amp;M</v>
          </cell>
        </row>
        <row r="50">
          <cell r="F50">
            <v>75023</v>
          </cell>
          <cell r="Z50" t="str">
            <v>BSMEINS</v>
          </cell>
          <cell r="AN50" t="str">
            <v>MDO C&amp;M</v>
          </cell>
          <cell r="AO50" t="str">
            <v>MDO OH/KEN C&amp;M</v>
          </cell>
        </row>
        <row r="51">
          <cell r="F51">
            <v>75023</v>
          </cell>
          <cell r="Z51" t="str">
            <v>BSMEINS</v>
          </cell>
          <cell r="AN51" t="str">
            <v>MDO C&amp;M</v>
          </cell>
          <cell r="AO51" t="str">
            <v>MDO OH/KEN C&amp;M</v>
          </cell>
        </row>
        <row r="52">
          <cell r="F52">
            <v>75023</v>
          </cell>
          <cell r="Z52" t="str">
            <v>BSMEINS</v>
          </cell>
          <cell r="AN52" t="str">
            <v>MDO C&amp;M</v>
          </cell>
          <cell r="AO52" t="str">
            <v>MDO OH/KEN C&amp;M</v>
          </cell>
        </row>
        <row r="53">
          <cell r="F53">
            <v>75023</v>
          </cell>
          <cell r="Z53" t="str">
            <v>BSMEINS</v>
          </cell>
          <cell r="AN53" t="str">
            <v>MDO C&amp;M</v>
          </cell>
          <cell r="AO53" t="str">
            <v>MDO OH/KEN C&amp;M</v>
          </cell>
        </row>
        <row r="54">
          <cell r="F54">
            <v>75023</v>
          </cell>
          <cell r="Z54" t="str">
            <v>BSMEINS</v>
          </cell>
          <cell r="AN54" t="str">
            <v>MDO C&amp;M</v>
          </cell>
          <cell r="AO54" t="str">
            <v>MDO OH/KEN C&amp;M</v>
          </cell>
        </row>
        <row r="55">
          <cell r="F55">
            <v>75023</v>
          </cell>
          <cell r="Z55" t="str">
            <v>BSMEINS</v>
          </cell>
          <cell r="AN55" t="str">
            <v>MDO C&amp;M</v>
          </cell>
          <cell r="AO55" t="str">
            <v>MDO OH/KEN C&amp;M</v>
          </cell>
        </row>
        <row r="56">
          <cell r="F56">
            <v>75023</v>
          </cell>
          <cell r="Z56" t="str">
            <v>BSMEINS</v>
          </cell>
          <cell r="AN56" t="str">
            <v>MDO C&amp;M</v>
          </cell>
          <cell r="AO56" t="str">
            <v>MDO OH/KEN C&amp;M</v>
          </cell>
        </row>
        <row r="57">
          <cell r="F57">
            <v>75023</v>
          </cell>
          <cell r="Z57" t="str">
            <v>BSMEINS</v>
          </cell>
          <cell r="AN57" t="str">
            <v>MDO C&amp;M</v>
          </cell>
          <cell r="AO57" t="str">
            <v>MDO OH/KEN C&amp;M</v>
          </cell>
        </row>
        <row r="58">
          <cell r="F58">
            <v>75023</v>
          </cell>
          <cell r="Z58" t="str">
            <v>BSMEINS</v>
          </cell>
          <cell r="AN58" t="str">
            <v>MDO C&amp;M</v>
          </cell>
          <cell r="AO58" t="str">
            <v>MDO OH/KEN C&amp;M</v>
          </cell>
        </row>
        <row r="59">
          <cell r="F59">
            <v>75023</v>
          </cell>
          <cell r="Z59" t="str">
            <v>BSMEINS</v>
          </cell>
          <cell r="AN59" t="str">
            <v>MDO C&amp;M</v>
          </cell>
          <cell r="AO59" t="str">
            <v>MDO OH/KEN C&amp;M</v>
          </cell>
        </row>
        <row r="60">
          <cell r="F60">
            <v>75023</v>
          </cell>
          <cell r="Z60" t="str">
            <v>BSMEINS</v>
          </cell>
          <cell r="AN60" t="str">
            <v>MDO C&amp;M</v>
          </cell>
          <cell r="AO60" t="str">
            <v>MDO OH/KEN C&amp;M</v>
          </cell>
        </row>
        <row r="61">
          <cell r="F61">
            <v>75023</v>
          </cell>
          <cell r="Z61" t="str">
            <v>BSMEINS</v>
          </cell>
          <cell r="AN61" t="str">
            <v>MDO C&amp;M</v>
          </cell>
          <cell r="AO61" t="str">
            <v>MDO OH/KEN C&amp;M</v>
          </cell>
        </row>
        <row r="62">
          <cell r="F62">
            <v>75023</v>
          </cell>
          <cell r="Z62" t="str">
            <v>BSMEINS</v>
          </cell>
          <cell r="AN62" t="str">
            <v>MDO C&amp;M</v>
          </cell>
          <cell r="AO62" t="str">
            <v>MDO OH/KEN C&amp;M</v>
          </cell>
        </row>
        <row r="63">
          <cell r="F63">
            <v>75023</v>
          </cell>
          <cell r="Z63" t="str">
            <v>BSMEINS</v>
          </cell>
          <cell r="AN63" t="str">
            <v>MDO C&amp;M</v>
          </cell>
          <cell r="AO63" t="str">
            <v>MDO OH/KEN C&amp;M</v>
          </cell>
        </row>
        <row r="64">
          <cell r="F64">
            <v>75023</v>
          </cell>
          <cell r="Z64" t="str">
            <v>BSMEINS</v>
          </cell>
          <cell r="AN64" t="str">
            <v>MDO C&amp;M</v>
          </cell>
          <cell r="AO64" t="str">
            <v>MDO OH/KEN C&amp;M</v>
          </cell>
        </row>
        <row r="65">
          <cell r="F65">
            <v>75023</v>
          </cell>
          <cell r="Z65" t="str">
            <v>BSMEINS</v>
          </cell>
          <cell r="AN65" t="str">
            <v>MDO C&amp;M</v>
          </cell>
          <cell r="AO65" t="str">
            <v>MDO OH/KEN C&amp;M</v>
          </cell>
        </row>
        <row r="66">
          <cell r="F66">
            <v>75023</v>
          </cell>
          <cell r="Z66" t="str">
            <v>BSMEINS</v>
          </cell>
          <cell r="AN66" t="str">
            <v>MDO C&amp;M</v>
          </cell>
          <cell r="AO66" t="str">
            <v>MDO OH/KEN C&amp;M</v>
          </cell>
        </row>
        <row r="67">
          <cell r="F67">
            <v>75023</v>
          </cell>
          <cell r="Z67" t="str">
            <v>BSMEINS</v>
          </cell>
          <cell r="AN67" t="str">
            <v>MDO C&amp;M</v>
          </cell>
          <cell r="AO67" t="str">
            <v>MDO OH/KEN C&amp;M</v>
          </cell>
        </row>
        <row r="68">
          <cell r="F68">
            <v>75023</v>
          </cell>
          <cell r="Z68" t="str">
            <v>BSMEINS</v>
          </cell>
          <cell r="AN68" t="str">
            <v>MDO C&amp;M</v>
          </cell>
          <cell r="AO68" t="str">
            <v>MDO OH/KEN C&amp;M</v>
          </cell>
        </row>
        <row r="69">
          <cell r="F69">
            <v>75115</v>
          </cell>
          <cell r="Z69" t="str">
            <v>BSMEINS</v>
          </cell>
          <cell r="AN69" t="str">
            <v>MDO C&amp;M</v>
          </cell>
          <cell r="AO69" t="str">
            <v>MDO INDIANA SOUTHWEST C&amp;M</v>
          </cell>
        </row>
        <row r="70">
          <cell r="F70">
            <v>75115</v>
          </cell>
          <cell r="Z70" t="str">
            <v>BSMEINS</v>
          </cell>
          <cell r="AN70" t="str">
            <v>MDO C&amp;M</v>
          </cell>
          <cell r="AO70" t="str">
            <v>MDO INDIANA SOUTHWEST C&amp;M</v>
          </cell>
        </row>
        <row r="71">
          <cell r="F71">
            <v>75115</v>
          </cell>
          <cell r="Z71" t="str">
            <v>BSMEINS</v>
          </cell>
          <cell r="AN71" t="str">
            <v>MDO C&amp;M</v>
          </cell>
          <cell r="AO71" t="str">
            <v>MDO INDIANA SOUTHWEST C&amp;M</v>
          </cell>
        </row>
        <row r="72">
          <cell r="F72">
            <v>75115</v>
          </cell>
          <cell r="Z72" t="str">
            <v>BSMEINS</v>
          </cell>
          <cell r="AN72" t="str">
            <v>MDO C&amp;M</v>
          </cell>
          <cell r="AO72" t="str">
            <v>MDO INDIANA SOUTHEAST C&amp;M</v>
          </cell>
        </row>
        <row r="73">
          <cell r="F73">
            <v>75115</v>
          </cell>
          <cell r="Z73" t="str">
            <v>BSMEINS</v>
          </cell>
          <cell r="AN73" t="str">
            <v>MDO C&amp;M</v>
          </cell>
          <cell r="AO73" t="str">
            <v>MDO INDIANA SOUTHEAST C&amp;M</v>
          </cell>
        </row>
        <row r="74">
          <cell r="F74">
            <v>75115</v>
          </cell>
          <cell r="Z74" t="str">
            <v>BSMEINS</v>
          </cell>
          <cell r="AN74" t="str">
            <v>MDO C&amp;M</v>
          </cell>
          <cell r="AO74" t="str">
            <v>MDO INDIANA SOUTHEAST C&amp;M</v>
          </cell>
        </row>
        <row r="75">
          <cell r="F75">
            <v>75023</v>
          </cell>
          <cell r="Z75" t="str">
            <v>CAPAC</v>
          </cell>
          <cell r="AN75" t="str">
            <v>MDO C&amp;M</v>
          </cell>
          <cell r="AO75" t="str">
            <v>MDO OH/KEN C&amp;M</v>
          </cell>
        </row>
        <row r="76">
          <cell r="F76">
            <v>75023</v>
          </cell>
          <cell r="Z76" t="str">
            <v>CAPAC</v>
          </cell>
          <cell r="AN76" t="str">
            <v>MDO C&amp;M</v>
          </cell>
          <cell r="AO76" t="str">
            <v>MDO OH/KEN C&amp;M</v>
          </cell>
        </row>
        <row r="77">
          <cell r="F77">
            <v>75023</v>
          </cell>
          <cell r="Z77" t="str">
            <v>CAPAC</v>
          </cell>
          <cell r="AN77" t="str">
            <v>MDO C&amp;M</v>
          </cell>
          <cell r="AO77" t="str">
            <v>MDO OH/KEN C&amp;M</v>
          </cell>
        </row>
        <row r="78">
          <cell r="F78">
            <v>75023</v>
          </cell>
          <cell r="Z78" t="str">
            <v>CAPAC</v>
          </cell>
          <cell r="AN78" t="str">
            <v>MDO C&amp;M</v>
          </cell>
          <cell r="AO78" t="str">
            <v>MDO OH/KEN C&amp;M</v>
          </cell>
        </row>
        <row r="79">
          <cell r="F79">
            <v>75023</v>
          </cell>
          <cell r="Z79" t="str">
            <v>CAPAC</v>
          </cell>
          <cell r="AN79" t="str">
            <v>MDO C&amp;M</v>
          </cell>
          <cell r="AO79" t="str">
            <v>MDO OH/KEN C&amp;M</v>
          </cell>
        </row>
        <row r="80">
          <cell r="F80">
            <v>75023</v>
          </cell>
          <cell r="Z80" t="str">
            <v>CAPAC</v>
          </cell>
          <cell r="AN80" t="str">
            <v>MDO C&amp;M</v>
          </cell>
          <cell r="AO80" t="str">
            <v>MDO OH/KEN C&amp;M</v>
          </cell>
        </row>
        <row r="81">
          <cell r="F81">
            <v>75023</v>
          </cell>
          <cell r="Z81" t="str">
            <v>CAPAC</v>
          </cell>
          <cell r="AN81" t="str">
            <v>MDO C&amp;M</v>
          </cell>
          <cell r="AO81" t="str">
            <v>MDO OH/KEN C&amp;M</v>
          </cell>
        </row>
        <row r="82">
          <cell r="F82">
            <v>75023</v>
          </cell>
          <cell r="Z82" t="str">
            <v>CAPAC</v>
          </cell>
          <cell r="AN82" t="str">
            <v>MDO C&amp;M</v>
          </cell>
          <cell r="AO82" t="str">
            <v>MDO OH/KEN C&amp;M</v>
          </cell>
        </row>
        <row r="83">
          <cell r="F83">
            <v>75023</v>
          </cell>
          <cell r="Z83" t="str">
            <v>CAPAC</v>
          </cell>
          <cell r="AN83" t="str">
            <v>MDO C&amp;M</v>
          </cell>
          <cell r="AO83" t="str">
            <v>MDO OH/KEN C&amp;M</v>
          </cell>
        </row>
        <row r="84">
          <cell r="F84">
            <v>75023</v>
          </cell>
          <cell r="Z84" t="str">
            <v>CAPAC</v>
          </cell>
          <cell r="AN84" t="str">
            <v>MDO C&amp;M</v>
          </cell>
          <cell r="AO84" t="str">
            <v>MDO OH/KEN C&amp;M</v>
          </cell>
        </row>
        <row r="85">
          <cell r="F85">
            <v>75023</v>
          </cell>
          <cell r="Z85" t="str">
            <v>CAPAC</v>
          </cell>
          <cell r="AN85" t="str">
            <v>MDO C&amp;M</v>
          </cell>
          <cell r="AO85" t="str">
            <v>MDO OH/KEN C&amp;M</v>
          </cell>
        </row>
        <row r="86">
          <cell r="F86">
            <v>75023</v>
          </cell>
          <cell r="Z86" t="str">
            <v>CAPAC</v>
          </cell>
          <cell r="AN86" t="str">
            <v>MDO C&amp;M</v>
          </cell>
          <cell r="AO86" t="str">
            <v>MDO OH/KEN C&amp;M</v>
          </cell>
        </row>
        <row r="87">
          <cell r="F87">
            <v>75023</v>
          </cell>
          <cell r="Z87" t="str">
            <v>CAPAC</v>
          </cell>
          <cell r="AN87" t="str">
            <v>MDO C&amp;M</v>
          </cell>
          <cell r="AO87" t="str">
            <v>MDO OH/KEN C&amp;M</v>
          </cell>
        </row>
        <row r="88">
          <cell r="F88">
            <v>75023</v>
          </cell>
          <cell r="Z88" t="str">
            <v>CAPAC</v>
          </cell>
          <cell r="AN88" t="str">
            <v>MDO C&amp;M</v>
          </cell>
          <cell r="AO88" t="str">
            <v>MDO OH/KEN C&amp;M</v>
          </cell>
        </row>
        <row r="89">
          <cell r="F89">
            <v>75023</v>
          </cell>
          <cell r="Z89" t="str">
            <v>CAPAC</v>
          </cell>
          <cell r="AN89" t="str">
            <v>MDO C&amp;M</v>
          </cell>
          <cell r="AO89" t="str">
            <v>MDO OH/KEN C&amp;M</v>
          </cell>
        </row>
        <row r="90">
          <cell r="F90">
            <v>75023</v>
          </cell>
          <cell r="Z90" t="str">
            <v>CAPAC</v>
          </cell>
          <cell r="AN90" t="str">
            <v>MDO C&amp;M</v>
          </cell>
          <cell r="AO90" t="str">
            <v>MDO OH/KEN C&amp;M</v>
          </cell>
        </row>
        <row r="91">
          <cell r="F91">
            <v>75023</v>
          </cell>
          <cell r="Z91" t="str">
            <v>CAPAC</v>
          </cell>
          <cell r="AN91" t="str">
            <v>MDO C&amp;M</v>
          </cell>
          <cell r="AO91" t="str">
            <v>MDO OH/KEN C&amp;M</v>
          </cell>
        </row>
        <row r="92">
          <cell r="F92">
            <v>75023</v>
          </cell>
          <cell r="Z92" t="str">
            <v>CAPAC</v>
          </cell>
          <cell r="AN92" t="str">
            <v>MDO C&amp;M</v>
          </cell>
          <cell r="AO92" t="str">
            <v>MDO OH/KEN C&amp;M</v>
          </cell>
        </row>
        <row r="93">
          <cell r="F93">
            <v>75023</v>
          </cell>
          <cell r="Z93" t="str">
            <v>CAPAC</v>
          </cell>
          <cell r="AN93" t="str">
            <v>MDO C&amp;M</v>
          </cell>
          <cell r="AO93" t="str">
            <v>MDO OH/KEN C&amp;M</v>
          </cell>
        </row>
        <row r="94">
          <cell r="F94">
            <v>75023</v>
          </cell>
          <cell r="Z94" t="str">
            <v>CAPAC</v>
          </cell>
          <cell r="AN94" t="str">
            <v>MDO C&amp;M</v>
          </cell>
          <cell r="AO94" t="str">
            <v>MDO OH/KEN C&amp;M</v>
          </cell>
        </row>
        <row r="95">
          <cell r="F95">
            <v>75023</v>
          </cell>
          <cell r="Z95" t="str">
            <v>CAPAC</v>
          </cell>
          <cell r="AN95" t="str">
            <v>MDO C&amp;M</v>
          </cell>
          <cell r="AO95" t="str">
            <v>MDO OH/KEN C&amp;M</v>
          </cell>
        </row>
        <row r="96">
          <cell r="F96">
            <v>75023</v>
          </cell>
          <cell r="Z96" t="str">
            <v>CAPAC</v>
          </cell>
          <cell r="AN96" t="str">
            <v>MDO C&amp;M</v>
          </cell>
          <cell r="AO96" t="str">
            <v>MDO OH/KEN C&amp;M</v>
          </cell>
        </row>
        <row r="97">
          <cell r="F97">
            <v>75023</v>
          </cell>
          <cell r="Z97" t="str">
            <v>CAPAC</v>
          </cell>
          <cell r="AN97" t="str">
            <v>MDO C&amp;M</v>
          </cell>
          <cell r="AO97" t="str">
            <v>MDO OH/KEN C&amp;M</v>
          </cell>
        </row>
        <row r="98">
          <cell r="F98">
            <v>75023</v>
          </cell>
          <cell r="Z98" t="str">
            <v>CAPAC</v>
          </cell>
          <cell r="AN98" t="str">
            <v>MDO C&amp;M</v>
          </cell>
          <cell r="AO98" t="str">
            <v>MDO OH/KEN C&amp;M</v>
          </cell>
        </row>
        <row r="99">
          <cell r="F99">
            <v>75023</v>
          </cell>
          <cell r="Z99" t="str">
            <v>CAPAC</v>
          </cell>
          <cell r="AN99" t="str">
            <v>MDO C&amp;M</v>
          </cell>
          <cell r="AO99" t="str">
            <v>MDO OH/KEN C&amp;M</v>
          </cell>
        </row>
        <row r="100">
          <cell r="F100">
            <v>75023</v>
          </cell>
          <cell r="Z100" t="str">
            <v>CAPAC</v>
          </cell>
          <cell r="AN100" t="str">
            <v>MDO C&amp;M</v>
          </cell>
          <cell r="AO100" t="str">
            <v>MDO OH/KEN C&amp;M</v>
          </cell>
        </row>
        <row r="101">
          <cell r="F101">
            <v>75023</v>
          </cell>
          <cell r="Z101" t="str">
            <v>CAPAC</v>
          </cell>
          <cell r="AN101" t="str">
            <v>MDO C&amp;M</v>
          </cell>
          <cell r="AO101" t="str">
            <v>MDO OH/KEN C&amp;M</v>
          </cell>
        </row>
        <row r="102">
          <cell r="F102">
            <v>75023</v>
          </cell>
          <cell r="Z102" t="str">
            <v>CAPAC</v>
          </cell>
          <cell r="AN102" t="str">
            <v>MDO C&amp;M</v>
          </cell>
          <cell r="AO102" t="str">
            <v>MDO OH/KEN C&amp;M</v>
          </cell>
        </row>
        <row r="103">
          <cell r="F103">
            <v>75023</v>
          </cell>
          <cell r="Z103" t="str">
            <v>CAPAC</v>
          </cell>
          <cell r="AN103" t="str">
            <v>MDO C&amp;M</v>
          </cell>
          <cell r="AO103" t="str">
            <v>MDO OH/KEN C&amp;M</v>
          </cell>
        </row>
        <row r="104">
          <cell r="F104">
            <v>75023</v>
          </cell>
          <cell r="Z104" t="str">
            <v>CAPAC</v>
          </cell>
          <cell r="AN104" t="str">
            <v>MDO C&amp;M</v>
          </cell>
          <cell r="AO104" t="str">
            <v>MDO OH/KEN C&amp;M</v>
          </cell>
        </row>
        <row r="105">
          <cell r="F105">
            <v>75023</v>
          </cell>
          <cell r="Z105" t="str">
            <v>CAPAC</v>
          </cell>
          <cell r="AN105" t="str">
            <v>MDO C&amp;M</v>
          </cell>
          <cell r="AO105" t="str">
            <v>MDO OH/KEN C&amp;M</v>
          </cell>
        </row>
        <row r="106">
          <cell r="F106">
            <v>75023</v>
          </cell>
          <cell r="Z106" t="str">
            <v>CAPAC</v>
          </cell>
          <cell r="AN106" t="str">
            <v>MDO C&amp;M</v>
          </cell>
          <cell r="AO106" t="str">
            <v>MDO OH/KEN C&amp;M</v>
          </cell>
        </row>
        <row r="107">
          <cell r="F107">
            <v>75023</v>
          </cell>
          <cell r="Z107" t="str">
            <v>CAPAC</v>
          </cell>
          <cell r="AN107" t="str">
            <v>MDO C&amp;M</v>
          </cell>
          <cell r="AO107" t="str">
            <v>MDO OH/KEN C&amp;M</v>
          </cell>
        </row>
        <row r="108">
          <cell r="F108">
            <v>75023</v>
          </cell>
          <cell r="Z108" t="str">
            <v>CAPAC</v>
          </cell>
          <cell r="AN108" t="str">
            <v>MDO C&amp;M</v>
          </cell>
          <cell r="AO108" t="str">
            <v>MDO OH/KEN C&amp;M</v>
          </cell>
        </row>
        <row r="109">
          <cell r="F109">
            <v>75023</v>
          </cell>
          <cell r="Z109" t="str">
            <v>CAPAC</v>
          </cell>
          <cell r="AN109" t="str">
            <v>MDO C&amp;M</v>
          </cell>
          <cell r="AO109" t="str">
            <v>MDO OH/KEN C&amp;M</v>
          </cell>
        </row>
        <row r="110">
          <cell r="F110">
            <v>75023</v>
          </cell>
          <cell r="Z110" t="str">
            <v>CAPAC</v>
          </cell>
          <cell r="AN110" t="str">
            <v>MDO C&amp;M</v>
          </cell>
          <cell r="AO110" t="str">
            <v>MDO OH/KEN C&amp;M</v>
          </cell>
        </row>
        <row r="111">
          <cell r="F111">
            <v>75023</v>
          </cell>
          <cell r="Z111" t="str">
            <v>CAPAC</v>
          </cell>
          <cell r="AN111" t="str">
            <v>MDO C&amp;M</v>
          </cell>
          <cell r="AO111" t="str">
            <v>MDO OH/KEN C&amp;M</v>
          </cell>
        </row>
        <row r="112">
          <cell r="F112">
            <v>75023</v>
          </cell>
          <cell r="Z112" t="str">
            <v>CAPAC</v>
          </cell>
          <cell r="AN112" t="str">
            <v>MDO C&amp;M</v>
          </cell>
          <cell r="AO112" t="str">
            <v>MDO OH/KEN C&amp;M</v>
          </cell>
        </row>
        <row r="113">
          <cell r="F113">
            <v>75023</v>
          </cell>
          <cell r="Z113" t="str">
            <v>CAPAC</v>
          </cell>
          <cell r="AN113" t="str">
            <v>MDO C&amp;M</v>
          </cell>
          <cell r="AO113" t="str">
            <v>MDO OH/KEN C&amp;M</v>
          </cell>
        </row>
        <row r="114">
          <cell r="F114">
            <v>75023</v>
          </cell>
          <cell r="Z114" t="str">
            <v>CAPAC</v>
          </cell>
          <cell r="AN114" t="str">
            <v>MDO C&amp;M</v>
          </cell>
          <cell r="AO114" t="str">
            <v>MDO OH/KEN C&amp;M</v>
          </cell>
        </row>
        <row r="115">
          <cell r="F115">
            <v>75023</v>
          </cell>
          <cell r="Z115" t="str">
            <v>CAPAC</v>
          </cell>
          <cell r="AN115" t="str">
            <v>MDO C&amp;M</v>
          </cell>
          <cell r="AO115" t="str">
            <v>MDO OH/KEN C&amp;M</v>
          </cell>
        </row>
        <row r="116">
          <cell r="F116">
            <v>75023</v>
          </cell>
          <cell r="Z116" t="str">
            <v>CAPAC</v>
          </cell>
          <cell r="AN116" t="str">
            <v>MDO C&amp;M</v>
          </cell>
          <cell r="AO116" t="str">
            <v>MDO OH/KEN C&amp;M</v>
          </cell>
        </row>
        <row r="117">
          <cell r="F117">
            <v>75023</v>
          </cell>
          <cell r="Z117" t="str">
            <v>CAPAC</v>
          </cell>
          <cell r="AN117" t="str">
            <v>MDO C&amp;M</v>
          </cell>
          <cell r="AO117" t="str">
            <v>MDO OH/KEN C&amp;M</v>
          </cell>
        </row>
        <row r="118">
          <cell r="F118">
            <v>75023</v>
          </cell>
          <cell r="Z118" t="str">
            <v>CAPAC</v>
          </cell>
          <cell r="AN118" t="str">
            <v>MDO C&amp;M</v>
          </cell>
          <cell r="AO118" t="str">
            <v>MDO OH/KEN C&amp;M</v>
          </cell>
        </row>
        <row r="119">
          <cell r="F119">
            <v>75023</v>
          </cell>
          <cell r="Z119" t="str">
            <v>CAPAC</v>
          </cell>
          <cell r="AN119" t="str">
            <v>MDO C&amp;M</v>
          </cell>
          <cell r="AO119" t="str">
            <v>MDO OH/KEN C&amp;M</v>
          </cell>
        </row>
        <row r="120">
          <cell r="F120">
            <v>75023</v>
          </cell>
          <cell r="Z120" t="str">
            <v>CAPAC</v>
          </cell>
          <cell r="AN120" t="str">
            <v>MDO C&amp;M</v>
          </cell>
          <cell r="AO120" t="str">
            <v>MDO OH/KEN C&amp;M</v>
          </cell>
        </row>
        <row r="121">
          <cell r="F121">
            <v>75023</v>
          </cell>
          <cell r="Z121" t="str">
            <v>CAPAC</v>
          </cell>
          <cell r="AN121" t="str">
            <v>MDO C&amp;M</v>
          </cell>
          <cell r="AO121" t="str">
            <v>MDO OH/KEN C&amp;M</v>
          </cell>
        </row>
        <row r="122">
          <cell r="F122">
            <v>75023</v>
          </cell>
          <cell r="Z122" t="str">
            <v>CAPAC</v>
          </cell>
          <cell r="AN122" t="str">
            <v>MDO C&amp;M</v>
          </cell>
          <cell r="AO122" t="str">
            <v>MDO OH/KEN C&amp;M</v>
          </cell>
        </row>
        <row r="123">
          <cell r="F123">
            <v>75023</v>
          </cell>
          <cell r="Z123" t="str">
            <v>CAPAC</v>
          </cell>
          <cell r="AN123" t="str">
            <v>MDO C&amp;M</v>
          </cell>
          <cell r="AO123" t="str">
            <v>MDO OH/KEN C&amp;M</v>
          </cell>
        </row>
        <row r="124">
          <cell r="F124">
            <v>75023</v>
          </cell>
          <cell r="Z124" t="str">
            <v>CAPAC</v>
          </cell>
          <cell r="AN124" t="str">
            <v>MDO C&amp;M</v>
          </cell>
          <cell r="AO124" t="str">
            <v>MDO OH/KEN C&amp;M</v>
          </cell>
        </row>
        <row r="125">
          <cell r="F125">
            <v>75023</v>
          </cell>
          <cell r="Z125" t="str">
            <v>CAPAC</v>
          </cell>
          <cell r="AN125" t="str">
            <v>MDO C&amp;M</v>
          </cell>
          <cell r="AO125" t="str">
            <v>MDO OH/KEN C&amp;M</v>
          </cell>
        </row>
        <row r="126">
          <cell r="F126">
            <v>75023</v>
          </cell>
          <cell r="Z126" t="str">
            <v>CAPAC</v>
          </cell>
          <cell r="AN126" t="str">
            <v>MDO C&amp;M</v>
          </cell>
          <cell r="AO126" t="str">
            <v>MDO OH/KEN C&amp;M</v>
          </cell>
        </row>
        <row r="127">
          <cell r="F127">
            <v>75023</v>
          </cell>
          <cell r="Z127" t="str">
            <v>CAPAC</v>
          </cell>
          <cell r="AN127" t="str">
            <v>MDO C&amp;M</v>
          </cell>
          <cell r="AO127" t="str">
            <v>MDO OH/KEN C&amp;M</v>
          </cell>
        </row>
        <row r="128">
          <cell r="F128">
            <v>75023</v>
          </cell>
          <cell r="Z128" t="str">
            <v>CAPAC</v>
          </cell>
          <cell r="AN128" t="str">
            <v>MDO C&amp;M</v>
          </cell>
          <cell r="AO128" t="str">
            <v>MDO OH/KEN C&amp;M</v>
          </cell>
        </row>
        <row r="129">
          <cell r="F129">
            <v>75023</v>
          </cell>
          <cell r="Z129" t="str">
            <v>CAPAC</v>
          </cell>
          <cell r="AN129" t="str">
            <v>MDO C&amp;M</v>
          </cell>
          <cell r="AO129" t="str">
            <v>MDO OH/KEN C&amp;M</v>
          </cell>
        </row>
        <row r="130">
          <cell r="F130">
            <v>75023</v>
          </cell>
          <cell r="Z130" t="str">
            <v>CAPAC</v>
          </cell>
          <cell r="AN130" t="str">
            <v>MDO C&amp;M</v>
          </cell>
          <cell r="AO130" t="str">
            <v>MDO OH/KEN C&amp;M</v>
          </cell>
        </row>
        <row r="131">
          <cell r="F131">
            <v>75023</v>
          </cell>
          <cell r="Z131" t="str">
            <v>CAPAC</v>
          </cell>
          <cell r="AN131" t="str">
            <v>MDO C&amp;M</v>
          </cell>
          <cell r="AO131" t="str">
            <v>MDO OH/KEN C&amp;M</v>
          </cell>
        </row>
        <row r="132">
          <cell r="F132">
            <v>75023</v>
          </cell>
          <cell r="Z132" t="str">
            <v>CAPAC</v>
          </cell>
          <cell r="AN132" t="str">
            <v>MDO C&amp;M</v>
          </cell>
          <cell r="AO132" t="str">
            <v>MDO OH/KEN C&amp;M</v>
          </cell>
        </row>
        <row r="133">
          <cell r="F133">
            <v>75023</v>
          </cell>
          <cell r="Z133" t="str">
            <v>CAPAC</v>
          </cell>
          <cell r="AN133" t="str">
            <v>MDO C&amp;M</v>
          </cell>
          <cell r="AO133" t="str">
            <v>MDO OH/KEN C&amp;M</v>
          </cell>
        </row>
        <row r="134">
          <cell r="F134">
            <v>75023</v>
          </cell>
          <cell r="Z134" t="str">
            <v>CAPAC</v>
          </cell>
          <cell r="AN134" t="str">
            <v>MDO C&amp;M</v>
          </cell>
          <cell r="AO134" t="str">
            <v>MDO OH/KEN C&amp;M</v>
          </cell>
        </row>
        <row r="135">
          <cell r="F135">
            <v>75023</v>
          </cell>
          <cell r="Z135" t="str">
            <v>CAPAC</v>
          </cell>
          <cell r="AN135" t="str">
            <v>MDO C&amp;M</v>
          </cell>
          <cell r="AO135" t="str">
            <v>MDO OH/KEN C&amp;M</v>
          </cell>
        </row>
        <row r="136">
          <cell r="F136">
            <v>75023</v>
          </cell>
          <cell r="Z136" t="str">
            <v>CAPAC</v>
          </cell>
          <cell r="AN136" t="str">
            <v>MDO C&amp;M</v>
          </cell>
          <cell r="AO136" t="str">
            <v>MDO OH/KEN C&amp;M</v>
          </cell>
        </row>
        <row r="137">
          <cell r="F137">
            <v>75023</v>
          </cell>
          <cell r="Z137" t="str">
            <v>CAPAC</v>
          </cell>
          <cell r="AN137" t="str">
            <v>MDO C&amp;M</v>
          </cell>
          <cell r="AO137" t="str">
            <v>MDO OH/KEN C&amp;M</v>
          </cell>
        </row>
        <row r="138">
          <cell r="F138">
            <v>75023</v>
          </cell>
          <cell r="Z138" t="str">
            <v>CAPAC</v>
          </cell>
          <cell r="AN138" t="str">
            <v>MDO C&amp;M</v>
          </cell>
          <cell r="AO138" t="str">
            <v>MDO OH/KEN C&amp;M</v>
          </cell>
        </row>
        <row r="139">
          <cell r="F139">
            <v>75023</v>
          </cell>
          <cell r="Z139" t="str">
            <v>CAPAC</v>
          </cell>
          <cell r="AN139" t="str">
            <v>MDO C&amp;M</v>
          </cell>
          <cell r="AO139" t="str">
            <v>MDO OH/KEN C&amp;M</v>
          </cell>
        </row>
        <row r="140">
          <cell r="F140">
            <v>75023</v>
          </cell>
          <cell r="Z140" t="str">
            <v>CAPAC</v>
          </cell>
          <cell r="AN140" t="str">
            <v>MDO C&amp;M</v>
          </cell>
          <cell r="AO140" t="str">
            <v>MDO OH/KEN C&amp;M</v>
          </cell>
        </row>
        <row r="141">
          <cell r="F141">
            <v>75023</v>
          </cell>
          <cell r="Z141" t="str">
            <v>CAPAC</v>
          </cell>
          <cell r="AN141" t="str">
            <v>MDO C&amp;M</v>
          </cell>
          <cell r="AO141" t="str">
            <v>MDO OH/KEN C&amp;M</v>
          </cell>
        </row>
        <row r="142">
          <cell r="F142">
            <v>75023</v>
          </cell>
          <cell r="Z142" t="str">
            <v>CAPAC</v>
          </cell>
          <cell r="AN142" t="str">
            <v>MDO C&amp;M</v>
          </cell>
          <cell r="AO142" t="str">
            <v>MDO OH/KEN C&amp;M</v>
          </cell>
        </row>
        <row r="143">
          <cell r="F143">
            <v>75023</v>
          </cell>
          <cell r="Z143" t="str">
            <v>CAPAC</v>
          </cell>
          <cell r="AN143" t="str">
            <v>MDO C&amp;M</v>
          </cell>
          <cell r="AO143" t="str">
            <v>MDO OH/KEN C&amp;M</v>
          </cell>
        </row>
        <row r="144">
          <cell r="F144">
            <v>75023</v>
          </cell>
          <cell r="Z144" t="str">
            <v>CAPAC</v>
          </cell>
          <cell r="AN144" t="str">
            <v>MDO C&amp;M</v>
          </cell>
          <cell r="AO144" t="str">
            <v>MDO OH/KEN C&amp;M</v>
          </cell>
        </row>
        <row r="145">
          <cell r="F145">
            <v>75023</v>
          </cell>
          <cell r="Z145" t="str">
            <v>CAPAC</v>
          </cell>
          <cell r="AN145" t="str">
            <v>MDO C&amp;M</v>
          </cell>
          <cell r="AO145" t="str">
            <v>MDO OH/KEN C&amp;M</v>
          </cell>
        </row>
        <row r="146">
          <cell r="F146">
            <v>75023</v>
          </cell>
          <cell r="Z146" t="str">
            <v>CAPAC</v>
          </cell>
          <cell r="AN146" t="str">
            <v>MDO C&amp;M</v>
          </cell>
          <cell r="AO146" t="str">
            <v>MDO OH/KEN C&amp;M</v>
          </cell>
        </row>
        <row r="147">
          <cell r="F147">
            <v>75023</v>
          </cell>
          <cell r="Z147" t="str">
            <v>CAPAC</v>
          </cell>
          <cell r="AN147" t="str">
            <v>MDO C&amp;M</v>
          </cell>
          <cell r="AO147" t="str">
            <v>MDO OH/KEN C&amp;M</v>
          </cell>
        </row>
        <row r="148">
          <cell r="F148">
            <v>75023</v>
          </cell>
          <cell r="Z148" t="str">
            <v>CAPAC</v>
          </cell>
          <cell r="AN148" t="str">
            <v>MDO C&amp;M</v>
          </cell>
          <cell r="AO148" t="str">
            <v>MDO OH/KEN C&amp;M</v>
          </cell>
        </row>
        <row r="149">
          <cell r="F149">
            <v>75023</v>
          </cell>
          <cell r="Z149" t="str">
            <v>CAPAC</v>
          </cell>
          <cell r="AN149" t="str">
            <v>MDO C&amp;M</v>
          </cell>
          <cell r="AO149" t="str">
            <v>MDO OH/KEN C&amp;M</v>
          </cell>
        </row>
        <row r="150">
          <cell r="F150">
            <v>75023</v>
          </cell>
          <cell r="Z150" t="str">
            <v>CAPAC</v>
          </cell>
          <cell r="AN150" t="str">
            <v>MDO C&amp;M</v>
          </cell>
          <cell r="AO150" t="str">
            <v>MDO OH/KEN C&amp;M</v>
          </cell>
        </row>
        <row r="151">
          <cell r="F151">
            <v>75023</v>
          </cell>
          <cell r="Z151" t="str">
            <v>CAPAC</v>
          </cell>
          <cell r="AN151" t="str">
            <v>MDO C&amp;M</v>
          </cell>
          <cell r="AO151" t="str">
            <v>MDO OH/KEN C&amp;M</v>
          </cell>
        </row>
        <row r="152">
          <cell r="F152">
            <v>75023</v>
          </cell>
          <cell r="Z152" t="str">
            <v>CAPAC</v>
          </cell>
          <cell r="AN152" t="str">
            <v>MDO C&amp;M</v>
          </cell>
          <cell r="AO152" t="str">
            <v>MDO OH/KEN C&amp;M</v>
          </cell>
        </row>
        <row r="153">
          <cell r="F153">
            <v>75023</v>
          </cell>
          <cell r="Z153" t="str">
            <v>CAPAC</v>
          </cell>
          <cell r="AN153" t="str">
            <v>MDO C&amp;M</v>
          </cell>
          <cell r="AO153" t="str">
            <v>MDO OH/KEN C&amp;M</v>
          </cell>
        </row>
        <row r="154">
          <cell r="F154">
            <v>75023</v>
          </cell>
          <cell r="Z154" t="str">
            <v>CAPAC</v>
          </cell>
          <cell r="AN154" t="str">
            <v>MDO C&amp;M</v>
          </cell>
          <cell r="AO154" t="str">
            <v>MDO OH/KEN C&amp;M</v>
          </cell>
        </row>
        <row r="155">
          <cell r="F155">
            <v>75023</v>
          </cell>
          <cell r="Z155" t="str">
            <v>CAPAC</v>
          </cell>
          <cell r="AN155" t="str">
            <v>MDO C&amp;M</v>
          </cell>
          <cell r="AO155" t="str">
            <v>MDO OH/KEN C&amp;M</v>
          </cell>
        </row>
        <row r="156">
          <cell r="F156">
            <v>75023</v>
          </cell>
          <cell r="Z156" t="str">
            <v>CAPAC</v>
          </cell>
          <cell r="AN156" t="str">
            <v>MDO C&amp;M</v>
          </cell>
          <cell r="AO156" t="str">
            <v>MDO OH/KEN C&amp;M</v>
          </cell>
        </row>
        <row r="157">
          <cell r="F157">
            <v>75023</v>
          </cell>
          <cell r="Z157" t="str">
            <v>CAPAC</v>
          </cell>
          <cell r="AN157" t="str">
            <v>MDO C&amp;M</v>
          </cell>
          <cell r="AO157" t="str">
            <v>MDO OH/KEN C&amp;M</v>
          </cell>
        </row>
        <row r="158">
          <cell r="F158">
            <v>75023</v>
          </cell>
          <cell r="Z158" t="str">
            <v>CAPAC</v>
          </cell>
          <cell r="AN158" t="str">
            <v>MDO C&amp;M</v>
          </cell>
          <cell r="AO158" t="str">
            <v>MDO OH/KEN C&amp;M</v>
          </cell>
        </row>
        <row r="159">
          <cell r="F159">
            <v>75023</v>
          </cell>
          <cell r="Z159" t="str">
            <v>CAPAC</v>
          </cell>
          <cell r="AN159" t="str">
            <v>MDO C&amp;M</v>
          </cell>
          <cell r="AO159" t="str">
            <v>MDO OH/KEN C&amp;M</v>
          </cell>
        </row>
        <row r="160">
          <cell r="F160">
            <v>75023</v>
          </cell>
          <cell r="Z160" t="str">
            <v>CAPAC</v>
          </cell>
          <cell r="AN160" t="str">
            <v>MDO C&amp;M</v>
          </cell>
          <cell r="AO160" t="str">
            <v>MDO OH/KEN C&amp;M</v>
          </cell>
        </row>
        <row r="161">
          <cell r="F161">
            <v>75023</v>
          </cell>
          <cell r="Z161" t="str">
            <v>CAPAC</v>
          </cell>
          <cell r="AN161" t="str">
            <v>MDO C&amp;M</v>
          </cell>
          <cell r="AO161" t="str">
            <v>MDO OH/KEN C&amp;M</v>
          </cell>
        </row>
        <row r="162">
          <cell r="F162">
            <v>75023</v>
          </cell>
          <cell r="Z162" t="str">
            <v>CAPAC</v>
          </cell>
          <cell r="AN162" t="str">
            <v>MDO C&amp;M</v>
          </cell>
          <cell r="AO162" t="str">
            <v>MDO OH/KEN C&amp;M</v>
          </cell>
        </row>
        <row r="163">
          <cell r="F163">
            <v>75023</v>
          </cell>
          <cell r="Z163" t="str">
            <v>CAPAC</v>
          </cell>
          <cell r="AN163" t="str">
            <v>MDO C&amp;M</v>
          </cell>
          <cell r="AO163" t="str">
            <v>MDO OH/KEN C&amp;M</v>
          </cell>
        </row>
        <row r="164">
          <cell r="F164">
            <v>75023</v>
          </cell>
          <cell r="Z164" t="str">
            <v>CAPAC</v>
          </cell>
          <cell r="AN164" t="str">
            <v>MDO C&amp;M</v>
          </cell>
          <cell r="AO164" t="str">
            <v>MDO OH/KEN C&amp;M</v>
          </cell>
        </row>
        <row r="165">
          <cell r="F165">
            <v>75023</v>
          </cell>
          <cell r="Z165" t="str">
            <v>CAPAC</v>
          </cell>
          <cell r="AN165" t="str">
            <v>MDO C&amp;M</v>
          </cell>
          <cell r="AO165" t="str">
            <v>MDO OH/KEN C&amp;M</v>
          </cell>
        </row>
        <row r="166">
          <cell r="F166">
            <v>75023</v>
          </cell>
          <cell r="Z166" t="str">
            <v>CAPAC</v>
          </cell>
          <cell r="AN166" t="str">
            <v>MDO C&amp;M</v>
          </cell>
          <cell r="AO166" t="str">
            <v>MDO OH/KEN C&amp;M</v>
          </cell>
        </row>
        <row r="167">
          <cell r="F167">
            <v>75023</v>
          </cell>
          <cell r="Z167" t="str">
            <v>CAPAC</v>
          </cell>
          <cell r="AN167" t="str">
            <v>MDO C&amp;M</v>
          </cell>
          <cell r="AO167" t="str">
            <v>MDO OH/KEN C&amp;M</v>
          </cell>
        </row>
        <row r="168">
          <cell r="F168">
            <v>75023</v>
          </cell>
          <cell r="Z168" t="str">
            <v>CAPAC</v>
          </cell>
          <cell r="AN168" t="str">
            <v>MDO C&amp;M</v>
          </cell>
          <cell r="AO168" t="str">
            <v>MDO OH/KEN C&amp;M</v>
          </cell>
        </row>
        <row r="169">
          <cell r="F169">
            <v>75023</v>
          </cell>
          <cell r="Z169" t="str">
            <v>CAPAC</v>
          </cell>
          <cell r="AN169" t="str">
            <v>MDO C&amp;M</v>
          </cell>
          <cell r="AO169" t="str">
            <v>MDO OH/KEN C&amp;M</v>
          </cell>
        </row>
        <row r="170">
          <cell r="F170">
            <v>75023</v>
          </cell>
          <cell r="Z170" t="str">
            <v>CAPAC</v>
          </cell>
          <cell r="AN170" t="str">
            <v>MDO C&amp;M</v>
          </cell>
          <cell r="AO170" t="str">
            <v>MDO OH/KEN C&amp;M</v>
          </cell>
        </row>
        <row r="171">
          <cell r="F171">
            <v>75023</v>
          </cell>
          <cell r="Z171" t="str">
            <v>CAPAC</v>
          </cell>
          <cell r="AN171" t="str">
            <v>MDO C&amp;M</v>
          </cell>
          <cell r="AO171" t="str">
            <v>MDO OH/KEN C&amp;M</v>
          </cell>
        </row>
        <row r="172">
          <cell r="F172">
            <v>75023</v>
          </cell>
          <cell r="Z172" t="str">
            <v>CAPAC</v>
          </cell>
          <cell r="AN172" t="str">
            <v>MDO C&amp;M</v>
          </cell>
          <cell r="AO172" t="str">
            <v>MDO OH/KEN C&amp;M</v>
          </cell>
        </row>
        <row r="173">
          <cell r="F173">
            <v>75023</v>
          </cell>
          <cell r="Z173" t="str">
            <v>CAPAC</v>
          </cell>
          <cell r="AN173" t="str">
            <v>MDO C&amp;M</v>
          </cell>
          <cell r="AO173" t="str">
            <v>MDO OH/KEN C&amp;M</v>
          </cell>
        </row>
        <row r="174">
          <cell r="F174">
            <v>75023</v>
          </cell>
          <cell r="Z174" t="str">
            <v>CAPAC</v>
          </cell>
          <cell r="AN174" t="str">
            <v>MDO C&amp;M</v>
          </cell>
          <cell r="AO174" t="str">
            <v>MDO OH/KEN C&amp;M</v>
          </cell>
        </row>
        <row r="175">
          <cell r="F175">
            <v>75023</v>
          </cell>
          <cell r="Z175" t="str">
            <v>CAPAC</v>
          </cell>
          <cell r="AN175" t="str">
            <v>MDO C&amp;M</v>
          </cell>
          <cell r="AO175" t="str">
            <v>MDO OH/KEN C&amp;M</v>
          </cell>
        </row>
        <row r="176">
          <cell r="F176">
            <v>75023</v>
          </cell>
          <cell r="Z176" t="str">
            <v>CAPAC</v>
          </cell>
          <cell r="AN176" t="str">
            <v>MDO C&amp;M</v>
          </cell>
          <cell r="AO176" t="str">
            <v>MDO OH/KEN C&amp;M</v>
          </cell>
        </row>
        <row r="177">
          <cell r="F177">
            <v>75023</v>
          </cell>
          <cell r="Z177" t="str">
            <v>CAPAC</v>
          </cell>
          <cell r="AN177" t="str">
            <v>MDO C&amp;M</v>
          </cell>
          <cell r="AO177" t="str">
            <v>MDO OH/KEN C&amp;M</v>
          </cell>
        </row>
        <row r="178">
          <cell r="F178">
            <v>75023</v>
          </cell>
          <cell r="Z178" t="str">
            <v>CAPAC</v>
          </cell>
          <cell r="AN178" t="str">
            <v>MDO C&amp;M</v>
          </cell>
          <cell r="AO178" t="str">
            <v>MDO OH/KEN C&amp;M</v>
          </cell>
        </row>
        <row r="179">
          <cell r="F179">
            <v>75023</v>
          </cell>
          <cell r="Z179" t="str">
            <v>CAPAC</v>
          </cell>
          <cell r="AN179" t="str">
            <v>MDO C&amp;M</v>
          </cell>
          <cell r="AO179" t="str">
            <v>MDO OH/KEN C&amp;M</v>
          </cell>
        </row>
        <row r="180">
          <cell r="F180">
            <v>75023</v>
          </cell>
          <cell r="Z180" t="str">
            <v>CAPAC</v>
          </cell>
          <cell r="AN180" t="str">
            <v>MDO C&amp;M</v>
          </cell>
          <cell r="AO180" t="str">
            <v>MDO OH/KEN C&amp;M</v>
          </cell>
        </row>
        <row r="181">
          <cell r="F181">
            <v>75023</v>
          </cell>
          <cell r="Z181" t="str">
            <v>CAPAC</v>
          </cell>
          <cell r="AN181" t="str">
            <v>MDO C&amp;M</v>
          </cell>
          <cell r="AO181" t="str">
            <v>MDO OH/KEN C&amp;M</v>
          </cell>
        </row>
        <row r="182">
          <cell r="F182">
            <v>75023</v>
          </cell>
          <cell r="Z182" t="str">
            <v>CAPAC</v>
          </cell>
          <cell r="AN182" t="str">
            <v>MDO C&amp;M</v>
          </cell>
          <cell r="AO182" t="str">
            <v>MDO OH/KEN C&amp;M</v>
          </cell>
        </row>
        <row r="183">
          <cell r="F183">
            <v>75023</v>
          </cell>
          <cell r="Z183" t="str">
            <v>CAPAC</v>
          </cell>
          <cell r="AN183" t="str">
            <v>MDO C&amp;M</v>
          </cell>
          <cell r="AO183" t="str">
            <v>MDO OH/KEN C&amp;M</v>
          </cell>
        </row>
        <row r="184">
          <cell r="F184">
            <v>75023</v>
          </cell>
          <cell r="Z184" t="str">
            <v>CAPAC</v>
          </cell>
          <cell r="AN184" t="str">
            <v>MDO C&amp;M</v>
          </cell>
          <cell r="AO184" t="str">
            <v>MDO OH/KEN C&amp;M</v>
          </cell>
        </row>
        <row r="185">
          <cell r="F185">
            <v>75023</v>
          </cell>
          <cell r="Z185" t="str">
            <v>CAPAC</v>
          </cell>
          <cell r="AN185" t="str">
            <v>MDO C&amp;M</v>
          </cell>
          <cell r="AO185" t="str">
            <v>MDO OH/KEN C&amp;M</v>
          </cell>
        </row>
        <row r="186">
          <cell r="F186">
            <v>75023</v>
          </cell>
          <cell r="Z186" t="str">
            <v>CAPAC</v>
          </cell>
          <cell r="AN186" t="str">
            <v>MDO C&amp;M</v>
          </cell>
          <cell r="AO186" t="str">
            <v>MDO OH/KEN C&amp;M</v>
          </cell>
        </row>
        <row r="187">
          <cell r="F187">
            <v>75023</v>
          </cell>
          <cell r="Z187" t="str">
            <v>CAPAC</v>
          </cell>
          <cell r="AN187" t="str">
            <v>MDO C&amp;M</v>
          </cell>
          <cell r="AO187" t="str">
            <v>MDO OH/KEN C&amp;M</v>
          </cell>
        </row>
        <row r="188">
          <cell r="F188">
            <v>75023</v>
          </cell>
          <cell r="Z188" t="str">
            <v>CAPAC</v>
          </cell>
          <cell r="AN188" t="str">
            <v>MDO C&amp;M</v>
          </cell>
          <cell r="AO188" t="str">
            <v>MDO OH/KEN C&amp;M</v>
          </cell>
        </row>
        <row r="189">
          <cell r="F189">
            <v>75023</v>
          </cell>
          <cell r="Z189" t="str">
            <v>CAPAC</v>
          </cell>
          <cell r="AN189" t="str">
            <v>MDO C&amp;M</v>
          </cell>
          <cell r="AO189" t="str">
            <v>MDO OH/KEN C&amp;M</v>
          </cell>
        </row>
        <row r="190">
          <cell r="F190">
            <v>75023</v>
          </cell>
          <cell r="Z190" t="str">
            <v>CAPAC</v>
          </cell>
          <cell r="AN190" t="str">
            <v>MDO C&amp;M</v>
          </cell>
          <cell r="AO190" t="str">
            <v>MDO OH/KEN C&amp;M</v>
          </cell>
        </row>
        <row r="191">
          <cell r="F191">
            <v>75023</v>
          </cell>
          <cell r="Z191" t="str">
            <v>CAPAC</v>
          </cell>
          <cell r="AN191" t="str">
            <v>MDO C&amp;M</v>
          </cell>
          <cell r="AO191" t="str">
            <v>MDO OH/KEN C&amp;M</v>
          </cell>
        </row>
        <row r="192">
          <cell r="F192">
            <v>75023</v>
          </cell>
          <cell r="Z192" t="str">
            <v>CAPAC</v>
          </cell>
          <cell r="AN192" t="str">
            <v>MDO C&amp;M</v>
          </cell>
          <cell r="AO192" t="str">
            <v>MDO OH/KEN C&amp;M</v>
          </cell>
        </row>
        <row r="193">
          <cell r="F193">
            <v>75023</v>
          </cell>
          <cell r="Z193" t="str">
            <v>CAPAC</v>
          </cell>
          <cell r="AN193" t="str">
            <v>MDO C&amp;M</v>
          </cell>
          <cell r="AO193" t="str">
            <v>MDO OH/KEN C&amp;M</v>
          </cell>
        </row>
        <row r="194">
          <cell r="F194">
            <v>75023</v>
          </cell>
          <cell r="Z194" t="str">
            <v>CAPAC</v>
          </cell>
          <cell r="AN194" t="str">
            <v>MDO C&amp;M</v>
          </cell>
          <cell r="AO194" t="str">
            <v>MDO OH/KEN C&amp;M</v>
          </cell>
        </row>
        <row r="195">
          <cell r="F195">
            <v>75023</v>
          </cell>
          <cell r="Z195" t="str">
            <v>CAPAC</v>
          </cell>
          <cell r="AN195" t="str">
            <v>MDO C&amp;M</v>
          </cell>
          <cell r="AO195" t="str">
            <v>MDO OH/KEN C&amp;M</v>
          </cell>
        </row>
        <row r="196">
          <cell r="F196">
            <v>75023</v>
          </cell>
          <cell r="Z196" t="str">
            <v>CAPAC</v>
          </cell>
          <cell r="AN196" t="str">
            <v>MDO C&amp;M</v>
          </cell>
          <cell r="AO196" t="str">
            <v>MDO OH/KEN C&amp;M</v>
          </cell>
        </row>
        <row r="197">
          <cell r="F197">
            <v>75023</v>
          </cell>
          <cell r="Z197" t="str">
            <v>CAPAC</v>
          </cell>
          <cell r="AN197" t="str">
            <v>MDO C&amp;M</v>
          </cell>
          <cell r="AO197" t="str">
            <v>MDO OH/KEN C&amp;M</v>
          </cell>
        </row>
        <row r="198">
          <cell r="F198">
            <v>75023</v>
          </cell>
          <cell r="Z198" t="str">
            <v>CAPAC</v>
          </cell>
          <cell r="AN198" t="str">
            <v>MDO C&amp;M</v>
          </cell>
          <cell r="AO198" t="str">
            <v>MDO OH/KEN C&amp;M</v>
          </cell>
        </row>
        <row r="199">
          <cell r="F199">
            <v>75023</v>
          </cell>
          <cell r="Z199" t="str">
            <v>CAPAC</v>
          </cell>
          <cell r="AN199" t="str">
            <v>MDO C&amp;M</v>
          </cell>
          <cell r="AO199" t="str">
            <v>MDO OH/KEN C&amp;M</v>
          </cell>
        </row>
        <row r="200">
          <cell r="F200">
            <v>75023</v>
          </cell>
          <cell r="Z200" t="str">
            <v>CAPAC</v>
          </cell>
          <cell r="AN200" t="str">
            <v>MDO C&amp;M</v>
          </cell>
          <cell r="AO200" t="str">
            <v>MDO OH/KEN C&amp;M</v>
          </cell>
        </row>
        <row r="201">
          <cell r="F201">
            <v>75023</v>
          </cell>
          <cell r="Z201" t="str">
            <v>CAPAC</v>
          </cell>
          <cell r="AN201" t="str">
            <v>MDO C&amp;M</v>
          </cell>
          <cell r="AO201" t="str">
            <v>MDO OH/KEN C&amp;M</v>
          </cell>
        </row>
        <row r="202">
          <cell r="F202">
            <v>75084</v>
          </cell>
          <cell r="Z202" t="str">
            <v>CAPAC</v>
          </cell>
          <cell r="AN202" t="str">
            <v>MDO C&amp;M</v>
          </cell>
          <cell r="AO202" t="str">
            <v>MDO OH/KEN C&amp;M</v>
          </cell>
        </row>
        <row r="203">
          <cell r="F203">
            <v>75084</v>
          </cell>
          <cell r="Z203" t="str">
            <v>CAPAC</v>
          </cell>
          <cell r="AN203" t="str">
            <v>MDO C&amp;M</v>
          </cell>
          <cell r="AO203" t="str">
            <v>MDO OH/KEN C&amp;M</v>
          </cell>
        </row>
        <row r="204">
          <cell r="F204">
            <v>75084</v>
          </cell>
          <cell r="Z204" t="str">
            <v>CAPAC</v>
          </cell>
          <cell r="AN204" t="str">
            <v>MDO C&amp;M</v>
          </cell>
          <cell r="AO204" t="str">
            <v>MDO OH/KEN C&amp;M</v>
          </cell>
        </row>
        <row r="205">
          <cell r="F205">
            <v>75084</v>
          </cell>
          <cell r="Z205" t="str">
            <v>CAPAC</v>
          </cell>
          <cell r="AN205" t="str">
            <v>MDO C&amp;M</v>
          </cell>
          <cell r="AO205" t="str">
            <v>MDO OH/KEN C&amp;M</v>
          </cell>
        </row>
        <row r="206">
          <cell r="F206">
            <v>75084</v>
          </cell>
          <cell r="Z206" t="str">
            <v>CAPAC</v>
          </cell>
          <cell r="AN206" t="str">
            <v>MDO C&amp;M</v>
          </cell>
          <cell r="AO206" t="str">
            <v>MDO OH/KEN C&amp;M</v>
          </cell>
        </row>
        <row r="207">
          <cell r="F207">
            <v>75084</v>
          </cell>
          <cell r="Z207" t="str">
            <v>CAPAC</v>
          </cell>
          <cell r="AN207" t="str">
            <v>MDO C&amp;M</v>
          </cell>
          <cell r="AO207" t="str">
            <v>MDO OH/KEN C&amp;M</v>
          </cell>
        </row>
        <row r="208">
          <cell r="F208">
            <v>75084</v>
          </cell>
          <cell r="Z208" t="str">
            <v>CAPAC</v>
          </cell>
          <cell r="AN208" t="str">
            <v>MDO C&amp;M</v>
          </cell>
          <cell r="AO208" t="str">
            <v>MDO OH/KEN C&amp;M</v>
          </cell>
        </row>
        <row r="209">
          <cell r="F209">
            <v>75084</v>
          </cell>
          <cell r="Z209" t="str">
            <v>CAPAC</v>
          </cell>
          <cell r="AN209" t="str">
            <v>MDO C&amp;M</v>
          </cell>
          <cell r="AO209" t="str">
            <v>MDO OH/KEN C&amp;M</v>
          </cell>
        </row>
        <row r="210">
          <cell r="F210">
            <v>75084</v>
          </cell>
          <cell r="Z210" t="str">
            <v>CAPAC</v>
          </cell>
          <cell r="AN210" t="str">
            <v>MDO C&amp;M</v>
          </cell>
          <cell r="AO210" t="str">
            <v>MDO OH/KEN C&amp;M</v>
          </cell>
        </row>
        <row r="211">
          <cell r="F211">
            <v>75084</v>
          </cell>
          <cell r="Z211" t="str">
            <v>CAPAC</v>
          </cell>
          <cell r="AN211" t="str">
            <v>MDO C&amp;M</v>
          </cell>
          <cell r="AO211" t="str">
            <v>MDO OH/KEN C&amp;M</v>
          </cell>
        </row>
        <row r="212">
          <cell r="F212">
            <v>75084</v>
          </cell>
          <cell r="Z212" t="str">
            <v>CAPAC</v>
          </cell>
          <cell r="AN212" t="str">
            <v>MDO C&amp;M</v>
          </cell>
          <cell r="AO212" t="str">
            <v>MDO OH/KEN C&amp;M</v>
          </cell>
        </row>
        <row r="213">
          <cell r="F213">
            <v>75084</v>
          </cell>
          <cell r="Z213" t="str">
            <v>CAPAC</v>
          </cell>
          <cell r="AN213" t="str">
            <v>MDO C&amp;M</v>
          </cell>
          <cell r="AO213" t="str">
            <v>MDO OH/KEN C&amp;M</v>
          </cell>
        </row>
        <row r="214">
          <cell r="F214">
            <v>75084</v>
          </cell>
          <cell r="Z214" t="str">
            <v>CAPAC</v>
          </cell>
          <cell r="AN214" t="str">
            <v>MDO C&amp;M</v>
          </cell>
          <cell r="AO214" t="str">
            <v>MDO OH/KEN C&amp;M</v>
          </cell>
        </row>
        <row r="215">
          <cell r="F215">
            <v>75084</v>
          </cell>
          <cell r="Z215" t="str">
            <v>CAPAC</v>
          </cell>
          <cell r="AN215" t="str">
            <v>MDO C&amp;M</v>
          </cell>
          <cell r="AO215" t="str">
            <v>MDO OH/KEN C&amp;M</v>
          </cell>
        </row>
        <row r="216">
          <cell r="F216">
            <v>75084</v>
          </cell>
          <cell r="Z216" t="str">
            <v>CAPAC</v>
          </cell>
          <cell r="AN216" t="str">
            <v>MDO C&amp;M</v>
          </cell>
          <cell r="AO216" t="str">
            <v>MDO OH/KEN C&amp;M</v>
          </cell>
        </row>
        <row r="217">
          <cell r="F217">
            <v>75084</v>
          </cell>
          <cell r="Z217" t="str">
            <v>CAPAC</v>
          </cell>
          <cell r="AN217" t="str">
            <v>MDO C&amp;M</v>
          </cell>
          <cell r="AO217" t="str">
            <v>MDO OH/KEN C&amp;M</v>
          </cell>
        </row>
        <row r="218">
          <cell r="F218">
            <v>75084</v>
          </cell>
          <cell r="Z218" t="str">
            <v>CAPAC</v>
          </cell>
          <cell r="AN218" t="str">
            <v>MDO C&amp;M</v>
          </cell>
          <cell r="AO218" t="str">
            <v>MDO OH/KEN C&amp;M</v>
          </cell>
        </row>
        <row r="219">
          <cell r="F219">
            <v>75084</v>
          </cell>
          <cell r="Z219" t="str">
            <v>CAPAC</v>
          </cell>
          <cell r="AN219" t="str">
            <v>MDO C&amp;M</v>
          </cell>
          <cell r="AO219" t="str">
            <v>MDO OH/KEN C&amp;M</v>
          </cell>
        </row>
        <row r="220">
          <cell r="F220">
            <v>75084</v>
          </cell>
          <cell r="Z220" t="str">
            <v>CAPAC</v>
          </cell>
          <cell r="AN220" t="str">
            <v>MDO C&amp;M</v>
          </cell>
          <cell r="AO220" t="str">
            <v>MDO OH/KEN C&amp;M</v>
          </cell>
        </row>
        <row r="221">
          <cell r="F221">
            <v>75084</v>
          </cell>
          <cell r="Z221" t="str">
            <v>CAPAC</v>
          </cell>
          <cell r="AN221" t="str">
            <v>MDO C&amp;M</v>
          </cell>
          <cell r="AO221" t="str">
            <v>MDO OH/KEN C&amp;M</v>
          </cell>
        </row>
        <row r="222">
          <cell r="F222">
            <v>75084</v>
          </cell>
          <cell r="Z222" t="str">
            <v>CAPAC</v>
          </cell>
          <cell r="AN222" t="str">
            <v>MDO C&amp;M</v>
          </cell>
          <cell r="AO222" t="str">
            <v>MDO OH/KEN C&amp;M</v>
          </cell>
        </row>
        <row r="223">
          <cell r="F223">
            <v>75084</v>
          </cell>
          <cell r="Z223" t="str">
            <v>CAPAC</v>
          </cell>
          <cell r="AN223" t="str">
            <v>MDO C&amp;M</v>
          </cell>
          <cell r="AO223" t="str">
            <v>MDO OH/KEN C&amp;M</v>
          </cell>
        </row>
        <row r="224">
          <cell r="F224">
            <v>75084</v>
          </cell>
          <cell r="Z224" t="str">
            <v>CAPAC</v>
          </cell>
          <cell r="AN224" t="str">
            <v>MDO C&amp;M</v>
          </cell>
          <cell r="AO224" t="str">
            <v>MDO OH/KEN C&amp;M</v>
          </cell>
        </row>
        <row r="225">
          <cell r="F225">
            <v>75084</v>
          </cell>
          <cell r="Z225" t="str">
            <v>CAPAC</v>
          </cell>
          <cell r="AN225" t="str">
            <v>MDO C&amp;M</v>
          </cell>
          <cell r="AO225" t="str">
            <v>MDO OH/KEN C&amp;M</v>
          </cell>
        </row>
        <row r="226">
          <cell r="F226">
            <v>75084</v>
          </cell>
          <cell r="Z226" t="str">
            <v>CAPAC</v>
          </cell>
          <cell r="AN226" t="str">
            <v>MDO C&amp;M</v>
          </cell>
          <cell r="AO226" t="str">
            <v>MDO OH/KEN C&amp;M</v>
          </cell>
        </row>
        <row r="227">
          <cell r="F227">
            <v>75084</v>
          </cell>
          <cell r="Z227" t="str">
            <v>CAPAC</v>
          </cell>
          <cell r="AN227" t="str">
            <v>MDO C&amp;M</v>
          </cell>
          <cell r="AO227" t="str">
            <v>MDO OH/KEN C&amp;M</v>
          </cell>
        </row>
        <row r="228">
          <cell r="F228">
            <v>75084</v>
          </cell>
          <cell r="Z228" t="str">
            <v>CAPAC</v>
          </cell>
          <cell r="AN228" t="str">
            <v>MDO C&amp;M</v>
          </cell>
          <cell r="AO228" t="str">
            <v>MDO OH/KEN C&amp;M</v>
          </cell>
        </row>
        <row r="229">
          <cell r="F229">
            <v>75084</v>
          </cell>
          <cell r="Z229" t="str">
            <v>CAPAC</v>
          </cell>
          <cell r="AN229" t="str">
            <v>MDO C&amp;M</v>
          </cell>
          <cell r="AO229" t="str">
            <v>MDO OH/KEN C&amp;M</v>
          </cell>
        </row>
        <row r="230">
          <cell r="F230">
            <v>75084</v>
          </cell>
          <cell r="Z230" t="str">
            <v>CAPAC</v>
          </cell>
          <cell r="AN230" t="str">
            <v>MDO C&amp;M</v>
          </cell>
          <cell r="AO230" t="str">
            <v>MDO OH/KEN C&amp;M</v>
          </cell>
        </row>
        <row r="231">
          <cell r="F231">
            <v>75084</v>
          </cell>
          <cell r="Z231" t="str">
            <v>CAPAC</v>
          </cell>
          <cell r="AN231" t="str">
            <v>MDO C&amp;M</v>
          </cell>
          <cell r="AO231" t="str">
            <v>MDO OH/KEN C&amp;M</v>
          </cell>
        </row>
        <row r="232">
          <cell r="F232">
            <v>75084</v>
          </cell>
          <cell r="Z232" t="str">
            <v>CAPAC</v>
          </cell>
          <cell r="AN232" t="str">
            <v>MDO C&amp;M</v>
          </cell>
          <cell r="AO232" t="str">
            <v>MDO OH/KEN C&amp;M</v>
          </cell>
        </row>
        <row r="233">
          <cell r="F233">
            <v>75084</v>
          </cell>
          <cell r="Z233" t="str">
            <v>CAPAC</v>
          </cell>
          <cell r="AN233" t="str">
            <v>MDO C&amp;M</v>
          </cell>
          <cell r="AO233" t="str">
            <v>MDO OH/KEN C&amp;M</v>
          </cell>
        </row>
        <row r="234">
          <cell r="F234">
            <v>75084</v>
          </cell>
          <cell r="Z234" t="str">
            <v>CAPAC</v>
          </cell>
          <cell r="AN234" t="str">
            <v>MDO C&amp;M</v>
          </cell>
          <cell r="AO234" t="str">
            <v>MDO OH/KEN C&amp;M</v>
          </cell>
        </row>
        <row r="235">
          <cell r="F235">
            <v>75084</v>
          </cell>
          <cell r="Z235" t="str">
            <v>CAPAC</v>
          </cell>
          <cell r="AN235" t="str">
            <v>MDO C&amp;M</v>
          </cell>
          <cell r="AO235" t="str">
            <v>MDO OH/KEN C&amp;M</v>
          </cell>
        </row>
        <row r="236">
          <cell r="F236">
            <v>75084</v>
          </cell>
          <cell r="Z236" t="str">
            <v>CAPAC</v>
          </cell>
          <cell r="AN236" t="str">
            <v>MDO C&amp;M</v>
          </cell>
          <cell r="AO236" t="str">
            <v>MDO OH/KEN C&amp;M</v>
          </cell>
        </row>
        <row r="237">
          <cell r="F237">
            <v>75084</v>
          </cell>
          <cell r="Z237" t="str">
            <v>CAPAC</v>
          </cell>
          <cell r="AN237" t="str">
            <v>MDO C&amp;M</v>
          </cell>
          <cell r="AO237" t="str">
            <v>MDO OH/KEN C&amp;M</v>
          </cell>
        </row>
        <row r="238">
          <cell r="F238">
            <v>75084</v>
          </cell>
          <cell r="Z238" t="str">
            <v>CAPAC</v>
          </cell>
          <cell r="AN238" t="str">
            <v>MDO C&amp;M</v>
          </cell>
          <cell r="AO238" t="str">
            <v>MDO OH/KEN C&amp;M</v>
          </cell>
        </row>
        <row r="239">
          <cell r="F239">
            <v>75084</v>
          </cell>
          <cell r="Z239" t="str">
            <v>CAPAC</v>
          </cell>
          <cell r="AN239" t="str">
            <v>MDO C&amp;M</v>
          </cell>
          <cell r="AO239" t="str">
            <v>MDO OH/KEN C&amp;M</v>
          </cell>
        </row>
        <row r="240">
          <cell r="F240">
            <v>75084</v>
          </cell>
          <cell r="Z240" t="str">
            <v>CAPAC</v>
          </cell>
          <cell r="AN240" t="str">
            <v>MDO C&amp;M</v>
          </cell>
          <cell r="AO240" t="str">
            <v>MDO OH/KEN C&amp;M</v>
          </cell>
        </row>
        <row r="241">
          <cell r="F241">
            <v>75084</v>
          </cell>
          <cell r="Z241" t="str">
            <v>CAPAC</v>
          </cell>
          <cell r="AN241" t="str">
            <v>MDO C&amp;M</v>
          </cell>
          <cell r="AO241" t="str">
            <v>MDO OH/KEN C&amp;M</v>
          </cell>
        </row>
        <row r="242">
          <cell r="F242">
            <v>75115</v>
          </cell>
          <cell r="Z242" t="str">
            <v>CAPAC</v>
          </cell>
          <cell r="AN242" t="str">
            <v>MDO C&amp;M</v>
          </cell>
          <cell r="AO242" t="str">
            <v>MDO INDIANA SOUTHWEST C&amp;M</v>
          </cell>
        </row>
        <row r="243">
          <cell r="F243">
            <v>75115</v>
          </cell>
          <cell r="Z243" t="str">
            <v>CAPAC</v>
          </cell>
          <cell r="AN243" t="str">
            <v>MDO C&amp;M</v>
          </cell>
          <cell r="AO243" t="str">
            <v>MDO INDIANA SOUTHWEST C&amp;M</v>
          </cell>
        </row>
        <row r="244">
          <cell r="F244">
            <v>75115</v>
          </cell>
          <cell r="Z244" t="str">
            <v>CAPAC</v>
          </cell>
          <cell r="AN244" t="str">
            <v>MDO C&amp;M</v>
          </cell>
          <cell r="AO244" t="str">
            <v>MDO INDIANA SOUTHWEST C&amp;M</v>
          </cell>
        </row>
        <row r="245">
          <cell r="F245">
            <v>75115</v>
          </cell>
          <cell r="Z245" t="str">
            <v>CAPAC</v>
          </cell>
          <cell r="AN245" t="str">
            <v>MDO C&amp;M</v>
          </cell>
          <cell r="AO245" t="str">
            <v>MDO INDIANA SOUTHWEST C&amp;M</v>
          </cell>
        </row>
        <row r="246">
          <cell r="F246">
            <v>75115</v>
          </cell>
          <cell r="Z246" t="str">
            <v>CAPAC</v>
          </cell>
          <cell r="AN246" t="str">
            <v>MDO C&amp;M</v>
          </cell>
          <cell r="AO246" t="str">
            <v>MDO INDIANA SOUTHWEST C&amp;M</v>
          </cell>
        </row>
        <row r="247">
          <cell r="F247">
            <v>75115</v>
          </cell>
          <cell r="Z247" t="str">
            <v>CAPAC</v>
          </cell>
          <cell r="AN247" t="str">
            <v>MDO C&amp;M</v>
          </cell>
          <cell r="AO247" t="str">
            <v>MDO INDIANA SOUTHWEST C&amp;M</v>
          </cell>
        </row>
        <row r="248">
          <cell r="F248">
            <v>75115</v>
          </cell>
          <cell r="Z248" t="str">
            <v>CAPAC</v>
          </cell>
          <cell r="AN248" t="str">
            <v>MDO C&amp;M</v>
          </cell>
          <cell r="AO248" t="str">
            <v>MDO INDIANA SOUTHWEST C&amp;M</v>
          </cell>
        </row>
        <row r="249">
          <cell r="F249">
            <v>75115</v>
          </cell>
          <cell r="Z249" t="str">
            <v>CAPAC</v>
          </cell>
          <cell r="AN249" t="str">
            <v>MDO C&amp;M</v>
          </cell>
          <cell r="AO249" t="str">
            <v>MDO INDIANA SOUTHWEST C&amp;M</v>
          </cell>
        </row>
        <row r="250">
          <cell r="F250">
            <v>75115</v>
          </cell>
          <cell r="Z250" t="str">
            <v>CAPAC</v>
          </cell>
          <cell r="AN250" t="str">
            <v>MDO C&amp;M</v>
          </cell>
          <cell r="AO250" t="str">
            <v>MDO INDIANA SOUTHWEST C&amp;M</v>
          </cell>
        </row>
        <row r="251">
          <cell r="F251">
            <v>75115</v>
          </cell>
          <cell r="Z251" t="str">
            <v>CAPAC</v>
          </cell>
          <cell r="AN251" t="str">
            <v>MDO C&amp;M</v>
          </cell>
          <cell r="AO251" t="str">
            <v>MDO INDIANA SOUTHWEST C&amp;M</v>
          </cell>
        </row>
        <row r="252">
          <cell r="F252">
            <v>75115</v>
          </cell>
          <cell r="Z252" t="str">
            <v>CAPAC</v>
          </cell>
          <cell r="AN252" t="str">
            <v>MDO C&amp;M</v>
          </cell>
          <cell r="AO252" t="str">
            <v>MDO INDIANA SOUTHWEST C&amp;M</v>
          </cell>
        </row>
        <row r="253">
          <cell r="F253">
            <v>75115</v>
          </cell>
          <cell r="Z253" t="str">
            <v>CAPAC</v>
          </cell>
          <cell r="AN253" t="str">
            <v>MDO C&amp;M</v>
          </cell>
          <cell r="AO253" t="str">
            <v>MDO INDIANA SOUTHWEST C&amp;M</v>
          </cell>
        </row>
        <row r="254">
          <cell r="F254">
            <v>75115</v>
          </cell>
          <cell r="Z254" t="str">
            <v>CAPAC</v>
          </cell>
          <cell r="AN254" t="str">
            <v>MDO C&amp;M</v>
          </cell>
          <cell r="AO254" t="str">
            <v>MDO INDIANA SOUTHWEST C&amp;M</v>
          </cell>
        </row>
        <row r="255">
          <cell r="F255">
            <v>75115</v>
          </cell>
          <cell r="Z255" t="str">
            <v>CAPAC</v>
          </cell>
          <cell r="AN255" t="str">
            <v>MDO C&amp;M</v>
          </cell>
          <cell r="AO255" t="str">
            <v>MDO INDIANA SOUTHWEST C&amp;M</v>
          </cell>
        </row>
        <row r="256">
          <cell r="F256">
            <v>75115</v>
          </cell>
          <cell r="Z256" t="str">
            <v>CAPAC</v>
          </cell>
          <cell r="AN256" t="str">
            <v>MDO C&amp;M</v>
          </cell>
          <cell r="AO256" t="str">
            <v>MDO INDIANA SOUTHWEST C&amp;M</v>
          </cell>
        </row>
        <row r="257">
          <cell r="F257">
            <v>75115</v>
          </cell>
          <cell r="Z257" t="str">
            <v>CAPAC</v>
          </cell>
          <cell r="AN257" t="str">
            <v>MDO C&amp;M</v>
          </cell>
          <cell r="AO257" t="str">
            <v>MDO INDIANA SOUTHWEST C&amp;M</v>
          </cell>
        </row>
        <row r="258">
          <cell r="F258">
            <v>75115</v>
          </cell>
          <cell r="Z258" t="str">
            <v>CAPAC</v>
          </cell>
          <cell r="AN258" t="str">
            <v>MDO C&amp;M</v>
          </cell>
          <cell r="AO258" t="str">
            <v>MDO INDIANA SOUTHWEST C&amp;M</v>
          </cell>
        </row>
        <row r="259">
          <cell r="F259">
            <v>75115</v>
          </cell>
          <cell r="Z259" t="str">
            <v>CAPAC</v>
          </cell>
          <cell r="AN259" t="str">
            <v>MDO C&amp;M</v>
          </cell>
          <cell r="AO259" t="str">
            <v>MDO INDIANA SOUTHWEST C&amp;M</v>
          </cell>
        </row>
        <row r="260">
          <cell r="F260">
            <v>75115</v>
          </cell>
          <cell r="Z260" t="str">
            <v>CAPAC</v>
          </cell>
          <cell r="AN260" t="str">
            <v>MDO C&amp;M</v>
          </cell>
          <cell r="AO260" t="str">
            <v>MDO INDIANA SOUTHWEST C&amp;M</v>
          </cell>
        </row>
        <row r="261">
          <cell r="F261">
            <v>75115</v>
          </cell>
          <cell r="Z261" t="str">
            <v>CAPAC</v>
          </cell>
          <cell r="AN261" t="str">
            <v>MDO C&amp;M</v>
          </cell>
          <cell r="AO261" t="str">
            <v>MDO INDIANA SOUTHWEST C&amp;M</v>
          </cell>
        </row>
        <row r="262">
          <cell r="F262">
            <v>75115</v>
          </cell>
          <cell r="Z262" t="str">
            <v>CAPAC</v>
          </cell>
          <cell r="AN262" t="str">
            <v>MDO C&amp;M</v>
          </cell>
          <cell r="AO262" t="str">
            <v>MDO INDIANA SOUTHWEST C&amp;M</v>
          </cell>
        </row>
        <row r="263">
          <cell r="F263">
            <v>75115</v>
          </cell>
          <cell r="Z263" t="str">
            <v>CAPAC</v>
          </cell>
          <cell r="AN263" t="str">
            <v>MDO C&amp;M</v>
          </cell>
          <cell r="AO263" t="str">
            <v>MDO INDIANA SOUTHWEST C&amp;M</v>
          </cell>
        </row>
        <row r="264">
          <cell r="F264">
            <v>75115</v>
          </cell>
          <cell r="Z264" t="str">
            <v>CAPAC</v>
          </cell>
          <cell r="AN264" t="str">
            <v>MDO C&amp;M</v>
          </cell>
          <cell r="AO264" t="str">
            <v>MDO INDIANA SOUTHWEST C&amp;M</v>
          </cell>
        </row>
        <row r="265">
          <cell r="F265">
            <v>75115</v>
          </cell>
          <cell r="Z265" t="str">
            <v>CAPAC</v>
          </cell>
          <cell r="AN265" t="str">
            <v>MDO C&amp;M</v>
          </cell>
          <cell r="AO265" t="str">
            <v>MDO INDIANA SOUTHWEST C&amp;M</v>
          </cell>
        </row>
        <row r="266">
          <cell r="F266">
            <v>75115</v>
          </cell>
          <cell r="Z266" t="str">
            <v>CAPAC</v>
          </cell>
          <cell r="AN266" t="str">
            <v>MDO C&amp;M</v>
          </cell>
          <cell r="AO266" t="str">
            <v>MDO INDIANA SOUTHWEST C&amp;M</v>
          </cell>
        </row>
        <row r="267">
          <cell r="F267">
            <v>75115</v>
          </cell>
          <cell r="Z267" t="str">
            <v>CAPAC</v>
          </cell>
          <cell r="AN267" t="str">
            <v>MDO C&amp;M</v>
          </cell>
          <cell r="AO267" t="str">
            <v>MDO INDIANA SOUTHWEST C&amp;M</v>
          </cell>
        </row>
        <row r="268">
          <cell r="F268">
            <v>75115</v>
          </cell>
          <cell r="Z268" t="str">
            <v>CAPAC</v>
          </cell>
          <cell r="AN268" t="str">
            <v>MDO C&amp;M</v>
          </cell>
          <cell r="AO268" t="str">
            <v>MDO INDIANA SOUTHWEST C&amp;M</v>
          </cell>
        </row>
        <row r="269">
          <cell r="F269">
            <v>75115</v>
          </cell>
          <cell r="Z269" t="str">
            <v>CAPAC</v>
          </cell>
          <cell r="AN269" t="str">
            <v>MDO C&amp;M</v>
          </cell>
          <cell r="AO269" t="str">
            <v>MDO INDIANA SOUTHWEST C&amp;M</v>
          </cell>
        </row>
        <row r="270">
          <cell r="F270">
            <v>75115</v>
          </cell>
          <cell r="Z270" t="str">
            <v>CAPAC</v>
          </cell>
          <cell r="AN270" t="str">
            <v>MDO C&amp;M</v>
          </cell>
          <cell r="AO270" t="str">
            <v>MDO INDIANA SOUTHWEST C&amp;M</v>
          </cell>
        </row>
        <row r="271">
          <cell r="F271">
            <v>75115</v>
          </cell>
          <cell r="Z271" t="str">
            <v>CAPAC</v>
          </cell>
          <cell r="AN271" t="str">
            <v>MDO C&amp;M</v>
          </cell>
          <cell r="AO271" t="str">
            <v>MDO INDIANA SOUTHWEST C&amp;M</v>
          </cell>
        </row>
        <row r="272">
          <cell r="F272">
            <v>75115</v>
          </cell>
          <cell r="Z272" t="str">
            <v>CAPAC</v>
          </cell>
          <cell r="AN272" t="str">
            <v>MDO C&amp;M</v>
          </cell>
          <cell r="AO272" t="str">
            <v>MDO INDIANA SOUTHWEST C&amp;M</v>
          </cell>
        </row>
        <row r="273">
          <cell r="F273">
            <v>75115</v>
          </cell>
          <cell r="Z273" t="str">
            <v>CAPAC</v>
          </cell>
          <cell r="AN273" t="str">
            <v>MDO C&amp;M</v>
          </cell>
          <cell r="AO273" t="str">
            <v>MDO INDIANA SOUTHWEST C&amp;M</v>
          </cell>
        </row>
        <row r="274">
          <cell r="F274">
            <v>75115</v>
          </cell>
          <cell r="Z274" t="str">
            <v>CAPAC</v>
          </cell>
          <cell r="AN274" t="str">
            <v>MDO C&amp;M</v>
          </cell>
          <cell r="AO274" t="str">
            <v>MDO INDIANA SOUTHWEST C&amp;M</v>
          </cell>
        </row>
        <row r="275">
          <cell r="F275">
            <v>75115</v>
          </cell>
          <cell r="Z275" t="str">
            <v>CAPAC</v>
          </cell>
          <cell r="AN275" t="str">
            <v>MDO C&amp;M</v>
          </cell>
          <cell r="AO275" t="str">
            <v>MDO INDIANA SOUTHWEST C&amp;M</v>
          </cell>
        </row>
        <row r="276">
          <cell r="F276">
            <v>75115</v>
          </cell>
          <cell r="Z276" t="str">
            <v>CAPAC</v>
          </cell>
          <cell r="AN276" t="str">
            <v>MDO C&amp;M</v>
          </cell>
          <cell r="AO276" t="str">
            <v>MDO INDIANA SOUTHWEST C&amp;M</v>
          </cell>
        </row>
        <row r="277">
          <cell r="F277">
            <v>75115</v>
          </cell>
          <cell r="Z277" t="str">
            <v>CAPAC</v>
          </cell>
          <cell r="AN277" t="str">
            <v>MDO C&amp;M</v>
          </cell>
          <cell r="AO277" t="str">
            <v>MDO INDIANA SOUTHWEST C&amp;M</v>
          </cell>
        </row>
        <row r="278">
          <cell r="F278">
            <v>75115</v>
          </cell>
          <cell r="Z278" t="str">
            <v>CAPAC</v>
          </cell>
          <cell r="AN278" t="str">
            <v>MDO C&amp;M</v>
          </cell>
          <cell r="AO278" t="str">
            <v>MDO INDIANA SOUTHWEST C&amp;M</v>
          </cell>
        </row>
        <row r="279">
          <cell r="F279">
            <v>75115</v>
          </cell>
          <cell r="Z279" t="str">
            <v>CAPAC</v>
          </cell>
          <cell r="AN279" t="str">
            <v>MDO C&amp;M</v>
          </cell>
          <cell r="AO279" t="str">
            <v>MDO INDIANA SOUTHWEST C&amp;M</v>
          </cell>
        </row>
        <row r="280">
          <cell r="F280">
            <v>75115</v>
          </cell>
          <cell r="Z280" t="str">
            <v>CAPAC</v>
          </cell>
          <cell r="AN280" t="str">
            <v>MDO C&amp;M</v>
          </cell>
          <cell r="AO280" t="str">
            <v>MDO INDIANA SOUTHWEST C&amp;M</v>
          </cell>
        </row>
        <row r="281">
          <cell r="F281">
            <v>75115</v>
          </cell>
          <cell r="Z281" t="str">
            <v>CAPAC</v>
          </cell>
          <cell r="AN281" t="str">
            <v>MDO C&amp;M</v>
          </cell>
          <cell r="AO281" t="str">
            <v>MDO INDIANA SOUTHWEST C&amp;M</v>
          </cell>
        </row>
        <row r="282">
          <cell r="F282">
            <v>75115</v>
          </cell>
          <cell r="Z282" t="str">
            <v>CAPAC</v>
          </cell>
          <cell r="AN282" t="str">
            <v>MDO C&amp;M</v>
          </cell>
          <cell r="AO282" t="str">
            <v>MDO INDIANA SOUTHWEST C&amp;M</v>
          </cell>
        </row>
        <row r="283">
          <cell r="F283">
            <v>75115</v>
          </cell>
          <cell r="Z283" t="str">
            <v>CAPAC</v>
          </cell>
          <cell r="AN283" t="str">
            <v>MDO C&amp;M</v>
          </cell>
          <cell r="AO283" t="str">
            <v>MDO INDIANA SOUTHWEST C&amp;M</v>
          </cell>
        </row>
        <row r="284">
          <cell r="F284">
            <v>75115</v>
          </cell>
          <cell r="Z284" t="str">
            <v>CAPAC</v>
          </cell>
          <cell r="AN284" t="str">
            <v>MDO C&amp;M</v>
          </cell>
          <cell r="AO284" t="str">
            <v>MDO INDIANA SOUTHWEST C&amp;M</v>
          </cell>
        </row>
        <row r="285">
          <cell r="F285">
            <v>75115</v>
          </cell>
          <cell r="Z285" t="str">
            <v>CAPAC</v>
          </cell>
          <cell r="AN285" t="str">
            <v>MDO C&amp;M</v>
          </cell>
          <cell r="AO285" t="str">
            <v>MDO INDIANA SOUTHWEST C&amp;M</v>
          </cell>
        </row>
        <row r="286">
          <cell r="F286">
            <v>75115</v>
          </cell>
          <cell r="Z286" t="str">
            <v>CAPAC</v>
          </cell>
          <cell r="AN286" t="str">
            <v>MDO C&amp;M</v>
          </cell>
          <cell r="AO286" t="str">
            <v>MDO INDIANA SOUTHWEST C&amp;M</v>
          </cell>
        </row>
        <row r="287">
          <cell r="F287">
            <v>75115</v>
          </cell>
          <cell r="Z287" t="str">
            <v>CAPAC</v>
          </cell>
          <cell r="AN287" t="str">
            <v>MDO C&amp;M</v>
          </cell>
          <cell r="AO287" t="str">
            <v>MDO INDIANA SOUTHWEST C&amp;M</v>
          </cell>
        </row>
        <row r="288">
          <cell r="F288">
            <v>75115</v>
          </cell>
          <cell r="Z288" t="str">
            <v>CAPAC</v>
          </cell>
          <cell r="AN288" t="str">
            <v>MDO C&amp;M</v>
          </cell>
          <cell r="AO288" t="str">
            <v>MDO INDIANA SOUTHWEST C&amp;M</v>
          </cell>
        </row>
        <row r="289">
          <cell r="F289">
            <v>75115</v>
          </cell>
          <cell r="Z289" t="str">
            <v>CAPAC</v>
          </cell>
          <cell r="AN289" t="str">
            <v>MDO C&amp;M</v>
          </cell>
          <cell r="AO289" t="str">
            <v>MDO INDIANA SOUTHWEST C&amp;M</v>
          </cell>
        </row>
        <row r="290">
          <cell r="F290">
            <v>75115</v>
          </cell>
          <cell r="Z290" t="str">
            <v>CAPAC</v>
          </cell>
          <cell r="AN290" t="str">
            <v>MDO C&amp;M</v>
          </cell>
          <cell r="AO290" t="str">
            <v>MDO INDIANA SOUTHWEST C&amp;M</v>
          </cell>
        </row>
        <row r="291">
          <cell r="F291">
            <v>75115</v>
          </cell>
          <cell r="Z291" t="str">
            <v>CAPAC</v>
          </cell>
          <cell r="AN291" t="str">
            <v>MDO C&amp;M</v>
          </cell>
          <cell r="AO291" t="str">
            <v>MDO INDIANA SOUTHWEST C&amp;M</v>
          </cell>
        </row>
        <row r="292">
          <cell r="F292">
            <v>75115</v>
          </cell>
          <cell r="Z292" t="str">
            <v>CAPAC</v>
          </cell>
          <cell r="AN292" t="str">
            <v>MDO C&amp;M</v>
          </cell>
          <cell r="AO292" t="str">
            <v>MDO INDIANA SOUTHWEST C&amp;M</v>
          </cell>
        </row>
        <row r="293">
          <cell r="F293">
            <v>75115</v>
          </cell>
          <cell r="Z293" t="str">
            <v>CAPAC</v>
          </cell>
          <cell r="AN293" t="str">
            <v>MDO C&amp;M</v>
          </cell>
          <cell r="AO293" t="str">
            <v>MDO INDIANA SOUTHWEST C&amp;M</v>
          </cell>
        </row>
        <row r="294">
          <cell r="F294">
            <v>75115</v>
          </cell>
          <cell r="Z294" t="str">
            <v>CAPAC</v>
          </cell>
          <cell r="AN294" t="str">
            <v>MDO C&amp;M</v>
          </cell>
          <cell r="AO294" t="str">
            <v>MDO INDIANA SOUTHWEST C&amp;M</v>
          </cell>
        </row>
        <row r="295">
          <cell r="F295">
            <v>75115</v>
          </cell>
          <cell r="Z295" t="str">
            <v>CAPAC</v>
          </cell>
          <cell r="AN295" t="str">
            <v>MDO C&amp;M</v>
          </cell>
          <cell r="AO295" t="str">
            <v>MDO INDIANA SOUTHWEST C&amp;M</v>
          </cell>
        </row>
        <row r="296">
          <cell r="F296">
            <v>75115</v>
          </cell>
          <cell r="Z296" t="str">
            <v>CAPAC</v>
          </cell>
          <cell r="AN296" t="str">
            <v>MDO C&amp;M</v>
          </cell>
          <cell r="AO296" t="str">
            <v>MDO INDIANA SOUTHWEST C&amp;M</v>
          </cell>
        </row>
        <row r="297">
          <cell r="F297">
            <v>75115</v>
          </cell>
          <cell r="Z297" t="str">
            <v>CAPAC</v>
          </cell>
          <cell r="AN297" t="str">
            <v>MDO C&amp;M</v>
          </cell>
          <cell r="AO297" t="str">
            <v>MDO INDIANA SOUTHWEST C&amp;M</v>
          </cell>
        </row>
        <row r="298">
          <cell r="F298">
            <v>75115</v>
          </cell>
          <cell r="Z298" t="str">
            <v>CAPAC</v>
          </cell>
          <cell r="AN298" t="str">
            <v>MDO C&amp;M</v>
          </cell>
          <cell r="AO298" t="str">
            <v>MDO INDIANA SOUTHWEST C&amp;M</v>
          </cell>
        </row>
        <row r="299">
          <cell r="F299">
            <v>75115</v>
          </cell>
          <cell r="Z299" t="str">
            <v>CAPAC</v>
          </cell>
          <cell r="AN299" t="str">
            <v>MDO C&amp;M</v>
          </cell>
          <cell r="AO299" t="str">
            <v>MDO INDIANA SOUTHWEST C&amp;M</v>
          </cell>
        </row>
        <row r="300">
          <cell r="F300">
            <v>75115</v>
          </cell>
          <cell r="Z300" t="str">
            <v>CAPAC</v>
          </cell>
          <cell r="AN300" t="str">
            <v>MDO C&amp;M</v>
          </cell>
          <cell r="AO300" t="str">
            <v>MDO INDIANA SOUTHWEST C&amp;M</v>
          </cell>
        </row>
        <row r="301">
          <cell r="F301">
            <v>75115</v>
          </cell>
          <cell r="Z301" t="str">
            <v>CAPAC</v>
          </cell>
          <cell r="AN301" t="str">
            <v>MDO C&amp;M</v>
          </cell>
          <cell r="AO301" t="str">
            <v>MDO INDIANA SOUTHWEST C&amp;M</v>
          </cell>
        </row>
        <row r="302">
          <cell r="F302">
            <v>75115</v>
          </cell>
          <cell r="Z302" t="str">
            <v>CAPAC</v>
          </cell>
          <cell r="AN302" t="str">
            <v>MDO C&amp;M</v>
          </cell>
          <cell r="AO302" t="str">
            <v>MDO INDIANA SOUTHWEST C&amp;M</v>
          </cell>
        </row>
        <row r="303">
          <cell r="F303">
            <v>75115</v>
          </cell>
          <cell r="Z303" t="str">
            <v>CAPAC</v>
          </cell>
          <cell r="AN303" t="str">
            <v>MDO C&amp;M</v>
          </cell>
          <cell r="AO303" t="str">
            <v>MDO INDIANA SOUTHWEST C&amp;M</v>
          </cell>
        </row>
        <row r="304">
          <cell r="F304">
            <v>75115</v>
          </cell>
          <cell r="Z304" t="str">
            <v>CAPAC</v>
          </cell>
          <cell r="AN304" t="str">
            <v>MDO C&amp;M</v>
          </cell>
          <cell r="AO304" t="str">
            <v>MDO INDIANA SOUTHWEST C&amp;M</v>
          </cell>
        </row>
        <row r="305">
          <cell r="F305">
            <v>75115</v>
          </cell>
          <cell r="Z305" t="str">
            <v>CAPAC</v>
          </cell>
          <cell r="AN305" t="str">
            <v>MDO C&amp;M</v>
          </cell>
          <cell r="AO305" t="str">
            <v>MDO INDIANA SOUTHWEST C&amp;M</v>
          </cell>
        </row>
        <row r="306">
          <cell r="F306">
            <v>75115</v>
          </cell>
          <cell r="Z306" t="str">
            <v>CAPAC</v>
          </cell>
          <cell r="AN306" t="str">
            <v>MDO C&amp;M</v>
          </cell>
          <cell r="AO306" t="str">
            <v>MDO INDIANA SOUTHWEST C&amp;M</v>
          </cell>
        </row>
        <row r="307">
          <cell r="F307">
            <v>75115</v>
          </cell>
          <cell r="Z307" t="str">
            <v>CAPAC</v>
          </cell>
          <cell r="AN307" t="str">
            <v>MDO C&amp;M</v>
          </cell>
          <cell r="AO307" t="str">
            <v>MDO INDIANA SOUTHWEST C&amp;M</v>
          </cell>
        </row>
        <row r="308">
          <cell r="F308">
            <v>75115</v>
          </cell>
          <cell r="Z308" t="str">
            <v>CAPAC</v>
          </cell>
          <cell r="AN308" t="str">
            <v>MDO C&amp;M</v>
          </cell>
          <cell r="AO308" t="str">
            <v>MDO INDIANA SOUTHWEST C&amp;M</v>
          </cell>
        </row>
        <row r="309">
          <cell r="F309">
            <v>75115</v>
          </cell>
          <cell r="Z309" t="str">
            <v>CAPAC</v>
          </cell>
          <cell r="AN309" t="str">
            <v>MDO C&amp;M</v>
          </cell>
          <cell r="AO309" t="str">
            <v>MDO INDIANA SOUTHWEST C&amp;M</v>
          </cell>
        </row>
        <row r="310">
          <cell r="F310">
            <v>75115</v>
          </cell>
          <cell r="Z310" t="str">
            <v>CAPAC</v>
          </cell>
          <cell r="AN310" t="str">
            <v>MDO C&amp;M</v>
          </cell>
          <cell r="AO310" t="str">
            <v>MDO INDIANA SOUTHWEST C&amp;M</v>
          </cell>
        </row>
        <row r="311">
          <cell r="F311">
            <v>75115</v>
          </cell>
          <cell r="Z311" t="str">
            <v>CAPAC</v>
          </cell>
          <cell r="AN311" t="str">
            <v>MDO C&amp;M</v>
          </cell>
          <cell r="AO311" t="str">
            <v>MDO INDIANA SOUTHWEST C&amp;M</v>
          </cell>
        </row>
        <row r="312">
          <cell r="F312">
            <v>75115</v>
          </cell>
          <cell r="Z312" t="str">
            <v>CAPAC</v>
          </cell>
          <cell r="AN312" t="str">
            <v>MDO C&amp;M</v>
          </cell>
          <cell r="AO312" t="str">
            <v>MDO INDIANA SOUTHWEST C&amp;M</v>
          </cell>
        </row>
        <row r="313">
          <cell r="F313">
            <v>75115</v>
          </cell>
          <cell r="Z313" t="str">
            <v>CAPAC</v>
          </cell>
          <cell r="AN313" t="str">
            <v>MDO C&amp;M</v>
          </cell>
          <cell r="AO313" t="str">
            <v>MDO INDIANA SOUTHWEST C&amp;M</v>
          </cell>
        </row>
        <row r="314">
          <cell r="F314">
            <v>75115</v>
          </cell>
          <cell r="Z314" t="str">
            <v>CAPAC</v>
          </cell>
          <cell r="AN314" t="str">
            <v>MDO C&amp;M</v>
          </cell>
          <cell r="AO314" t="str">
            <v>MDO INDIANA SOUTHWEST C&amp;M</v>
          </cell>
        </row>
        <row r="315">
          <cell r="F315">
            <v>75115</v>
          </cell>
          <cell r="Z315" t="str">
            <v>CAPAC</v>
          </cell>
          <cell r="AN315" t="str">
            <v>MDO C&amp;M</v>
          </cell>
          <cell r="AO315" t="str">
            <v>MDO INDIANA SOUTHWEST C&amp;M</v>
          </cell>
        </row>
        <row r="316">
          <cell r="F316">
            <v>75115</v>
          </cell>
          <cell r="Z316" t="str">
            <v>CAPAC</v>
          </cell>
          <cell r="AN316" t="str">
            <v>MDO C&amp;M</v>
          </cell>
          <cell r="AO316" t="str">
            <v>MDO INDIANA SOUTHWEST C&amp;M</v>
          </cell>
        </row>
        <row r="317">
          <cell r="F317">
            <v>75115</v>
          </cell>
          <cell r="Z317" t="str">
            <v>CAPAC</v>
          </cell>
          <cell r="AN317" t="str">
            <v>MDO C&amp;M</v>
          </cell>
          <cell r="AO317" t="str">
            <v>MDO INDIANA SOUTHWEST C&amp;M</v>
          </cell>
        </row>
        <row r="318">
          <cell r="F318">
            <v>75115</v>
          </cell>
          <cell r="Z318" t="str">
            <v>CAPAC</v>
          </cell>
          <cell r="AN318" t="str">
            <v>MDO C&amp;M</v>
          </cell>
          <cell r="AO318" t="str">
            <v>MDO INDIANA SOUTHWEST C&amp;M</v>
          </cell>
        </row>
        <row r="319">
          <cell r="F319">
            <v>75115</v>
          </cell>
          <cell r="Z319" t="str">
            <v>CAPAC</v>
          </cell>
          <cell r="AN319" t="str">
            <v>MDO C&amp;M</v>
          </cell>
          <cell r="AO319" t="str">
            <v>MDO INDIANA SOUTHWEST C&amp;M</v>
          </cell>
        </row>
        <row r="320">
          <cell r="F320">
            <v>75115</v>
          </cell>
          <cell r="Z320" t="str">
            <v>CAPAC</v>
          </cell>
          <cell r="AN320" t="str">
            <v>MDO C&amp;M</v>
          </cell>
          <cell r="AO320" t="str">
            <v>MDO INDIANA SOUTHWEST C&amp;M</v>
          </cell>
        </row>
        <row r="321">
          <cell r="F321">
            <v>75115</v>
          </cell>
          <cell r="Z321" t="str">
            <v>CAPAC</v>
          </cell>
          <cell r="AN321" t="str">
            <v>MDO C&amp;M</v>
          </cell>
          <cell r="AO321" t="str">
            <v>MDO INDIANA SOUTHWEST C&amp;M</v>
          </cell>
        </row>
        <row r="322">
          <cell r="F322">
            <v>75115</v>
          </cell>
          <cell r="Z322" t="str">
            <v>CAPAC</v>
          </cell>
          <cell r="AN322" t="str">
            <v>MDO C&amp;M</v>
          </cell>
          <cell r="AO322" t="str">
            <v>MDO INDIANA SOUTHWEST C&amp;M</v>
          </cell>
        </row>
        <row r="323">
          <cell r="F323">
            <v>75115</v>
          </cell>
          <cell r="Z323" t="str">
            <v>CAPAC</v>
          </cell>
          <cell r="AN323" t="str">
            <v>MDO C&amp;M</v>
          </cell>
          <cell r="AO323" t="str">
            <v>MDO INDIANA SOUTHWEST C&amp;M</v>
          </cell>
        </row>
        <row r="324">
          <cell r="F324">
            <v>75115</v>
          </cell>
          <cell r="Z324" t="str">
            <v>CAPAC</v>
          </cell>
          <cell r="AN324" t="str">
            <v>MDO C&amp;M</v>
          </cell>
          <cell r="AO324" t="str">
            <v>MDO INDIANA SOUTHWEST C&amp;M</v>
          </cell>
        </row>
        <row r="325">
          <cell r="F325">
            <v>75115</v>
          </cell>
          <cell r="Z325" t="str">
            <v>CAPAC</v>
          </cell>
          <cell r="AN325" t="str">
            <v>MDO C&amp;M</v>
          </cell>
          <cell r="AO325" t="str">
            <v>MDO INDIANA SOUTHWEST C&amp;M</v>
          </cell>
        </row>
        <row r="326">
          <cell r="F326">
            <v>75115</v>
          </cell>
          <cell r="Z326" t="str">
            <v>CAPAC</v>
          </cell>
          <cell r="AN326" t="str">
            <v>MDO C&amp;M</v>
          </cell>
          <cell r="AO326" t="str">
            <v>MDO INDIANA SOUTHEAST C&amp;M</v>
          </cell>
        </row>
        <row r="327">
          <cell r="F327">
            <v>75115</v>
          </cell>
          <cell r="Z327" t="str">
            <v>CAPAC</v>
          </cell>
          <cell r="AN327" t="str">
            <v>MDO C&amp;M</v>
          </cell>
          <cell r="AO327" t="str">
            <v>MDO INDIANA SOUTHEAST C&amp;M</v>
          </cell>
        </row>
        <row r="328">
          <cell r="F328">
            <v>75115</v>
          </cell>
          <cell r="Z328" t="str">
            <v>CAPAC</v>
          </cell>
          <cell r="AN328" t="str">
            <v>MDO C&amp;M</v>
          </cell>
          <cell r="AO328" t="str">
            <v>MDO INDIANA SOUTHEAST C&amp;M</v>
          </cell>
        </row>
        <row r="329">
          <cell r="F329">
            <v>75115</v>
          </cell>
          <cell r="Z329" t="str">
            <v>CAPAC</v>
          </cell>
          <cell r="AN329" t="str">
            <v>MDO C&amp;M</v>
          </cell>
          <cell r="AO329" t="str">
            <v>MDO INDIANA SOUTHEAST C&amp;M</v>
          </cell>
        </row>
        <row r="330">
          <cell r="F330">
            <v>75115</v>
          </cell>
          <cell r="Z330" t="str">
            <v>CAPAC</v>
          </cell>
          <cell r="AN330" t="str">
            <v>MDO C&amp;M</v>
          </cell>
          <cell r="AO330" t="str">
            <v>MDO INDIANA SOUTHEAST C&amp;M</v>
          </cell>
        </row>
        <row r="331">
          <cell r="F331">
            <v>75115</v>
          </cell>
          <cell r="Z331" t="str">
            <v>CAPAC</v>
          </cell>
          <cell r="AN331" t="str">
            <v>MDO C&amp;M</v>
          </cell>
          <cell r="AO331" t="str">
            <v>MDO INDIANA SOUTHEAST C&amp;M</v>
          </cell>
        </row>
        <row r="332">
          <cell r="F332">
            <v>75115</v>
          </cell>
          <cell r="Z332" t="str">
            <v>CAPAC</v>
          </cell>
          <cell r="AN332" t="str">
            <v>MDO C&amp;M</v>
          </cell>
          <cell r="AO332" t="str">
            <v>MDO INDIANA SOUTHEAST C&amp;M</v>
          </cell>
        </row>
        <row r="333">
          <cell r="F333">
            <v>75115</v>
          </cell>
          <cell r="Z333" t="str">
            <v>CAPAC</v>
          </cell>
          <cell r="AN333" t="str">
            <v>MDO C&amp;M</v>
          </cell>
          <cell r="AO333" t="str">
            <v>MDO INDIANA SOUTHEAST C&amp;M</v>
          </cell>
        </row>
        <row r="334">
          <cell r="F334">
            <v>75115</v>
          </cell>
          <cell r="Z334" t="str">
            <v>CAPAC</v>
          </cell>
          <cell r="AN334" t="str">
            <v>MDO C&amp;M</v>
          </cell>
          <cell r="AO334" t="str">
            <v>MDO INDIANA SOUTHEAST C&amp;M</v>
          </cell>
        </row>
        <row r="335">
          <cell r="F335">
            <v>75115</v>
          </cell>
          <cell r="Z335" t="str">
            <v>CAPAC</v>
          </cell>
          <cell r="AN335" t="str">
            <v>MDO C&amp;M</v>
          </cell>
          <cell r="AO335" t="str">
            <v>MDO INDIANA SOUTHEAST C&amp;M</v>
          </cell>
        </row>
        <row r="336">
          <cell r="F336">
            <v>75115</v>
          </cell>
          <cell r="Z336" t="str">
            <v>CAPAC</v>
          </cell>
          <cell r="AN336" t="str">
            <v>MDO C&amp;M</v>
          </cell>
          <cell r="AO336" t="str">
            <v>MDO INDIANA SOUTHEAST C&amp;M</v>
          </cell>
        </row>
        <row r="337">
          <cell r="F337">
            <v>75115</v>
          </cell>
          <cell r="Z337" t="str">
            <v>CAPAC</v>
          </cell>
          <cell r="AN337" t="str">
            <v>MDO C&amp;M</v>
          </cell>
          <cell r="AO337" t="str">
            <v>MDO INDIANA SOUTHEAST C&amp;M</v>
          </cell>
        </row>
        <row r="338">
          <cell r="F338">
            <v>75115</v>
          </cell>
          <cell r="Z338" t="str">
            <v>CAPAC</v>
          </cell>
          <cell r="AN338" t="str">
            <v>MDO C&amp;M</v>
          </cell>
          <cell r="AO338" t="str">
            <v>MDO INDIANA SOUTHEAST C&amp;M</v>
          </cell>
        </row>
        <row r="339">
          <cell r="F339">
            <v>75115</v>
          </cell>
          <cell r="Z339" t="str">
            <v>CAPAC</v>
          </cell>
          <cell r="AN339" t="str">
            <v>MDO C&amp;M</v>
          </cell>
          <cell r="AO339" t="str">
            <v>MDO INDIANA SOUTHEAST C&amp;M</v>
          </cell>
        </row>
        <row r="340">
          <cell r="F340">
            <v>75115</v>
          </cell>
          <cell r="Z340" t="str">
            <v>CAPAC</v>
          </cell>
          <cell r="AN340" t="str">
            <v>MDO C&amp;M</v>
          </cell>
          <cell r="AO340" t="str">
            <v>MDO INDIANA SOUTHEAST C&amp;M</v>
          </cell>
        </row>
        <row r="341">
          <cell r="F341">
            <v>75115</v>
          </cell>
          <cell r="Z341" t="str">
            <v>CAPAC</v>
          </cell>
          <cell r="AN341" t="str">
            <v>MDO C&amp;M</v>
          </cell>
          <cell r="AO341" t="str">
            <v>MDO INDIANA SOUTHEAST C&amp;M</v>
          </cell>
        </row>
        <row r="342">
          <cell r="F342">
            <v>75115</v>
          </cell>
          <cell r="Z342" t="str">
            <v>CAPAC</v>
          </cell>
          <cell r="AN342" t="str">
            <v>MDO C&amp;M</v>
          </cell>
          <cell r="AO342" t="str">
            <v>MDO INDIANA SOUTHEAST C&amp;M</v>
          </cell>
        </row>
        <row r="343">
          <cell r="F343">
            <v>75115</v>
          </cell>
          <cell r="Z343" t="str">
            <v>CAPAC</v>
          </cell>
          <cell r="AN343" t="str">
            <v>MDO C&amp;M</v>
          </cell>
          <cell r="AO343" t="str">
            <v>MDO INDIANA SOUTHEAST C&amp;M</v>
          </cell>
        </row>
        <row r="344">
          <cell r="F344">
            <v>75115</v>
          </cell>
          <cell r="Z344" t="str">
            <v>CAPAC</v>
          </cell>
          <cell r="AN344" t="str">
            <v>MDO C&amp;M</v>
          </cell>
          <cell r="AO344" t="str">
            <v>MDO INDIANA SOUTHEAST C&amp;M</v>
          </cell>
        </row>
        <row r="345">
          <cell r="F345">
            <v>75115</v>
          </cell>
          <cell r="Z345" t="str">
            <v>CAPAC</v>
          </cell>
          <cell r="AN345" t="str">
            <v>MDO C&amp;M</v>
          </cell>
          <cell r="AO345" t="str">
            <v>MDO INDIANA SOUTHEAST C&amp;M</v>
          </cell>
        </row>
        <row r="346">
          <cell r="F346">
            <v>75115</v>
          </cell>
          <cell r="Z346" t="str">
            <v>CAPAC</v>
          </cell>
          <cell r="AN346" t="str">
            <v>MDO C&amp;M</v>
          </cell>
          <cell r="AO346" t="str">
            <v>MDO INDIANA SOUTHEAST C&amp;M</v>
          </cell>
        </row>
        <row r="347">
          <cell r="F347">
            <v>75115</v>
          </cell>
          <cell r="Z347" t="str">
            <v>CAPAC</v>
          </cell>
          <cell r="AN347" t="str">
            <v>MDO C&amp;M</v>
          </cell>
          <cell r="AO347" t="str">
            <v>MDO INDIANA SOUTHEAST C&amp;M</v>
          </cell>
        </row>
        <row r="348">
          <cell r="F348">
            <v>75115</v>
          </cell>
          <cell r="Z348" t="str">
            <v>CAPAC</v>
          </cell>
          <cell r="AN348" t="str">
            <v>MDO C&amp;M</v>
          </cell>
          <cell r="AO348" t="str">
            <v>MDO INDIANA SOUTHEAST C&amp;M</v>
          </cell>
        </row>
        <row r="349">
          <cell r="F349">
            <v>75115</v>
          </cell>
          <cell r="Z349" t="str">
            <v>CAPAC</v>
          </cell>
          <cell r="AN349" t="str">
            <v>MDO C&amp;M</v>
          </cell>
          <cell r="AO349" t="str">
            <v>MDO INDIANA SOUTHEAST C&amp;M</v>
          </cell>
        </row>
        <row r="350">
          <cell r="F350">
            <v>75115</v>
          </cell>
          <cell r="Z350" t="str">
            <v>CAPAC</v>
          </cell>
          <cell r="AN350" t="str">
            <v>MDO C&amp;M</v>
          </cell>
          <cell r="AO350" t="str">
            <v>MDO INDIANA SOUTHEAST C&amp;M</v>
          </cell>
        </row>
        <row r="351">
          <cell r="F351">
            <v>75115</v>
          </cell>
          <cell r="Z351" t="str">
            <v>CAPAC</v>
          </cell>
          <cell r="AN351" t="str">
            <v>MDO C&amp;M</v>
          </cell>
          <cell r="AO351" t="str">
            <v>MDO INDIANA SOUTHEAST C&amp;M</v>
          </cell>
        </row>
        <row r="352">
          <cell r="F352">
            <v>75115</v>
          </cell>
          <cell r="Z352" t="str">
            <v>CAPAC</v>
          </cell>
          <cell r="AN352" t="str">
            <v>MDO C&amp;M</v>
          </cell>
          <cell r="AO352" t="str">
            <v>MDO INDIANA SOUTHEAST C&amp;M</v>
          </cell>
        </row>
        <row r="353">
          <cell r="F353">
            <v>75115</v>
          </cell>
          <cell r="Z353" t="str">
            <v>CAPAC</v>
          </cell>
          <cell r="AN353" t="str">
            <v>MDO C&amp;M</v>
          </cell>
          <cell r="AO353" t="str">
            <v>MDO INDIANA SOUTHEAST C&amp;M</v>
          </cell>
        </row>
        <row r="354">
          <cell r="F354">
            <v>75115</v>
          </cell>
          <cell r="Z354" t="str">
            <v>CAPAC</v>
          </cell>
          <cell r="AN354" t="str">
            <v>MDO C&amp;M</v>
          </cell>
          <cell r="AO354" t="str">
            <v>MDO INDIANA SOUTHEAST C&amp;M</v>
          </cell>
        </row>
        <row r="355">
          <cell r="F355">
            <v>75115</v>
          </cell>
          <cell r="Z355" t="str">
            <v>CAPAC</v>
          </cell>
          <cell r="AN355" t="str">
            <v>MDO C&amp;M</v>
          </cell>
          <cell r="AO355" t="str">
            <v>MDO INDIANA SOUTHEAST C&amp;M</v>
          </cell>
        </row>
        <row r="356">
          <cell r="F356">
            <v>75115</v>
          </cell>
          <cell r="Z356" t="str">
            <v>CAPAC</v>
          </cell>
          <cell r="AN356" t="str">
            <v>MDO C&amp;M</v>
          </cell>
          <cell r="AO356" t="str">
            <v>MDO INDIANA SOUTHEAST C&amp;M</v>
          </cell>
        </row>
        <row r="357">
          <cell r="F357">
            <v>75115</v>
          </cell>
          <cell r="Z357" t="str">
            <v>CAPAC</v>
          </cell>
          <cell r="AN357" t="str">
            <v>MDO C&amp;M</v>
          </cell>
          <cell r="AO357" t="str">
            <v>MDO INDIANA SOUTHEAST C&amp;M</v>
          </cell>
        </row>
        <row r="358">
          <cell r="F358">
            <v>75115</v>
          </cell>
          <cell r="Z358" t="str">
            <v>CAPAC</v>
          </cell>
          <cell r="AN358" t="str">
            <v>MDO C&amp;M</v>
          </cell>
          <cell r="AO358" t="str">
            <v>MDO INDIANA SOUTHEAST C&amp;M</v>
          </cell>
        </row>
        <row r="359">
          <cell r="F359">
            <v>75115</v>
          </cell>
          <cell r="Z359" t="str">
            <v>CAPAC</v>
          </cell>
          <cell r="AN359" t="str">
            <v>MDO C&amp;M</v>
          </cell>
          <cell r="AO359" t="str">
            <v>MDO INDIANA SOUTHEAST C&amp;M</v>
          </cell>
        </row>
        <row r="360">
          <cell r="F360">
            <v>75115</v>
          </cell>
          <cell r="Z360" t="str">
            <v>CAPAC</v>
          </cell>
          <cell r="AN360" t="str">
            <v>MDO C&amp;M</v>
          </cell>
          <cell r="AO360" t="str">
            <v>MDO INDIANA SOUTHEAST C&amp;M</v>
          </cell>
        </row>
        <row r="361">
          <cell r="F361">
            <v>75115</v>
          </cell>
          <cell r="Z361" t="str">
            <v>CAPAC</v>
          </cell>
          <cell r="AN361" t="str">
            <v>MDO C&amp;M</v>
          </cell>
          <cell r="AO361" t="str">
            <v>MDO INDIANA SOUTHEAST C&amp;M</v>
          </cell>
        </row>
        <row r="362">
          <cell r="F362">
            <v>75115</v>
          </cell>
          <cell r="Z362" t="str">
            <v>CAPAC</v>
          </cell>
          <cell r="AN362" t="str">
            <v>MDO C&amp;M</v>
          </cell>
          <cell r="AO362" t="str">
            <v>MDO INDIANA SOUTHEAST C&amp;M</v>
          </cell>
        </row>
        <row r="363">
          <cell r="F363">
            <v>75115</v>
          </cell>
          <cell r="Z363" t="str">
            <v>CAPAC</v>
          </cell>
          <cell r="AN363" t="str">
            <v>MDO C&amp;M</v>
          </cell>
          <cell r="AO363" t="str">
            <v>MDO INDIANA SOUTHEAST C&amp;M</v>
          </cell>
        </row>
        <row r="364">
          <cell r="F364">
            <v>75115</v>
          </cell>
          <cell r="Z364" t="str">
            <v>CAPAC</v>
          </cell>
          <cell r="AN364" t="str">
            <v>MDO C&amp;M</v>
          </cell>
          <cell r="AO364" t="str">
            <v>MDO INDIANA SOUTHEAST C&amp;M</v>
          </cell>
        </row>
        <row r="365">
          <cell r="F365">
            <v>75115</v>
          </cell>
          <cell r="Z365" t="str">
            <v>CAPAC</v>
          </cell>
          <cell r="AN365" t="str">
            <v>MDO C&amp;M</v>
          </cell>
          <cell r="AO365" t="str">
            <v>MDO INDIANA SOUTHEAST C&amp;M</v>
          </cell>
        </row>
        <row r="366">
          <cell r="F366">
            <v>75115</v>
          </cell>
          <cell r="Z366" t="str">
            <v>CAPAC</v>
          </cell>
          <cell r="AN366" t="str">
            <v>MDO C&amp;M</v>
          </cell>
          <cell r="AO366" t="str">
            <v>MDO INDIANA SOUTHEAST C&amp;M</v>
          </cell>
        </row>
        <row r="367">
          <cell r="F367">
            <v>75115</v>
          </cell>
          <cell r="Z367" t="str">
            <v>CAPAC</v>
          </cell>
          <cell r="AN367" t="str">
            <v>MDO C&amp;M</v>
          </cell>
          <cell r="AO367" t="str">
            <v>MDO INDIANA SOUTHEAST C&amp;M</v>
          </cell>
        </row>
        <row r="368">
          <cell r="F368">
            <v>75115</v>
          </cell>
          <cell r="Z368" t="str">
            <v>CAPAC</v>
          </cell>
          <cell r="AN368" t="str">
            <v>MDO C&amp;M</v>
          </cell>
          <cell r="AO368" t="str">
            <v>MDO INDIANA SOUTHEAST C&amp;M</v>
          </cell>
        </row>
        <row r="369">
          <cell r="F369">
            <v>75115</v>
          </cell>
          <cell r="Z369" t="str">
            <v>CAPAC</v>
          </cell>
          <cell r="AN369" t="str">
            <v>MDO C&amp;M</v>
          </cell>
          <cell r="AO369" t="str">
            <v>MDO INDIANA SOUTHEAST C&amp;M</v>
          </cell>
        </row>
        <row r="370">
          <cell r="F370">
            <v>75115</v>
          </cell>
          <cell r="Z370" t="str">
            <v>CAPAC</v>
          </cell>
          <cell r="AN370" t="str">
            <v>MDO C&amp;M</v>
          </cell>
          <cell r="AO370" t="str">
            <v>MDO INDIANA SOUTHEAST C&amp;M</v>
          </cell>
        </row>
        <row r="371">
          <cell r="F371">
            <v>75115</v>
          </cell>
          <cell r="Z371" t="str">
            <v>CAPAC</v>
          </cell>
          <cell r="AN371" t="str">
            <v>MDO C&amp;M</v>
          </cell>
          <cell r="AO371" t="str">
            <v>MDO INDIANA SOUTHEAST C&amp;M</v>
          </cell>
        </row>
        <row r="372">
          <cell r="F372">
            <v>75115</v>
          </cell>
          <cell r="Z372" t="str">
            <v>CAPAC</v>
          </cell>
          <cell r="AN372" t="str">
            <v>MDO C&amp;M</v>
          </cell>
          <cell r="AO372" t="str">
            <v>MDO INDIANA SOUTHEAST C&amp;M</v>
          </cell>
        </row>
        <row r="373">
          <cell r="F373">
            <v>75115</v>
          </cell>
          <cell r="Z373" t="str">
            <v>CAPAC</v>
          </cell>
          <cell r="AN373" t="str">
            <v>MDO C&amp;M</v>
          </cell>
          <cell r="AO373" t="str">
            <v>MDO INDIANA SOUTHEAST C&amp;M</v>
          </cell>
        </row>
        <row r="374">
          <cell r="F374">
            <v>75115</v>
          </cell>
          <cell r="Z374" t="str">
            <v>CAPAC</v>
          </cell>
          <cell r="AN374" t="str">
            <v>MDO C&amp;M</v>
          </cell>
          <cell r="AO374" t="str">
            <v>MDO INDIANA SOUTHEAST C&amp;M</v>
          </cell>
        </row>
        <row r="375">
          <cell r="F375">
            <v>75115</v>
          </cell>
          <cell r="Z375" t="str">
            <v>CAPAC</v>
          </cell>
          <cell r="AN375" t="str">
            <v>MDO C&amp;M</v>
          </cell>
          <cell r="AO375" t="str">
            <v>MDO INDIANA SOUTHEAST C&amp;M</v>
          </cell>
        </row>
        <row r="376">
          <cell r="F376">
            <v>75115</v>
          </cell>
          <cell r="Z376" t="str">
            <v>CAPAC</v>
          </cell>
          <cell r="AN376" t="str">
            <v>MDO C&amp;M</v>
          </cell>
          <cell r="AO376" t="str">
            <v>MDO INDIANA SOUTHEAST C&amp;M</v>
          </cell>
        </row>
        <row r="377">
          <cell r="F377">
            <v>75115</v>
          </cell>
          <cell r="Z377" t="str">
            <v>CAPAC</v>
          </cell>
          <cell r="AN377" t="str">
            <v>MDO C&amp;M</v>
          </cell>
          <cell r="AO377" t="str">
            <v>MDO INDIANA SOUTHEAST C&amp;M</v>
          </cell>
        </row>
        <row r="378">
          <cell r="F378">
            <v>75115</v>
          </cell>
          <cell r="Z378" t="str">
            <v>CAPAC</v>
          </cell>
          <cell r="AN378" t="str">
            <v>MDO C&amp;M</v>
          </cell>
          <cell r="AO378" t="str">
            <v>MDO INDIANA SOUTHEAST C&amp;M</v>
          </cell>
        </row>
        <row r="379">
          <cell r="F379">
            <v>75115</v>
          </cell>
          <cell r="Z379" t="str">
            <v>CAPAC</v>
          </cell>
          <cell r="AN379" t="str">
            <v>MDO C&amp;M</v>
          </cell>
          <cell r="AO379" t="str">
            <v>MDO INDIANA SOUTHEAST C&amp;M</v>
          </cell>
        </row>
        <row r="380">
          <cell r="F380">
            <v>75115</v>
          </cell>
          <cell r="Z380" t="str">
            <v>CAPAC</v>
          </cell>
          <cell r="AN380" t="str">
            <v>MDO C&amp;M</v>
          </cell>
          <cell r="AO380" t="str">
            <v>MDO INDIANA SOUTHEAST C&amp;M</v>
          </cell>
        </row>
        <row r="381">
          <cell r="F381">
            <v>75115</v>
          </cell>
          <cell r="Z381" t="str">
            <v>CAPAC</v>
          </cell>
          <cell r="AN381" t="str">
            <v>MDO C&amp;M</v>
          </cell>
          <cell r="AO381" t="str">
            <v>MDO INDIANA SOUTHEAST C&amp;M</v>
          </cell>
        </row>
        <row r="382">
          <cell r="F382">
            <v>75115</v>
          </cell>
          <cell r="Z382" t="str">
            <v>CAPAC</v>
          </cell>
          <cell r="AN382" t="str">
            <v>MDO C&amp;M</v>
          </cell>
          <cell r="AO382" t="str">
            <v>MDO INDIANA SOUTHEAST C&amp;M</v>
          </cell>
        </row>
        <row r="383">
          <cell r="F383">
            <v>75115</v>
          </cell>
          <cell r="Z383" t="str">
            <v>CAPAC</v>
          </cell>
          <cell r="AN383" t="str">
            <v>MDO C&amp;M</v>
          </cell>
          <cell r="AO383" t="str">
            <v>MDO INDIANA SOUTHEAST C&amp;M</v>
          </cell>
        </row>
        <row r="384">
          <cell r="F384">
            <v>75115</v>
          </cell>
          <cell r="Z384" t="str">
            <v>CAPAC</v>
          </cell>
          <cell r="AN384" t="str">
            <v>MDO C&amp;M</v>
          </cell>
          <cell r="AO384" t="str">
            <v>MDO INDIANA SOUTHEAST C&amp;M</v>
          </cell>
        </row>
        <row r="385">
          <cell r="F385">
            <v>75115</v>
          </cell>
          <cell r="Z385" t="str">
            <v>CAPAC</v>
          </cell>
          <cell r="AN385" t="str">
            <v>MDO C&amp;M</v>
          </cell>
          <cell r="AO385" t="str">
            <v>MDO INDIANA SOUTHEAST C&amp;M</v>
          </cell>
        </row>
        <row r="386">
          <cell r="F386">
            <v>75115</v>
          </cell>
          <cell r="Z386" t="str">
            <v>CAPAC</v>
          </cell>
          <cell r="AN386" t="str">
            <v>MDO C&amp;M</v>
          </cell>
          <cell r="AO386" t="str">
            <v>MDO INDIANA SOUTHEAST C&amp;M</v>
          </cell>
        </row>
        <row r="387">
          <cell r="F387">
            <v>75115</v>
          </cell>
          <cell r="Z387" t="str">
            <v>CAPAC</v>
          </cell>
          <cell r="AN387" t="str">
            <v>MDO C&amp;M</v>
          </cell>
          <cell r="AO387" t="str">
            <v>MDO INDIANA SOUTHEAST C&amp;M</v>
          </cell>
        </row>
        <row r="388">
          <cell r="F388">
            <v>75115</v>
          </cell>
          <cell r="Z388" t="str">
            <v>CAPAC</v>
          </cell>
          <cell r="AN388" t="str">
            <v>MDO C&amp;M</v>
          </cell>
          <cell r="AO388" t="str">
            <v>MDO INDIANA SOUTHEAST C&amp;M</v>
          </cell>
        </row>
        <row r="389">
          <cell r="F389">
            <v>75115</v>
          </cell>
          <cell r="Z389" t="str">
            <v>CAPAC</v>
          </cell>
          <cell r="AN389" t="str">
            <v>MDO C&amp;M</v>
          </cell>
          <cell r="AO389" t="str">
            <v>MDO INDIANA SOUTHEAST C&amp;M</v>
          </cell>
        </row>
        <row r="390">
          <cell r="F390">
            <v>75115</v>
          </cell>
          <cell r="Z390" t="str">
            <v>CAPAC</v>
          </cell>
          <cell r="AN390" t="str">
            <v>MDO C&amp;M</v>
          </cell>
          <cell r="AO390" t="str">
            <v>MDO INDIANA SOUTHEAST C&amp;M</v>
          </cell>
        </row>
        <row r="391">
          <cell r="F391">
            <v>75115</v>
          </cell>
          <cell r="Z391" t="str">
            <v>CAPAC</v>
          </cell>
          <cell r="AN391" t="str">
            <v>MDO C&amp;M</v>
          </cell>
          <cell r="AO391" t="str">
            <v>MDO INDIANA SOUTHEAST C&amp;M</v>
          </cell>
        </row>
        <row r="392">
          <cell r="F392">
            <v>75115</v>
          </cell>
          <cell r="Z392" t="str">
            <v>CAPAC</v>
          </cell>
          <cell r="AN392" t="str">
            <v>MDO C&amp;M</v>
          </cell>
          <cell r="AO392" t="str">
            <v>MDO INDIANA SOUTHEAST C&amp;M</v>
          </cell>
        </row>
        <row r="393">
          <cell r="F393">
            <v>75115</v>
          </cell>
          <cell r="Z393" t="str">
            <v>CAPAC</v>
          </cell>
          <cell r="AN393" t="str">
            <v>MDO C&amp;M</v>
          </cell>
          <cell r="AO393" t="str">
            <v>MDO INDIANA SOUTHEAST C&amp;M</v>
          </cell>
        </row>
        <row r="394">
          <cell r="F394">
            <v>75115</v>
          </cell>
          <cell r="Z394" t="str">
            <v>CAPAC</v>
          </cell>
          <cell r="AN394" t="str">
            <v>MDO C&amp;M</v>
          </cell>
          <cell r="AO394" t="str">
            <v>MDO INDIANA SOUTHEAST C&amp;M</v>
          </cell>
        </row>
        <row r="395">
          <cell r="F395">
            <v>75115</v>
          </cell>
          <cell r="Z395" t="str">
            <v>CAPAC</v>
          </cell>
          <cell r="AN395" t="str">
            <v>MDO C&amp;M</v>
          </cell>
          <cell r="AO395" t="str">
            <v>MDO INDIANA SOUTHEAST C&amp;M</v>
          </cell>
        </row>
        <row r="396">
          <cell r="F396">
            <v>75115</v>
          </cell>
          <cell r="Z396" t="str">
            <v>CAPAC</v>
          </cell>
          <cell r="AN396" t="str">
            <v>MDO C&amp;M</v>
          </cell>
          <cell r="AO396" t="str">
            <v>MDO INDIANA SOUTHEAST C&amp;M</v>
          </cell>
        </row>
        <row r="397">
          <cell r="F397">
            <v>75115</v>
          </cell>
          <cell r="Z397" t="str">
            <v>CAPAC</v>
          </cell>
          <cell r="AN397" t="str">
            <v>MDO C&amp;M</v>
          </cell>
          <cell r="AO397" t="str">
            <v>MDO INDIANA SOUTHEAST C&amp;M</v>
          </cell>
        </row>
        <row r="398">
          <cell r="F398">
            <v>75115</v>
          </cell>
          <cell r="Z398" t="str">
            <v>CAPAC</v>
          </cell>
          <cell r="AN398" t="str">
            <v>MDO C&amp;M</v>
          </cell>
          <cell r="AO398" t="str">
            <v>MDO INDIANA SOUTHEAST C&amp;M</v>
          </cell>
        </row>
        <row r="399">
          <cell r="F399">
            <v>75115</v>
          </cell>
          <cell r="Z399" t="str">
            <v>CAPAC</v>
          </cell>
          <cell r="AN399" t="str">
            <v>MDO C&amp;M</v>
          </cell>
          <cell r="AO399" t="str">
            <v>MDO INDIANA SOUTHEAST C&amp;M</v>
          </cell>
        </row>
        <row r="400">
          <cell r="F400">
            <v>75115</v>
          </cell>
          <cell r="Z400" t="str">
            <v>CAPAC</v>
          </cell>
          <cell r="AN400" t="str">
            <v>MDO C&amp;M</v>
          </cell>
          <cell r="AO400" t="str">
            <v>MDO INDIANA SOUTHEAST C&amp;M</v>
          </cell>
        </row>
        <row r="401">
          <cell r="F401">
            <v>75115</v>
          </cell>
          <cell r="Z401" t="str">
            <v>CAPAC</v>
          </cell>
          <cell r="AN401" t="str">
            <v>MDO C&amp;M</v>
          </cell>
          <cell r="AO401" t="str">
            <v>MDO INDIANA SOUTHEAST C&amp;M</v>
          </cell>
        </row>
        <row r="402">
          <cell r="F402">
            <v>75115</v>
          </cell>
          <cell r="Z402" t="str">
            <v>CAPAC</v>
          </cell>
          <cell r="AN402" t="str">
            <v>MDO C&amp;M</v>
          </cell>
          <cell r="AO402" t="str">
            <v>MDO INDIANA SOUTHEAST C&amp;M</v>
          </cell>
        </row>
        <row r="403">
          <cell r="F403">
            <v>75115</v>
          </cell>
          <cell r="Z403" t="str">
            <v>CAPAC</v>
          </cell>
          <cell r="AN403" t="str">
            <v>MDO C&amp;M</v>
          </cell>
          <cell r="AO403" t="str">
            <v>MDO INDIANA SOUTHEAST C&amp;M</v>
          </cell>
        </row>
        <row r="404">
          <cell r="F404">
            <v>75115</v>
          </cell>
          <cell r="Z404" t="str">
            <v>CAPAC</v>
          </cell>
          <cell r="AN404" t="str">
            <v>MDO C&amp;M</v>
          </cell>
          <cell r="AO404" t="str">
            <v>MDO INDIANA SOUTHEAST C&amp;M</v>
          </cell>
        </row>
        <row r="405">
          <cell r="F405">
            <v>75115</v>
          </cell>
          <cell r="Z405" t="str">
            <v>CAPAC</v>
          </cell>
          <cell r="AN405" t="str">
            <v>MDO C&amp;M</v>
          </cell>
          <cell r="AO405" t="str">
            <v>MDO INDIANA SOUTHEAST C&amp;M</v>
          </cell>
        </row>
        <row r="406">
          <cell r="F406">
            <v>75115</v>
          </cell>
          <cell r="Z406" t="str">
            <v>CAPAC</v>
          </cell>
          <cell r="AN406" t="str">
            <v>MDO C&amp;M</v>
          </cell>
          <cell r="AO406" t="str">
            <v>MDO INDIANA SOUTHEAST C&amp;M</v>
          </cell>
        </row>
        <row r="407">
          <cell r="F407">
            <v>75115</v>
          </cell>
          <cell r="Z407" t="str">
            <v>CAPAC</v>
          </cell>
          <cell r="AN407" t="str">
            <v>MDO C&amp;M</v>
          </cell>
          <cell r="AO407" t="str">
            <v>MDO INDIANA SOUTHEAST C&amp;M</v>
          </cell>
        </row>
        <row r="408">
          <cell r="F408">
            <v>75115</v>
          </cell>
          <cell r="Z408" t="str">
            <v>CAPAC</v>
          </cell>
          <cell r="AN408" t="str">
            <v>MDO C&amp;M</v>
          </cell>
          <cell r="AO408" t="str">
            <v>MDO INDIANA SOUTHEAST C&amp;M</v>
          </cell>
        </row>
        <row r="409">
          <cell r="F409">
            <v>75115</v>
          </cell>
          <cell r="Z409" t="str">
            <v>CAPAC</v>
          </cell>
          <cell r="AN409" t="str">
            <v>MDO C&amp;M</v>
          </cell>
          <cell r="AO409" t="str">
            <v>MDO INDIANA SOUTHEAST C&amp;M</v>
          </cell>
        </row>
        <row r="410">
          <cell r="F410">
            <v>75115</v>
          </cell>
          <cell r="Z410" t="str">
            <v>CAPAC</v>
          </cell>
          <cell r="AN410" t="str">
            <v>MDO C&amp;M</v>
          </cell>
          <cell r="AO410" t="str">
            <v>MDO INDIANA SOUTHEAST C&amp;M</v>
          </cell>
        </row>
        <row r="411">
          <cell r="F411">
            <v>75115</v>
          </cell>
          <cell r="Z411" t="str">
            <v>CAPAC</v>
          </cell>
          <cell r="AN411" t="str">
            <v>MDO C&amp;M</v>
          </cell>
          <cell r="AO411" t="str">
            <v>MDO INDIANA SOUTHEAST C&amp;M</v>
          </cell>
        </row>
        <row r="412">
          <cell r="F412">
            <v>75115</v>
          </cell>
          <cell r="Z412" t="str">
            <v>CAPAC</v>
          </cell>
          <cell r="AN412" t="str">
            <v>MDO C&amp;M</v>
          </cell>
          <cell r="AO412" t="str">
            <v>MDO INDIANA SOUTHEAST C&amp;M</v>
          </cell>
        </row>
        <row r="413">
          <cell r="F413">
            <v>75115</v>
          </cell>
          <cell r="Z413" t="str">
            <v>CAPAC</v>
          </cell>
          <cell r="AN413" t="str">
            <v>MDO C&amp;M</v>
          </cell>
          <cell r="AO413" t="str">
            <v>MDO INDIANA SOUTHEAST C&amp;M</v>
          </cell>
        </row>
        <row r="414">
          <cell r="F414">
            <v>75115</v>
          </cell>
          <cell r="Z414" t="str">
            <v>CAPAC</v>
          </cell>
          <cell r="AN414" t="str">
            <v>MDO C&amp;M</v>
          </cell>
          <cell r="AO414" t="str">
            <v>MDO INDIANA SOUTHEAST C&amp;M</v>
          </cell>
        </row>
        <row r="415">
          <cell r="F415">
            <v>75115</v>
          </cell>
          <cell r="Z415" t="str">
            <v>CAPAC</v>
          </cell>
          <cell r="AN415" t="str">
            <v>MDO C&amp;M</v>
          </cell>
          <cell r="AO415" t="str">
            <v>MDO INDIANA SOUTHEAST C&amp;M</v>
          </cell>
        </row>
        <row r="416">
          <cell r="F416">
            <v>75115</v>
          </cell>
          <cell r="Z416" t="str">
            <v>CAPAC</v>
          </cell>
          <cell r="AN416" t="str">
            <v>MDO C&amp;M</v>
          </cell>
          <cell r="AO416" t="str">
            <v>MDO INDIANA SOUTHEAST C&amp;M</v>
          </cell>
        </row>
        <row r="417">
          <cell r="F417">
            <v>75115</v>
          </cell>
          <cell r="Z417" t="str">
            <v>CAPAC</v>
          </cell>
          <cell r="AN417" t="str">
            <v>MDO C&amp;M</v>
          </cell>
          <cell r="AO417" t="str">
            <v>MDO INDIANA SOUTHEAST C&amp;M</v>
          </cell>
        </row>
        <row r="418">
          <cell r="F418">
            <v>75115</v>
          </cell>
          <cell r="Z418" t="str">
            <v>CAPAC</v>
          </cell>
          <cell r="AN418" t="str">
            <v>MDO C&amp;M</v>
          </cell>
          <cell r="AO418" t="str">
            <v>MDO INDIANA SOUTHEAST C&amp;M</v>
          </cell>
        </row>
        <row r="419">
          <cell r="F419">
            <v>75115</v>
          </cell>
          <cell r="Z419" t="str">
            <v>CAPAC</v>
          </cell>
          <cell r="AN419" t="str">
            <v>MDO C&amp;M</v>
          </cell>
          <cell r="AO419" t="str">
            <v>MDO INDIANA NORTH C&amp;M</v>
          </cell>
        </row>
        <row r="420">
          <cell r="F420">
            <v>75115</v>
          </cell>
          <cell r="Z420" t="str">
            <v>CAPAC</v>
          </cell>
          <cell r="AN420" t="str">
            <v>MDO C&amp;M</v>
          </cell>
          <cell r="AO420" t="str">
            <v>MDO INDIANA NORTH C&amp;M</v>
          </cell>
        </row>
        <row r="421">
          <cell r="F421">
            <v>75115</v>
          </cell>
          <cell r="Z421" t="str">
            <v>CAPAC</v>
          </cell>
          <cell r="AN421" t="str">
            <v>MDO C&amp;M</v>
          </cell>
          <cell r="AO421" t="str">
            <v>MDO INDIANA NORTH C&amp;M</v>
          </cell>
        </row>
        <row r="422">
          <cell r="F422">
            <v>75115</v>
          </cell>
          <cell r="Z422" t="str">
            <v>CAPAC</v>
          </cell>
          <cell r="AN422" t="str">
            <v>MDO C&amp;M</v>
          </cell>
          <cell r="AO422" t="str">
            <v>MDO INDIANA NORTH C&amp;M</v>
          </cell>
        </row>
        <row r="423">
          <cell r="F423">
            <v>75115</v>
          </cell>
          <cell r="Z423" t="str">
            <v>CAPAC</v>
          </cell>
          <cell r="AN423" t="str">
            <v>MDO C&amp;M</v>
          </cell>
          <cell r="AO423" t="str">
            <v>MDO INDIANA NORTH C&amp;M</v>
          </cell>
        </row>
        <row r="424">
          <cell r="F424">
            <v>75115</v>
          </cell>
          <cell r="Z424" t="str">
            <v>CAPAC</v>
          </cell>
          <cell r="AN424" t="str">
            <v>MDO C&amp;M</v>
          </cell>
          <cell r="AO424" t="str">
            <v>MDO INDIANA NORTH C&amp;M</v>
          </cell>
        </row>
        <row r="425">
          <cell r="F425">
            <v>75115</v>
          </cell>
          <cell r="Z425" t="str">
            <v>CAPAC</v>
          </cell>
          <cell r="AN425" t="str">
            <v>MDO C&amp;M</v>
          </cell>
          <cell r="AO425" t="str">
            <v>MDO INDIANA NORTH C&amp;M</v>
          </cell>
        </row>
        <row r="426">
          <cell r="F426">
            <v>75115</v>
          </cell>
          <cell r="Z426" t="str">
            <v>CAPAC</v>
          </cell>
          <cell r="AN426" t="str">
            <v>MDO C&amp;M</v>
          </cell>
          <cell r="AO426" t="str">
            <v>MDO INDIANA NORTH C&amp;M</v>
          </cell>
        </row>
        <row r="427">
          <cell r="F427">
            <v>75115</v>
          </cell>
          <cell r="Z427" t="str">
            <v>CAPAC</v>
          </cell>
          <cell r="AN427" t="str">
            <v>MDO C&amp;M</v>
          </cell>
          <cell r="AO427" t="str">
            <v>MDO INDIANA NORTH C&amp;M</v>
          </cell>
        </row>
        <row r="428">
          <cell r="F428">
            <v>75115</v>
          </cell>
          <cell r="Z428" t="str">
            <v>CAPAC</v>
          </cell>
          <cell r="AN428" t="str">
            <v>MDO C&amp;M</v>
          </cell>
          <cell r="AO428" t="str">
            <v>MDO INDIANA NORTH C&amp;M</v>
          </cell>
        </row>
        <row r="429">
          <cell r="F429">
            <v>75115</v>
          </cell>
          <cell r="Z429" t="str">
            <v>CAPAC</v>
          </cell>
          <cell r="AN429" t="str">
            <v>MDO C&amp;M</v>
          </cell>
          <cell r="AO429" t="str">
            <v>MDO INDIANA NORTH C&amp;M</v>
          </cell>
        </row>
        <row r="430">
          <cell r="F430">
            <v>75115</v>
          </cell>
          <cell r="Z430" t="str">
            <v>CAPAC</v>
          </cell>
          <cell r="AN430" t="str">
            <v>MDO C&amp;M</v>
          </cell>
          <cell r="AO430" t="str">
            <v>MDO INDIANA NORTH C&amp;M</v>
          </cell>
        </row>
        <row r="431">
          <cell r="F431">
            <v>75115</v>
          </cell>
          <cell r="Z431" t="str">
            <v>CAPAC</v>
          </cell>
          <cell r="AN431" t="str">
            <v>MDO C&amp;M</v>
          </cell>
          <cell r="AO431" t="str">
            <v>MDO INDIANA NORTH C&amp;M</v>
          </cell>
        </row>
        <row r="432">
          <cell r="F432">
            <v>75115</v>
          </cell>
          <cell r="Z432" t="str">
            <v>CAPAC</v>
          </cell>
          <cell r="AN432" t="str">
            <v>MDO C&amp;M</v>
          </cell>
          <cell r="AO432" t="str">
            <v>MDO INDIANA NORTH C&amp;M</v>
          </cell>
        </row>
        <row r="433">
          <cell r="F433">
            <v>75115</v>
          </cell>
          <cell r="Z433" t="str">
            <v>CAPAC</v>
          </cell>
          <cell r="AN433" t="str">
            <v>MDO C&amp;M</v>
          </cell>
          <cell r="AO433" t="str">
            <v>MDO INDIANA NORTH C&amp;M</v>
          </cell>
        </row>
        <row r="434">
          <cell r="F434">
            <v>75115</v>
          </cell>
          <cell r="Z434" t="str">
            <v>CAPAC</v>
          </cell>
          <cell r="AN434" t="str">
            <v>MDO C&amp;M</v>
          </cell>
          <cell r="AO434" t="str">
            <v>MDO INDIANA NORTH C&amp;M</v>
          </cell>
        </row>
        <row r="435">
          <cell r="F435">
            <v>75115</v>
          </cell>
          <cell r="Z435" t="str">
            <v>CAPAC</v>
          </cell>
          <cell r="AN435" t="str">
            <v>MDO C&amp;M</v>
          </cell>
          <cell r="AO435" t="str">
            <v>MDO INDIANA NORTH C&amp;M</v>
          </cell>
        </row>
        <row r="436">
          <cell r="F436">
            <v>75115</v>
          </cell>
          <cell r="Z436" t="str">
            <v>CAPAC</v>
          </cell>
          <cell r="AN436" t="str">
            <v>MDO C&amp;M</v>
          </cell>
          <cell r="AO436" t="str">
            <v>MDO INDIANA NORTH C&amp;M</v>
          </cell>
        </row>
        <row r="437">
          <cell r="F437">
            <v>75115</v>
          </cell>
          <cell r="Z437" t="str">
            <v>CAPAC</v>
          </cell>
          <cell r="AN437" t="str">
            <v>MDO C&amp;M</v>
          </cell>
          <cell r="AO437" t="str">
            <v>MDO INDIANA NORTH C&amp;M</v>
          </cell>
        </row>
        <row r="438">
          <cell r="F438">
            <v>75115</v>
          </cell>
          <cell r="Z438" t="str">
            <v>CAPAC</v>
          </cell>
          <cell r="AN438" t="str">
            <v>MDO C&amp;M</v>
          </cell>
          <cell r="AO438" t="str">
            <v>MDO INDIANA NORTH C&amp;M</v>
          </cell>
        </row>
        <row r="439">
          <cell r="F439">
            <v>75115</v>
          </cell>
          <cell r="Z439" t="str">
            <v>CAPAC</v>
          </cell>
          <cell r="AN439" t="str">
            <v>MDO C&amp;M</v>
          </cell>
          <cell r="AO439" t="str">
            <v>MDO INDIANA NORTH C&amp;M</v>
          </cell>
        </row>
        <row r="440">
          <cell r="F440">
            <v>75115</v>
          </cell>
          <cell r="Z440" t="str">
            <v>CAPAC</v>
          </cell>
          <cell r="AN440" t="str">
            <v>MDO C&amp;M</v>
          </cell>
          <cell r="AO440" t="str">
            <v>MDO INDIANA NORTH C&amp;M</v>
          </cell>
        </row>
        <row r="441">
          <cell r="F441">
            <v>75115</v>
          </cell>
          <cell r="Z441" t="str">
            <v>CAPAC</v>
          </cell>
          <cell r="AN441" t="str">
            <v>MDO C&amp;M</v>
          </cell>
          <cell r="AO441" t="str">
            <v>MDO INDIANA NORTH C&amp;M</v>
          </cell>
        </row>
        <row r="442">
          <cell r="F442">
            <v>75115</v>
          </cell>
          <cell r="Z442" t="str">
            <v>CAPAC</v>
          </cell>
          <cell r="AN442" t="str">
            <v>MDO C&amp;M</v>
          </cell>
          <cell r="AO442" t="str">
            <v>MDO INDIANA NORTH C&amp;M</v>
          </cell>
        </row>
        <row r="443">
          <cell r="F443">
            <v>75115</v>
          </cell>
          <cell r="Z443" t="str">
            <v>CAPAC</v>
          </cell>
          <cell r="AN443" t="str">
            <v>MDO C&amp;M</v>
          </cell>
          <cell r="AO443" t="str">
            <v>MDO INDIANA NORTH C&amp;M</v>
          </cell>
        </row>
        <row r="444">
          <cell r="F444">
            <v>75115</v>
          </cell>
          <cell r="Z444" t="str">
            <v>CAPAC</v>
          </cell>
          <cell r="AN444" t="str">
            <v>MDO C&amp;M</v>
          </cell>
          <cell r="AO444" t="str">
            <v>MDO INDIANA NORTH C&amp;M</v>
          </cell>
        </row>
        <row r="445">
          <cell r="F445">
            <v>75115</v>
          </cell>
          <cell r="Z445" t="str">
            <v>CAPAC</v>
          </cell>
          <cell r="AN445" t="str">
            <v>MDO C&amp;M</v>
          </cell>
          <cell r="AO445" t="str">
            <v>MDO INDIANA NORTH C&amp;M</v>
          </cell>
        </row>
        <row r="446">
          <cell r="F446">
            <v>75115</v>
          </cell>
          <cell r="Z446" t="str">
            <v>CAPAC</v>
          </cell>
          <cell r="AN446" t="str">
            <v>MDO C&amp;M</v>
          </cell>
          <cell r="AO446" t="str">
            <v>MDO INDIANA NORTH C&amp;M</v>
          </cell>
        </row>
        <row r="447">
          <cell r="F447">
            <v>75115</v>
          </cell>
          <cell r="Z447" t="str">
            <v>CAPAC</v>
          </cell>
          <cell r="AN447" t="str">
            <v>MDO C&amp;M</v>
          </cell>
          <cell r="AO447" t="str">
            <v>MDO INDIANA NORTH C&amp;M</v>
          </cell>
        </row>
        <row r="448">
          <cell r="F448">
            <v>75115</v>
          </cell>
          <cell r="Z448" t="str">
            <v>CAPAC</v>
          </cell>
          <cell r="AN448" t="str">
            <v>MDO C&amp;M</v>
          </cell>
          <cell r="AO448" t="str">
            <v>MDO INDIANA NORTH C&amp;M</v>
          </cell>
        </row>
        <row r="449">
          <cell r="F449">
            <v>75115</v>
          </cell>
          <cell r="Z449" t="str">
            <v>CAPAC</v>
          </cell>
          <cell r="AN449" t="str">
            <v>MDO C&amp;M</v>
          </cell>
          <cell r="AO449" t="str">
            <v>MDO INDIANA NORTH C&amp;M</v>
          </cell>
        </row>
        <row r="450">
          <cell r="F450">
            <v>75115</v>
          </cell>
          <cell r="Z450" t="str">
            <v>CAPAC</v>
          </cell>
          <cell r="AN450" t="str">
            <v>MDO C&amp;M</v>
          </cell>
          <cell r="AO450" t="str">
            <v>MDO INDIANA NORTH C&amp;M</v>
          </cell>
        </row>
        <row r="451">
          <cell r="F451">
            <v>75115</v>
          </cell>
          <cell r="Z451" t="str">
            <v>CAPAC</v>
          </cell>
          <cell r="AN451" t="str">
            <v>MDO C&amp;M</v>
          </cell>
          <cell r="AO451" t="str">
            <v>MDO INDIANA NORTH C&amp;M</v>
          </cell>
        </row>
        <row r="452">
          <cell r="F452">
            <v>75115</v>
          </cell>
          <cell r="Z452" t="str">
            <v>CAPAC</v>
          </cell>
          <cell r="AN452" t="str">
            <v>MDO C&amp;M</v>
          </cell>
          <cell r="AO452" t="str">
            <v>MDO INDIANA NORTH C&amp;M</v>
          </cell>
        </row>
        <row r="453">
          <cell r="F453">
            <v>75115</v>
          </cell>
          <cell r="Z453" t="str">
            <v>CAPAC</v>
          </cell>
          <cell r="AN453" t="str">
            <v>MDO C&amp;M</v>
          </cell>
          <cell r="AO453" t="str">
            <v>MDO INDIANA NORTH C&amp;M</v>
          </cell>
        </row>
        <row r="454">
          <cell r="F454">
            <v>75115</v>
          </cell>
          <cell r="Z454" t="str">
            <v>CAPAC</v>
          </cell>
          <cell r="AN454" t="str">
            <v>MDO C&amp;M</v>
          </cell>
          <cell r="AO454" t="str">
            <v>MDO INDIANA NORTH C&amp;M</v>
          </cell>
        </row>
        <row r="455">
          <cell r="F455">
            <v>75115</v>
          </cell>
          <cell r="Z455" t="str">
            <v>CAPAC</v>
          </cell>
          <cell r="AN455" t="str">
            <v>MDO C&amp;M</v>
          </cell>
          <cell r="AO455" t="str">
            <v>MDO INDIANA NORTH C&amp;M</v>
          </cell>
        </row>
        <row r="456">
          <cell r="F456">
            <v>75115</v>
          </cell>
          <cell r="Z456" t="str">
            <v>CAPAC</v>
          </cell>
          <cell r="AN456" t="str">
            <v>MDO C&amp;M</v>
          </cell>
          <cell r="AO456" t="str">
            <v>MDO INDIANA NORTH C&amp;M</v>
          </cell>
        </row>
        <row r="457">
          <cell r="F457">
            <v>75115</v>
          </cell>
          <cell r="Z457" t="str">
            <v>CAPAC</v>
          </cell>
          <cell r="AN457" t="str">
            <v>MDO C&amp;M</v>
          </cell>
          <cell r="AO457" t="str">
            <v>MDO INDIANA NORTH C&amp;M</v>
          </cell>
        </row>
        <row r="458">
          <cell r="F458">
            <v>75115</v>
          </cell>
          <cell r="Z458" t="str">
            <v>CAPAC</v>
          </cell>
          <cell r="AN458" t="str">
            <v>MDO C&amp;M</v>
          </cell>
          <cell r="AO458" t="str">
            <v>MDO INDIANA NORTH C&amp;M</v>
          </cell>
        </row>
        <row r="459">
          <cell r="F459">
            <v>75115</v>
          </cell>
          <cell r="Z459" t="str">
            <v>CAPAC</v>
          </cell>
          <cell r="AN459" t="str">
            <v>MDO C&amp;M</v>
          </cell>
          <cell r="AO459" t="str">
            <v>MDO INDIANA NORTH C&amp;M</v>
          </cell>
        </row>
        <row r="460">
          <cell r="F460">
            <v>75115</v>
          </cell>
          <cell r="Z460" t="str">
            <v>CAPAC</v>
          </cell>
          <cell r="AN460" t="str">
            <v>MDO C&amp;M</v>
          </cell>
          <cell r="AO460" t="str">
            <v>MDO INDIANA NORTH C&amp;M</v>
          </cell>
        </row>
        <row r="461">
          <cell r="F461">
            <v>75115</v>
          </cell>
          <cell r="Z461" t="str">
            <v>CAPAC</v>
          </cell>
          <cell r="AN461" t="str">
            <v>MDO C&amp;M</v>
          </cell>
          <cell r="AO461" t="str">
            <v>MDO INDIANA NORTH C&amp;M</v>
          </cell>
        </row>
        <row r="462">
          <cell r="F462">
            <v>75115</v>
          </cell>
          <cell r="Z462" t="str">
            <v>CAPAC</v>
          </cell>
          <cell r="AN462" t="str">
            <v>MDO C&amp;M</v>
          </cell>
          <cell r="AO462" t="str">
            <v>MDO INDIANA NORTH C&amp;M</v>
          </cell>
        </row>
        <row r="463">
          <cell r="F463">
            <v>75115</v>
          </cell>
          <cell r="Z463" t="str">
            <v>CAPAC</v>
          </cell>
          <cell r="AN463" t="str">
            <v>MDO C&amp;M</v>
          </cell>
          <cell r="AO463" t="str">
            <v>MDO INDIANA NORTH C&amp;M</v>
          </cell>
        </row>
        <row r="464">
          <cell r="F464">
            <v>75115</v>
          </cell>
          <cell r="Z464" t="str">
            <v>CAPAC</v>
          </cell>
          <cell r="AN464" t="str">
            <v>MDO C&amp;M</v>
          </cell>
          <cell r="AO464" t="str">
            <v>MDO INDIANA NORTH C&amp;M</v>
          </cell>
        </row>
        <row r="465">
          <cell r="F465">
            <v>75115</v>
          </cell>
          <cell r="Z465" t="str">
            <v>CAPAC</v>
          </cell>
          <cell r="AN465" t="str">
            <v>MDO C&amp;M</v>
          </cell>
          <cell r="AO465" t="str">
            <v>MDO INDIANA NORTH C&amp;M</v>
          </cell>
        </row>
        <row r="466">
          <cell r="F466">
            <v>75115</v>
          </cell>
          <cell r="Z466" t="str">
            <v>CAPAC</v>
          </cell>
          <cell r="AN466" t="str">
            <v>MDO C&amp;M</v>
          </cell>
          <cell r="AO466" t="str">
            <v>MDO INDIANA NORTH C&amp;M</v>
          </cell>
        </row>
        <row r="467">
          <cell r="F467">
            <v>75115</v>
          </cell>
          <cell r="Z467" t="str">
            <v>CAPAC</v>
          </cell>
          <cell r="AN467" t="str">
            <v>MDO C&amp;M</v>
          </cell>
          <cell r="AO467" t="str">
            <v>MDO INDIANA NORTH C&amp;M</v>
          </cell>
        </row>
        <row r="468">
          <cell r="F468">
            <v>75115</v>
          </cell>
          <cell r="Z468" t="str">
            <v>CAPAC</v>
          </cell>
          <cell r="AN468" t="str">
            <v>MDO C&amp;M</v>
          </cell>
          <cell r="AO468" t="str">
            <v>MDO INDIANA NORTH C&amp;M</v>
          </cell>
        </row>
        <row r="469">
          <cell r="F469">
            <v>75115</v>
          </cell>
          <cell r="Z469" t="str">
            <v>CAPAC</v>
          </cell>
          <cell r="AN469" t="str">
            <v>MDO C&amp;M</v>
          </cell>
          <cell r="AO469" t="str">
            <v>MDO INDIANA NORTH C&amp;M</v>
          </cell>
        </row>
        <row r="470">
          <cell r="F470">
            <v>75115</v>
          </cell>
          <cell r="Z470" t="str">
            <v>CAPAC</v>
          </cell>
          <cell r="AN470" t="str">
            <v>MDO C&amp;M</v>
          </cell>
          <cell r="AO470" t="str">
            <v>MDO INDIANA NORTH C&amp;M</v>
          </cell>
        </row>
        <row r="471">
          <cell r="F471">
            <v>75115</v>
          </cell>
          <cell r="Z471" t="str">
            <v>CAPAC</v>
          </cell>
          <cell r="AN471" t="str">
            <v>MDO C&amp;M</v>
          </cell>
          <cell r="AO471" t="str">
            <v>MDO INDIANA NORTH C&amp;M</v>
          </cell>
        </row>
        <row r="472">
          <cell r="F472">
            <v>75115</v>
          </cell>
          <cell r="Z472" t="str">
            <v>CAPAC</v>
          </cell>
          <cell r="AN472" t="str">
            <v>MDO C&amp;M</v>
          </cell>
          <cell r="AO472" t="str">
            <v>MDO INDIANA NORTH C&amp;M</v>
          </cell>
        </row>
        <row r="473">
          <cell r="F473">
            <v>75115</v>
          </cell>
          <cell r="Z473" t="str">
            <v>CAPAC</v>
          </cell>
          <cell r="AN473" t="str">
            <v>MDO C&amp;M</v>
          </cell>
          <cell r="AO473" t="str">
            <v>MDO INDIANA NORTH C&amp;M</v>
          </cell>
        </row>
        <row r="474">
          <cell r="F474">
            <v>75115</v>
          </cell>
          <cell r="Z474" t="str">
            <v>CAPAC</v>
          </cell>
          <cell r="AN474" t="str">
            <v>MDO C&amp;M</v>
          </cell>
          <cell r="AO474" t="str">
            <v>MDO INDIANA NORTH C&amp;M</v>
          </cell>
        </row>
        <row r="475">
          <cell r="F475">
            <v>75115</v>
          </cell>
          <cell r="Z475" t="str">
            <v>CAPAC</v>
          </cell>
          <cell r="AN475" t="str">
            <v>MDO C&amp;M</v>
          </cell>
          <cell r="AO475" t="str">
            <v>MDO INDIANA NORTH C&amp;M</v>
          </cell>
        </row>
        <row r="476">
          <cell r="F476">
            <v>75115</v>
          </cell>
          <cell r="Z476" t="str">
            <v>CAPAC</v>
          </cell>
          <cell r="AN476" t="str">
            <v>MDO C&amp;M</v>
          </cell>
          <cell r="AO476" t="str">
            <v>MDO INDIANA NORTH C&amp;M</v>
          </cell>
        </row>
        <row r="477">
          <cell r="F477">
            <v>75115</v>
          </cell>
          <cell r="Z477" t="str">
            <v>CAPAC</v>
          </cell>
          <cell r="AN477" t="str">
            <v>MDO C&amp;M</v>
          </cell>
          <cell r="AO477" t="str">
            <v>MDO INDIANA NORTH C&amp;M</v>
          </cell>
        </row>
        <row r="478">
          <cell r="F478">
            <v>75115</v>
          </cell>
          <cell r="Z478" t="str">
            <v>CAPAC</v>
          </cell>
          <cell r="AN478" t="str">
            <v>MDO C&amp;M</v>
          </cell>
          <cell r="AO478" t="str">
            <v>MDO INDIANA NORTH C&amp;M</v>
          </cell>
        </row>
        <row r="479">
          <cell r="F479">
            <v>75115</v>
          </cell>
          <cell r="Z479" t="str">
            <v>CAPAC</v>
          </cell>
          <cell r="AN479" t="str">
            <v>MDO C&amp;M</v>
          </cell>
          <cell r="AO479" t="str">
            <v>MDO INDIANA NORTH C&amp;M</v>
          </cell>
        </row>
        <row r="480">
          <cell r="F480">
            <v>75115</v>
          </cell>
          <cell r="Z480" t="str">
            <v>CAPAC</v>
          </cell>
          <cell r="AN480" t="str">
            <v>MDO C&amp;M</v>
          </cell>
          <cell r="AO480" t="str">
            <v>MDO INDIANA NORTH C&amp;M</v>
          </cell>
        </row>
        <row r="481">
          <cell r="F481">
            <v>75115</v>
          </cell>
          <cell r="Z481" t="str">
            <v>CAPAC</v>
          </cell>
          <cell r="AN481" t="str">
            <v>MDO C&amp;M</v>
          </cell>
          <cell r="AO481" t="str">
            <v>MDO INDIANA NORTH C&amp;M</v>
          </cell>
        </row>
        <row r="482">
          <cell r="F482">
            <v>75115</v>
          </cell>
          <cell r="Z482" t="str">
            <v>CAPAC</v>
          </cell>
          <cell r="AN482" t="str">
            <v>MDO C&amp;M</v>
          </cell>
          <cell r="AO482" t="str">
            <v>MDO INDIANA NORTH C&amp;M</v>
          </cell>
        </row>
        <row r="483">
          <cell r="F483">
            <v>75115</v>
          </cell>
          <cell r="Z483" t="str">
            <v>CAPAC</v>
          </cell>
          <cell r="AN483" t="str">
            <v>MDO C&amp;M</v>
          </cell>
          <cell r="AO483" t="str">
            <v>MDO INDIANA NORTH C&amp;M</v>
          </cell>
        </row>
        <row r="484">
          <cell r="F484">
            <v>75115</v>
          </cell>
          <cell r="Z484" t="str">
            <v>CAPAC</v>
          </cell>
          <cell r="AN484" t="str">
            <v>MDO C&amp;M</v>
          </cell>
          <cell r="AO484" t="str">
            <v>MDO INDIANA NORTH C&amp;M</v>
          </cell>
        </row>
        <row r="485">
          <cell r="F485">
            <v>75115</v>
          </cell>
          <cell r="Z485" t="str">
            <v>CAPAC</v>
          </cell>
          <cell r="AN485" t="str">
            <v>MDO C&amp;M</v>
          </cell>
          <cell r="AO485" t="str">
            <v>MDO INDIANA NORTH C&amp;M</v>
          </cell>
        </row>
        <row r="486">
          <cell r="F486">
            <v>75115</v>
          </cell>
          <cell r="Z486" t="str">
            <v>CAPAC</v>
          </cell>
          <cell r="AN486" t="str">
            <v>MDO C&amp;M</v>
          </cell>
          <cell r="AO486" t="str">
            <v>MDO INDIANA NORTH C&amp;M</v>
          </cell>
        </row>
        <row r="487">
          <cell r="F487">
            <v>75115</v>
          </cell>
          <cell r="Z487" t="str">
            <v>CAPAC</v>
          </cell>
          <cell r="AN487" t="str">
            <v>MDO C&amp;M</v>
          </cell>
          <cell r="AO487" t="str">
            <v>MDO INDIANA NORTH C&amp;M</v>
          </cell>
        </row>
        <row r="488">
          <cell r="F488">
            <v>75115</v>
          </cell>
          <cell r="Z488" t="str">
            <v>CAPAC</v>
          </cell>
          <cell r="AN488" t="str">
            <v>MDO C&amp;M</v>
          </cell>
          <cell r="AO488" t="str">
            <v>MDO INDIANA NORTH C&amp;M</v>
          </cell>
        </row>
        <row r="489">
          <cell r="F489">
            <v>75115</v>
          </cell>
          <cell r="Z489" t="str">
            <v>CAPAC</v>
          </cell>
          <cell r="AN489" t="str">
            <v>MDO C&amp;M</v>
          </cell>
          <cell r="AO489" t="str">
            <v>MDO INDIANA NORTH C&amp;M</v>
          </cell>
        </row>
        <row r="490">
          <cell r="F490">
            <v>75115</v>
          </cell>
          <cell r="Z490" t="str">
            <v>CAPAC</v>
          </cell>
          <cell r="AN490" t="str">
            <v>MDO C&amp;M</v>
          </cell>
          <cell r="AO490" t="str">
            <v>MDO INDIANA NORTH C&amp;M</v>
          </cell>
        </row>
        <row r="491">
          <cell r="F491">
            <v>75115</v>
          </cell>
          <cell r="Z491" t="str">
            <v>CAPAC</v>
          </cell>
          <cell r="AN491" t="str">
            <v>MDO C&amp;M</v>
          </cell>
          <cell r="AO491" t="str">
            <v>MDO INDIANA NORTH C&amp;M</v>
          </cell>
        </row>
        <row r="492">
          <cell r="F492">
            <v>75115</v>
          </cell>
          <cell r="Z492" t="str">
            <v>CAPAC</v>
          </cell>
          <cell r="AN492" t="str">
            <v>MDO C&amp;M</v>
          </cell>
          <cell r="AO492" t="str">
            <v>MDO INDIANA NORTH C&amp;M</v>
          </cell>
        </row>
        <row r="493">
          <cell r="F493">
            <v>75115</v>
          </cell>
          <cell r="Z493" t="str">
            <v>CAPAC</v>
          </cell>
          <cell r="AN493" t="str">
            <v>MDO C&amp;M</v>
          </cell>
          <cell r="AO493" t="str">
            <v>MDO INDIANA NORTH C&amp;M</v>
          </cell>
        </row>
        <row r="494">
          <cell r="F494">
            <v>75115</v>
          </cell>
          <cell r="Z494" t="str">
            <v>CAPAC</v>
          </cell>
          <cell r="AN494" t="str">
            <v>MDO C&amp;M</v>
          </cell>
          <cell r="AO494" t="str">
            <v>MDO INDIANA NORTH C&amp;M</v>
          </cell>
        </row>
        <row r="495">
          <cell r="F495">
            <v>75115</v>
          </cell>
          <cell r="Z495" t="str">
            <v>CAPAC</v>
          </cell>
          <cell r="AN495" t="str">
            <v>MDO C&amp;M</v>
          </cell>
          <cell r="AO495" t="str">
            <v>MDO INDIANA NORTH C&amp;M</v>
          </cell>
        </row>
        <row r="496">
          <cell r="F496">
            <v>75115</v>
          </cell>
          <cell r="Z496" t="str">
            <v>CAPAC</v>
          </cell>
          <cell r="AN496" t="str">
            <v>MDO C&amp;M</v>
          </cell>
          <cell r="AO496" t="str">
            <v>MDO INDIANA NORTH C&amp;M</v>
          </cell>
        </row>
        <row r="497">
          <cell r="F497">
            <v>75115</v>
          </cell>
          <cell r="Z497" t="str">
            <v>CAPAC</v>
          </cell>
          <cell r="AN497" t="str">
            <v>MDO C&amp;M</v>
          </cell>
          <cell r="AO497" t="str">
            <v>MDO INDIANA NORTH C&amp;M</v>
          </cell>
        </row>
        <row r="498">
          <cell r="F498">
            <v>75115</v>
          </cell>
          <cell r="Z498" t="str">
            <v>CAPAC</v>
          </cell>
          <cell r="AN498" t="str">
            <v>MDO C&amp;M</v>
          </cell>
          <cell r="AO498" t="str">
            <v>MDO INDIANA NORTH C&amp;M</v>
          </cell>
        </row>
        <row r="499">
          <cell r="F499">
            <v>75115</v>
          </cell>
          <cell r="Z499" t="str">
            <v>CAPAC</v>
          </cell>
          <cell r="AN499" t="str">
            <v>MDO C&amp;M</v>
          </cell>
          <cell r="AO499" t="str">
            <v>MDO INDIANA NORTH C&amp;M</v>
          </cell>
        </row>
        <row r="500">
          <cell r="F500">
            <v>75115</v>
          </cell>
          <cell r="Z500" t="str">
            <v>CAPAC</v>
          </cell>
          <cell r="AN500" t="str">
            <v>MDO C&amp;M</v>
          </cell>
          <cell r="AO500" t="str">
            <v>MDO INDIANA NORTH C&amp;M</v>
          </cell>
        </row>
        <row r="501">
          <cell r="F501">
            <v>75115</v>
          </cell>
          <cell r="Z501" t="str">
            <v>CAPAC</v>
          </cell>
          <cell r="AN501" t="str">
            <v>MDO C&amp;M</v>
          </cell>
          <cell r="AO501" t="str">
            <v>MDO INDIANA NORTH C&amp;M</v>
          </cell>
        </row>
        <row r="502">
          <cell r="F502">
            <v>75115</v>
          </cell>
          <cell r="Z502" t="str">
            <v>CAPAC</v>
          </cell>
          <cell r="AN502" t="str">
            <v>MDO C&amp;M</v>
          </cell>
          <cell r="AO502" t="str">
            <v>MDO INDIANA NORTH C&amp;M</v>
          </cell>
        </row>
        <row r="503">
          <cell r="F503">
            <v>75115</v>
          </cell>
          <cell r="Z503" t="str">
            <v>CAPAC</v>
          </cell>
          <cell r="AN503" t="str">
            <v>MDO C&amp;M</v>
          </cell>
          <cell r="AO503" t="str">
            <v>MDO INDIANA NORTH C&amp;M</v>
          </cell>
        </row>
        <row r="504">
          <cell r="F504">
            <v>75115</v>
          </cell>
          <cell r="Z504" t="str">
            <v>CAPAC</v>
          </cell>
          <cell r="AN504" t="str">
            <v>MDO C&amp;M</v>
          </cell>
          <cell r="AO504" t="str">
            <v>MDO INDIANA NORTH C&amp;M</v>
          </cell>
        </row>
        <row r="505">
          <cell r="F505">
            <v>75115</v>
          </cell>
          <cell r="Z505" t="str">
            <v>CAPAC</v>
          </cell>
          <cell r="AN505" t="str">
            <v>MDO C&amp;M</v>
          </cell>
          <cell r="AO505" t="str">
            <v>MDO INDIANA NORTH C&amp;M</v>
          </cell>
        </row>
        <row r="506">
          <cell r="F506">
            <v>75115</v>
          </cell>
          <cell r="Z506" t="str">
            <v>CAPAC</v>
          </cell>
          <cell r="AN506" t="str">
            <v>MDO C&amp;M</v>
          </cell>
          <cell r="AO506" t="str">
            <v>MDO INDIANA NORTH C&amp;M</v>
          </cell>
        </row>
        <row r="507">
          <cell r="F507">
            <v>75115</v>
          </cell>
          <cell r="Z507" t="str">
            <v>CAPAC</v>
          </cell>
          <cell r="AN507" t="str">
            <v>MDO C&amp;M</v>
          </cell>
          <cell r="AO507" t="str">
            <v>MDO INDIANA NORTH C&amp;M</v>
          </cell>
        </row>
        <row r="508">
          <cell r="F508">
            <v>75115</v>
          </cell>
          <cell r="Z508" t="str">
            <v>CAPAC</v>
          </cell>
          <cell r="AN508" t="str">
            <v>MDO C&amp;M</v>
          </cell>
          <cell r="AO508" t="str">
            <v>MDO INDIANA NORTH C&amp;M</v>
          </cell>
        </row>
        <row r="509">
          <cell r="F509">
            <v>75115</v>
          </cell>
          <cell r="Z509" t="str">
            <v>CAPAC</v>
          </cell>
          <cell r="AN509" t="str">
            <v>MDO C&amp;M</v>
          </cell>
          <cell r="AO509" t="str">
            <v>MDO INDIANA NORTH C&amp;M</v>
          </cell>
        </row>
        <row r="510">
          <cell r="F510">
            <v>75023</v>
          </cell>
          <cell r="Z510" t="str">
            <v>VOLTSURV</v>
          </cell>
          <cell r="AN510" t="str">
            <v>MDO C&amp;M</v>
          </cell>
          <cell r="AO510" t="str">
            <v>MDO OH/KEN C&amp;M</v>
          </cell>
        </row>
        <row r="511">
          <cell r="F511">
            <v>75023</v>
          </cell>
          <cell r="Z511" t="str">
            <v>SMEICUST</v>
          </cell>
          <cell r="AN511" t="str">
            <v>MDO C&amp;M</v>
          </cell>
          <cell r="AO511" t="str">
            <v>MDO OH/KEN C&amp;M</v>
          </cell>
        </row>
        <row r="512">
          <cell r="F512">
            <v>75023</v>
          </cell>
          <cell r="Z512" t="str">
            <v>SMEICUST</v>
          </cell>
          <cell r="AN512" t="str">
            <v>MDO C&amp;M</v>
          </cell>
          <cell r="AO512" t="str">
            <v>MDO OH/KEN C&amp;M</v>
          </cell>
        </row>
        <row r="513">
          <cell r="F513">
            <v>75023</v>
          </cell>
          <cell r="Z513" t="str">
            <v>SMEICUST</v>
          </cell>
          <cell r="AN513" t="str">
            <v>MDO C&amp;M</v>
          </cell>
          <cell r="AO513" t="str">
            <v>MDO OH/KEN C&amp;M</v>
          </cell>
        </row>
        <row r="514">
          <cell r="F514">
            <v>75023</v>
          </cell>
          <cell r="Z514" t="str">
            <v>SMEICUST</v>
          </cell>
          <cell r="AN514" t="str">
            <v>MDO C&amp;M</v>
          </cell>
          <cell r="AO514" t="str">
            <v>MDO OH/KEN C&amp;M</v>
          </cell>
        </row>
        <row r="515">
          <cell r="F515">
            <v>75023</v>
          </cell>
          <cell r="Z515" t="str">
            <v>SMEICUST</v>
          </cell>
          <cell r="AN515" t="str">
            <v>MDO C&amp;M</v>
          </cell>
          <cell r="AO515" t="str">
            <v>MDO OH/KEN C&amp;M</v>
          </cell>
        </row>
        <row r="516">
          <cell r="F516">
            <v>75023</v>
          </cell>
          <cell r="Z516" t="str">
            <v>SMEICUST</v>
          </cell>
          <cell r="AN516" t="str">
            <v>MDO C&amp;M</v>
          </cell>
          <cell r="AO516" t="str">
            <v>MDO OH/KEN C&amp;M</v>
          </cell>
        </row>
        <row r="517">
          <cell r="F517">
            <v>75023</v>
          </cell>
          <cell r="Z517" t="str">
            <v>SMEICUST</v>
          </cell>
          <cell r="AN517" t="str">
            <v>MDO C&amp;M</v>
          </cell>
          <cell r="AO517" t="str">
            <v>MDO OH/KEN C&amp;M</v>
          </cell>
        </row>
        <row r="518">
          <cell r="F518">
            <v>75084</v>
          </cell>
          <cell r="Z518" t="str">
            <v>SMEICUST</v>
          </cell>
          <cell r="AN518" t="str">
            <v>MDO C&amp;M</v>
          </cell>
          <cell r="AO518" t="str">
            <v>MDO OH/KEN C&amp;M</v>
          </cell>
        </row>
        <row r="519">
          <cell r="F519">
            <v>75084</v>
          </cell>
          <cell r="Z519" t="str">
            <v>SMEICUST</v>
          </cell>
          <cell r="AN519" t="str">
            <v>MDO C&amp;M</v>
          </cell>
          <cell r="AO519" t="str">
            <v>MDO OH/KEN C&amp;M</v>
          </cell>
        </row>
        <row r="520">
          <cell r="F520">
            <v>75084</v>
          </cell>
          <cell r="Z520" t="str">
            <v>SMEICUST</v>
          </cell>
          <cell r="AN520" t="str">
            <v>MDO C&amp;M</v>
          </cell>
          <cell r="AO520" t="str">
            <v>MDO OH/KEN C&amp;M</v>
          </cell>
        </row>
        <row r="521">
          <cell r="F521">
            <v>75084</v>
          </cell>
          <cell r="Z521" t="str">
            <v>SMEICUST</v>
          </cell>
          <cell r="AN521" t="str">
            <v>MDO C&amp;M</v>
          </cell>
          <cell r="AO521" t="str">
            <v>MDO OH/KEN C&amp;M</v>
          </cell>
        </row>
        <row r="522">
          <cell r="F522">
            <v>75084</v>
          </cell>
          <cell r="Z522" t="str">
            <v>SMEICUST</v>
          </cell>
          <cell r="AN522" t="str">
            <v>MDO C&amp;M</v>
          </cell>
          <cell r="AO522" t="str">
            <v>MDO OH/KEN C&amp;M</v>
          </cell>
        </row>
        <row r="523">
          <cell r="F523">
            <v>75084</v>
          </cell>
          <cell r="Z523" t="str">
            <v>SMEICUST</v>
          </cell>
          <cell r="AN523" t="str">
            <v>MDO C&amp;M</v>
          </cell>
          <cell r="AO523" t="str">
            <v>MDO OH/KEN C&amp;M</v>
          </cell>
        </row>
        <row r="524">
          <cell r="F524">
            <v>75084</v>
          </cell>
          <cell r="Z524" t="str">
            <v>SMEICUST</v>
          </cell>
          <cell r="AN524" t="str">
            <v>MDO C&amp;M</v>
          </cell>
          <cell r="AO524" t="str">
            <v>MDO OH/KEN C&amp;M</v>
          </cell>
        </row>
        <row r="525">
          <cell r="F525">
            <v>75023</v>
          </cell>
          <cell r="Z525" t="str">
            <v>POTHTERM</v>
          </cell>
          <cell r="AN525" t="str">
            <v>MDO C&amp;M</v>
          </cell>
          <cell r="AO525" t="str">
            <v>MDO OH/KEN C&amp;M</v>
          </cell>
        </row>
        <row r="526">
          <cell r="F526">
            <v>75023</v>
          </cell>
          <cell r="Z526" t="str">
            <v>POTHTERM</v>
          </cell>
          <cell r="AN526" t="str">
            <v>MDO C&amp;M</v>
          </cell>
          <cell r="AO526" t="str">
            <v>MDO OH/KEN C&amp;M</v>
          </cell>
        </row>
        <row r="527">
          <cell r="F527">
            <v>75023</v>
          </cell>
          <cell r="Z527" t="str">
            <v>POTHTERM</v>
          </cell>
          <cell r="AN527" t="str">
            <v>MDO C&amp;M</v>
          </cell>
          <cell r="AO527" t="str">
            <v>MDO OH/KEN C&amp;M</v>
          </cell>
        </row>
        <row r="528">
          <cell r="F528">
            <v>75023</v>
          </cell>
          <cell r="Z528" t="str">
            <v>POTHTERM</v>
          </cell>
          <cell r="AN528" t="str">
            <v>MDO C&amp;M</v>
          </cell>
          <cell r="AO528" t="str">
            <v>MDO OH/KEN C&amp;M</v>
          </cell>
        </row>
        <row r="529">
          <cell r="F529">
            <v>75023</v>
          </cell>
          <cell r="Z529" t="str">
            <v>POTHTERM</v>
          </cell>
          <cell r="AN529" t="str">
            <v>MDO C&amp;M</v>
          </cell>
          <cell r="AO529" t="str">
            <v>MDO OH/KEN C&amp;M</v>
          </cell>
        </row>
        <row r="530">
          <cell r="F530">
            <v>75084</v>
          </cell>
          <cell r="Z530" t="str">
            <v>POTHTERM</v>
          </cell>
          <cell r="AN530" t="str">
            <v>MDO C&amp;M</v>
          </cell>
          <cell r="AO530" t="str">
            <v>MDO OH/KEN C&amp;M</v>
          </cell>
        </row>
        <row r="531">
          <cell r="F531">
            <v>75084</v>
          </cell>
          <cell r="Z531" t="str">
            <v>POTHTERM</v>
          </cell>
          <cell r="AN531" t="str">
            <v>MDO C&amp;M</v>
          </cell>
          <cell r="AO531" t="str">
            <v>MDO OH/KEN C&amp;M</v>
          </cell>
        </row>
        <row r="532">
          <cell r="F532">
            <v>75084</v>
          </cell>
          <cell r="Z532" t="str">
            <v>POTHTERM</v>
          </cell>
          <cell r="AN532" t="str">
            <v>MDO C&amp;M</v>
          </cell>
          <cell r="AO532" t="str">
            <v>MDO OH/KEN C&amp;M</v>
          </cell>
        </row>
        <row r="533">
          <cell r="F533">
            <v>75084</v>
          </cell>
          <cell r="Z533" t="str">
            <v>POTHTERM</v>
          </cell>
          <cell r="AN533" t="str">
            <v>MDO C&amp;M</v>
          </cell>
          <cell r="AO533" t="str">
            <v>MDO OH/KEN C&amp;M</v>
          </cell>
        </row>
        <row r="534">
          <cell r="F534">
            <v>75084</v>
          </cell>
          <cell r="Z534" t="str">
            <v>POTHTERM</v>
          </cell>
          <cell r="AN534" t="str">
            <v>MDO C&amp;M</v>
          </cell>
          <cell r="AO534" t="str">
            <v>MDO OH/KEN C&amp;M</v>
          </cell>
        </row>
        <row r="535">
          <cell r="F535">
            <v>75023</v>
          </cell>
          <cell r="Z535" t="str">
            <v>RECBAT</v>
          </cell>
          <cell r="AN535" t="str">
            <v>MDO C&amp;M</v>
          </cell>
          <cell r="AO535" t="str">
            <v>MDO OH/KEN C&amp;M</v>
          </cell>
        </row>
        <row r="536">
          <cell r="F536">
            <v>75115</v>
          </cell>
          <cell r="Z536" t="str">
            <v>RECBAT</v>
          </cell>
          <cell r="AN536" t="str">
            <v>MDO C&amp;M</v>
          </cell>
          <cell r="AO536" t="str">
            <v>MDO INDIANA NORTH C&amp;M</v>
          </cell>
        </row>
        <row r="537">
          <cell r="F537">
            <v>75115</v>
          </cell>
          <cell r="Z537" t="str">
            <v>RECBAT</v>
          </cell>
          <cell r="AN537" t="str">
            <v>MDO C&amp;M</v>
          </cell>
          <cell r="AO537" t="str">
            <v>MDO INDIANA NORTH C&amp;M</v>
          </cell>
        </row>
        <row r="538">
          <cell r="F538">
            <v>75115</v>
          </cell>
          <cell r="Z538" t="str">
            <v>RECBAT</v>
          </cell>
          <cell r="AN538" t="str">
            <v>MDO C&amp;M</v>
          </cell>
          <cell r="AO538" t="str">
            <v>MDO INDIANA NORTH C&amp;M</v>
          </cell>
        </row>
        <row r="539">
          <cell r="F539">
            <v>75115</v>
          </cell>
          <cell r="Z539" t="str">
            <v>EQINS</v>
          </cell>
          <cell r="AN539" t="str">
            <v>MDO C&amp;M</v>
          </cell>
          <cell r="AO539" t="str">
            <v>MDO INDIANA SOUTHWEST C&amp;M</v>
          </cell>
        </row>
        <row r="540">
          <cell r="F540">
            <v>75115</v>
          </cell>
          <cell r="Z540" t="str">
            <v>EQINS</v>
          </cell>
          <cell r="AN540" t="str">
            <v>MDO C&amp;M</v>
          </cell>
          <cell r="AO540" t="str">
            <v>MDO INDIANA SOUTHWEST C&amp;M</v>
          </cell>
        </row>
        <row r="541">
          <cell r="F541">
            <v>75023</v>
          </cell>
          <cell r="Z541" t="str">
            <v>GLFUD</v>
          </cell>
          <cell r="AN541" t="str">
            <v>MDO C&amp;M</v>
          </cell>
          <cell r="AO541" t="str">
            <v>MDO OH/KEN C&amp;M</v>
          </cell>
        </row>
        <row r="542">
          <cell r="F542">
            <v>75023</v>
          </cell>
          <cell r="Z542" t="str">
            <v>GLFUD</v>
          </cell>
          <cell r="AN542" t="str">
            <v>MDO C&amp;M</v>
          </cell>
          <cell r="AO542" t="str">
            <v>MDO OH/KEN C&amp;M</v>
          </cell>
        </row>
        <row r="543">
          <cell r="F543">
            <v>75023</v>
          </cell>
          <cell r="Z543" t="str">
            <v>GLFUD</v>
          </cell>
          <cell r="AN543" t="str">
            <v>MDO C&amp;M</v>
          </cell>
          <cell r="AO543" t="str">
            <v>MDO OH/KEN C&amp;M</v>
          </cell>
        </row>
        <row r="544">
          <cell r="F544">
            <v>75023</v>
          </cell>
          <cell r="Z544" t="str">
            <v>GLFUD</v>
          </cell>
          <cell r="AN544" t="str">
            <v>MDO C&amp;M</v>
          </cell>
          <cell r="AO544" t="str">
            <v>MDO OH/KEN C&amp;M</v>
          </cell>
        </row>
        <row r="545">
          <cell r="F545">
            <v>75023</v>
          </cell>
          <cell r="Z545" t="str">
            <v>GLFUD</v>
          </cell>
          <cell r="AN545" t="str">
            <v>MDO C&amp;M</v>
          </cell>
          <cell r="AO545" t="str">
            <v>MDO OH/KEN C&amp;M</v>
          </cell>
        </row>
        <row r="546">
          <cell r="F546">
            <v>75023</v>
          </cell>
          <cell r="Z546" t="str">
            <v>GLFUD</v>
          </cell>
          <cell r="AN546" t="str">
            <v>MDO C&amp;M</v>
          </cell>
          <cell r="AO546" t="str">
            <v>MDO OH/KEN C&amp;M</v>
          </cell>
        </row>
        <row r="547">
          <cell r="F547">
            <v>75023</v>
          </cell>
          <cell r="Z547" t="str">
            <v>GLFUD</v>
          </cell>
          <cell r="AN547" t="str">
            <v>MDO C&amp;M</v>
          </cell>
          <cell r="AO547" t="str">
            <v>MDO OH/KEN C&amp;M</v>
          </cell>
        </row>
        <row r="548">
          <cell r="F548">
            <v>75023</v>
          </cell>
          <cell r="Z548" t="str">
            <v>GLFUD</v>
          </cell>
          <cell r="AN548" t="str">
            <v>MDO C&amp;M</v>
          </cell>
          <cell r="AO548" t="str">
            <v>MDO OH/KEN C&amp;M</v>
          </cell>
        </row>
        <row r="549">
          <cell r="F549">
            <v>75023</v>
          </cell>
          <cell r="Z549" t="str">
            <v>GLFUD</v>
          </cell>
          <cell r="AN549" t="str">
            <v>MDO C&amp;M</v>
          </cell>
          <cell r="AO549" t="str">
            <v>MDO OH/KEN C&amp;M</v>
          </cell>
        </row>
        <row r="550">
          <cell r="F550">
            <v>75023</v>
          </cell>
          <cell r="Z550" t="str">
            <v>GLFUD</v>
          </cell>
          <cell r="AN550" t="str">
            <v>MDO C&amp;M</v>
          </cell>
          <cell r="AO550" t="str">
            <v>MDO OH/KEN C&amp;M</v>
          </cell>
        </row>
        <row r="551">
          <cell r="F551">
            <v>75023</v>
          </cell>
          <cell r="Z551" t="str">
            <v>GLFUD</v>
          </cell>
          <cell r="AN551" t="str">
            <v>MDO C&amp;M</v>
          </cell>
          <cell r="AO551" t="str">
            <v>MDO OH/KEN C&amp;M</v>
          </cell>
        </row>
        <row r="552">
          <cell r="F552">
            <v>75023</v>
          </cell>
          <cell r="Z552" t="str">
            <v>GLFUD</v>
          </cell>
          <cell r="AN552" t="str">
            <v>MDO C&amp;M</v>
          </cell>
          <cell r="AO552" t="str">
            <v>MDO OH/KEN C&amp;M</v>
          </cell>
        </row>
        <row r="553">
          <cell r="F553">
            <v>75023</v>
          </cell>
          <cell r="Z553" t="str">
            <v>GLFUD</v>
          </cell>
          <cell r="AN553" t="str">
            <v>MDO C&amp;M</v>
          </cell>
          <cell r="AO553" t="str">
            <v>MDO OH/KEN C&amp;M</v>
          </cell>
        </row>
        <row r="554">
          <cell r="F554">
            <v>75023</v>
          </cell>
          <cell r="Z554" t="str">
            <v>GLFUD</v>
          </cell>
          <cell r="AN554" t="str">
            <v>MDO C&amp;M</v>
          </cell>
          <cell r="AO554" t="str">
            <v>MDO OH/KEN C&amp;M</v>
          </cell>
        </row>
        <row r="555">
          <cell r="F555">
            <v>75023</v>
          </cell>
          <cell r="Z555" t="str">
            <v>GLFUD</v>
          </cell>
          <cell r="AN555" t="str">
            <v>MDO C&amp;M</v>
          </cell>
          <cell r="AO555" t="str">
            <v>MDO OH/KEN C&amp;M</v>
          </cell>
        </row>
        <row r="556">
          <cell r="F556">
            <v>75023</v>
          </cell>
          <cell r="Z556" t="str">
            <v>GLFUD</v>
          </cell>
          <cell r="AN556" t="str">
            <v>MDO C&amp;M</v>
          </cell>
          <cell r="AO556" t="str">
            <v>MDO OH/KEN C&amp;M</v>
          </cell>
        </row>
        <row r="557">
          <cell r="F557">
            <v>75023</v>
          </cell>
          <cell r="Z557" t="str">
            <v>GLFUD</v>
          </cell>
          <cell r="AN557" t="str">
            <v>MDO C&amp;M</v>
          </cell>
          <cell r="AO557" t="str">
            <v>MDO OH/KEN C&amp;M</v>
          </cell>
        </row>
        <row r="558">
          <cell r="F558">
            <v>75023</v>
          </cell>
          <cell r="Z558" t="str">
            <v>GLFUD</v>
          </cell>
          <cell r="AN558" t="str">
            <v>MDO C&amp;M</v>
          </cell>
          <cell r="AO558" t="str">
            <v>MDO OH/KEN C&amp;M</v>
          </cell>
        </row>
        <row r="559">
          <cell r="F559">
            <v>75023</v>
          </cell>
          <cell r="Z559" t="str">
            <v>GLFUD</v>
          </cell>
          <cell r="AN559" t="str">
            <v>MDO C&amp;M</v>
          </cell>
          <cell r="AO559" t="str">
            <v>MDO OH/KEN C&amp;M</v>
          </cell>
        </row>
        <row r="560">
          <cell r="F560">
            <v>75023</v>
          </cell>
          <cell r="Z560" t="str">
            <v>GLFUD</v>
          </cell>
          <cell r="AN560" t="str">
            <v>MDO C&amp;M</v>
          </cell>
          <cell r="AO560" t="str">
            <v>MDO OH/KEN C&amp;M</v>
          </cell>
        </row>
        <row r="561">
          <cell r="F561">
            <v>75023</v>
          </cell>
          <cell r="Z561" t="str">
            <v>GLFUD</v>
          </cell>
          <cell r="AN561" t="str">
            <v>MDO C&amp;M</v>
          </cell>
          <cell r="AO561" t="str">
            <v>MDO OH/KEN C&amp;M</v>
          </cell>
        </row>
        <row r="562">
          <cell r="F562">
            <v>75023</v>
          </cell>
          <cell r="Z562" t="str">
            <v>GLFUD</v>
          </cell>
          <cell r="AN562" t="str">
            <v>MDO C&amp;M</v>
          </cell>
          <cell r="AO562" t="str">
            <v>MDO OH/KEN C&amp;M</v>
          </cell>
        </row>
        <row r="563">
          <cell r="F563">
            <v>75023</v>
          </cell>
          <cell r="Z563" t="str">
            <v>GLFUD</v>
          </cell>
          <cell r="AN563" t="str">
            <v>MDO C&amp;M</v>
          </cell>
          <cell r="AO563" t="str">
            <v>MDO OH/KEN C&amp;M</v>
          </cell>
        </row>
        <row r="564">
          <cell r="F564">
            <v>75023</v>
          </cell>
          <cell r="Z564" t="str">
            <v>GLFUD</v>
          </cell>
          <cell r="AN564" t="str">
            <v>MDO C&amp;M</v>
          </cell>
          <cell r="AO564" t="str">
            <v>MDO OH/KEN C&amp;M</v>
          </cell>
        </row>
        <row r="565">
          <cell r="F565">
            <v>75023</v>
          </cell>
          <cell r="Z565" t="str">
            <v>GLFUD</v>
          </cell>
          <cell r="AN565" t="str">
            <v>MDO C&amp;M</v>
          </cell>
          <cell r="AO565" t="str">
            <v>MDO OH/KEN C&amp;M</v>
          </cell>
        </row>
        <row r="566">
          <cell r="F566">
            <v>75023</v>
          </cell>
          <cell r="Z566" t="str">
            <v>GLFUD</v>
          </cell>
          <cell r="AN566" t="str">
            <v>MDO C&amp;M</v>
          </cell>
          <cell r="AO566" t="str">
            <v>MDO OH/KEN C&amp;M</v>
          </cell>
        </row>
        <row r="567">
          <cell r="F567">
            <v>75023</v>
          </cell>
          <cell r="Z567" t="str">
            <v>GLFUD</v>
          </cell>
          <cell r="AN567" t="str">
            <v>MDO C&amp;M</v>
          </cell>
          <cell r="AO567" t="str">
            <v>MDO OH/KEN C&amp;M</v>
          </cell>
        </row>
        <row r="568">
          <cell r="F568">
            <v>75023</v>
          </cell>
          <cell r="Z568" t="str">
            <v>GLFUD</v>
          </cell>
          <cell r="AN568" t="str">
            <v>MDO C&amp;M</v>
          </cell>
          <cell r="AO568" t="str">
            <v>MDO OH/KEN C&amp;M</v>
          </cell>
        </row>
        <row r="569">
          <cell r="F569">
            <v>75023</v>
          </cell>
          <cell r="Z569" t="str">
            <v>GLFUD</v>
          </cell>
          <cell r="AN569" t="str">
            <v>MDO C&amp;M</v>
          </cell>
          <cell r="AO569" t="str">
            <v>MDO OH/KEN C&amp;M</v>
          </cell>
        </row>
        <row r="570">
          <cell r="F570">
            <v>75023</v>
          </cell>
          <cell r="Z570" t="str">
            <v>GLFUD</v>
          </cell>
          <cell r="AN570" t="str">
            <v>MDO C&amp;M</v>
          </cell>
          <cell r="AO570" t="str">
            <v>MDO OH/KEN C&amp;M</v>
          </cell>
        </row>
        <row r="571">
          <cell r="F571">
            <v>75023</v>
          </cell>
          <cell r="Z571" t="str">
            <v>GLFUD</v>
          </cell>
          <cell r="AN571" t="str">
            <v>MDO C&amp;M</v>
          </cell>
          <cell r="AO571" t="str">
            <v>MDO OH/KEN C&amp;M</v>
          </cell>
        </row>
        <row r="572">
          <cell r="F572">
            <v>75023</v>
          </cell>
          <cell r="Z572" t="str">
            <v>GLFUD</v>
          </cell>
          <cell r="AN572" t="str">
            <v>MDO C&amp;M</v>
          </cell>
          <cell r="AO572" t="str">
            <v>MDO OH/KEN C&amp;M</v>
          </cell>
        </row>
        <row r="573">
          <cell r="F573">
            <v>75023</v>
          </cell>
          <cell r="Z573" t="str">
            <v>GLFUD</v>
          </cell>
          <cell r="AN573" t="str">
            <v>MDO C&amp;M</v>
          </cell>
          <cell r="AO573" t="str">
            <v>MDO OH/KEN C&amp;M</v>
          </cell>
        </row>
        <row r="574">
          <cell r="F574">
            <v>75023</v>
          </cell>
          <cell r="Z574" t="str">
            <v>GLFUD</v>
          </cell>
          <cell r="AN574" t="str">
            <v>MDO C&amp;M</v>
          </cell>
          <cell r="AO574" t="str">
            <v>MDO OH/KEN C&amp;M</v>
          </cell>
        </row>
        <row r="575">
          <cell r="F575">
            <v>75023</v>
          </cell>
          <cell r="Z575" t="str">
            <v>GLFUD</v>
          </cell>
          <cell r="AN575" t="str">
            <v>MDO C&amp;M</v>
          </cell>
          <cell r="AO575" t="str">
            <v>MDO OH/KEN C&amp;M</v>
          </cell>
        </row>
        <row r="576">
          <cell r="F576">
            <v>75023</v>
          </cell>
          <cell r="Z576" t="str">
            <v>GLFUD</v>
          </cell>
          <cell r="AN576" t="str">
            <v>MDO C&amp;M</v>
          </cell>
          <cell r="AO576" t="str">
            <v>MDO OH/KEN C&amp;M</v>
          </cell>
        </row>
        <row r="577">
          <cell r="F577">
            <v>75023</v>
          </cell>
          <cell r="Z577" t="str">
            <v>GLFUD</v>
          </cell>
          <cell r="AN577" t="str">
            <v>MDO C&amp;M</v>
          </cell>
          <cell r="AO577" t="str">
            <v>MDO OH/KEN C&amp;M</v>
          </cell>
        </row>
        <row r="578">
          <cell r="F578">
            <v>75023</v>
          </cell>
          <cell r="Z578" t="str">
            <v>GLFUD</v>
          </cell>
          <cell r="AN578" t="str">
            <v>MDO C&amp;M</v>
          </cell>
          <cell r="AO578" t="str">
            <v>MDO OH/KEN C&amp;M</v>
          </cell>
        </row>
        <row r="579">
          <cell r="F579">
            <v>75023</v>
          </cell>
          <cell r="Z579" t="str">
            <v>GLFUD</v>
          </cell>
          <cell r="AN579" t="str">
            <v>MDO C&amp;M</v>
          </cell>
          <cell r="AO579" t="str">
            <v>MDO OH/KEN C&amp;M</v>
          </cell>
        </row>
        <row r="580">
          <cell r="F580">
            <v>75023</v>
          </cell>
          <cell r="Z580" t="str">
            <v>GLFUD</v>
          </cell>
          <cell r="AN580" t="str">
            <v>MDO C&amp;M</v>
          </cell>
          <cell r="AO580" t="str">
            <v>MDO OH/KEN C&amp;M</v>
          </cell>
        </row>
        <row r="581">
          <cell r="F581">
            <v>75023</v>
          </cell>
          <cell r="Z581" t="str">
            <v>GLFUD</v>
          </cell>
          <cell r="AN581" t="str">
            <v>MDO C&amp;M</v>
          </cell>
          <cell r="AO581" t="str">
            <v>MDO OH/KEN C&amp;M</v>
          </cell>
        </row>
        <row r="582">
          <cell r="F582">
            <v>75023</v>
          </cell>
          <cell r="Z582" t="str">
            <v>GLFUD</v>
          </cell>
          <cell r="AN582" t="str">
            <v>MDO C&amp;M</v>
          </cell>
          <cell r="AO582" t="str">
            <v>MDO OH/KEN C&amp;M</v>
          </cell>
        </row>
        <row r="583">
          <cell r="F583">
            <v>75023</v>
          </cell>
          <cell r="Z583" t="str">
            <v>GLFUD</v>
          </cell>
          <cell r="AN583" t="str">
            <v>MDO C&amp;M</v>
          </cell>
          <cell r="AO583" t="str">
            <v>MDO OH/KEN C&amp;M</v>
          </cell>
        </row>
        <row r="584">
          <cell r="F584">
            <v>75023</v>
          </cell>
          <cell r="Z584" t="str">
            <v>GLFUD</v>
          </cell>
          <cell r="AN584" t="str">
            <v>MDO C&amp;M</v>
          </cell>
          <cell r="AO584" t="str">
            <v>MDO OH/KEN C&amp;M</v>
          </cell>
        </row>
        <row r="585">
          <cell r="F585">
            <v>75023</v>
          </cell>
          <cell r="Z585" t="str">
            <v>GLFUD</v>
          </cell>
          <cell r="AN585" t="str">
            <v>MDO C&amp;M</v>
          </cell>
          <cell r="AO585" t="str">
            <v>MDO OH/KEN C&amp;M</v>
          </cell>
        </row>
        <row r="586">
          <cell r="F586">
            <v>75023</v>
          </cell>
          <cell r="Z586" t="str">
            <v>GLFUD</v>
          </cell>
          <cell r="AN586" t="str">
            <v>MDO C&amp;M</v>
          </cell>
          <cell r="AO586" t="str">
            <v>MDO OH/KEN C&amp;M</v>
          </cell>
        </row>
        <row r="587">
          <cell r="F587">
            <v>75023</v>
          </cell>
          <cell r="Z587" t="str">
            <v>GLFUD</v>
          </cell>
          <cell r="AN587" t="str">
            <v>MDO C&amp;M</v>
          </cell>
          <cell r="AO587" t="str">
            <v>MDO OH/KEN C&amp;M</v>
          </cell>
        </row>
        <row r="588">
          <cell r="F588">
            <v>75023</v>
          </cell>
          <cell r="Z588" t="str">
            <v>GLFUD</v>
          </cell>
          <cell r="AN588" t="str">
            <v>MDO C&amp;M</v>
          </cell>
          <cell r="AO588" t="str">
            <v>MDO OH/KEN C&amp;M</v>
          </cell>
        </row>
        <row r="589">
          <cell r="F589">
            <v>75023</v>
          </cell>
          <cell r="Z589" t="str">
            <v>GLFUD</v>
          </cell>
          <cell r="AN589" t="str">
            <v>MDO C&amp;M</v>
          </cell>
          <cell r="AO589" t="str">
            <v>MDO OH/KEN C&amp;M</v>
          </cell>
        </row>
        <row r="590">
          <cell r="F590">
            <v>75023</v>
          </cell>
          <cell r="Z590" t="str">
            <v>GLFUD</v>
          </cell>
          <cell r="AN590" t="str">
            <v>MDO C&amp;M</v>
          </cell>
          <cell r="AO590" t="str">
            <v>MDO OH/KEN C&amp;M</v>
          </cell>
        </row>
        <row r="591">
          <cell r="F591">
            <v>75023</v>
          </cell>
          <cell r="Z591" t="str">
            <v>GLFUD</v>
          </cell>
          <cell r="AN591" t="str">
            <v>MDO C&amp;M</v>
          </cell>
          <cell r="AO591" t="str">
            <v>MDO OH/KEN C&amp;M</v>
          </cell>
        </row>
        <row r="592">
          <cell r="F592">
            <v>75023</v>
          </cell>
          <cell r="Z592" t="str">
            <v>GLFUD</v>
          </cell>
          <cell r="AN592" t="str">
            <v>MDO C&amp;M</v>
          </cell>
          <cell r="AO592" t="str">
            <v>MDO OH/KEN C&amp;M</v>
          </cell>
        </row>
        <row r="593">
          <cell r="F593">
            <v>75023</v>
          </cell>
          <cell r="Z593" t="str">
            <v>GLFUD</v>
          </cell>
          <cell r="AN593" t="str">
            <v>MDO C&amp;M</v>
          </cell>
          <cell r="AO593" t="str">
            <v>MDO OH/KEN C&amp;M</v>
          </cell>
        </row>
        <row r="594">
          <cell r="F594">
            <v>75023</v>
          </cell>
          <cell r="Z594" t="str">
            <v>GLFUD</v>
          </cell>
          <cell r="AN594" t="str">
            <v>MDO C&amp;M</v>
          </cell>
          <cell r="AO594" t="str">
            <v>MDO OH/KEN C&amp;M</v>
          </cell>
        </row>
        <row r="595">
          <cell r="F595">
            <v>75023</v>
          </cell>
          <cell r="Z595" t="str">
            <v>GLFUD</v>
          </cell>
          <cell r="AN595" t="str">
            <v>MDO C&amp;M</v>
          </cell>
          <cell r="AO595" t="str">
            <v>MDO OH/KEN C&amp;M</v>
          </cell>
        </row>
        <row r="596">
          <cell r="F596">
            <v>75023</v>
          </cell>
          <cell r="Z596" t="str">
            <v>GLFUD</v>
          </cell>
          <cell r="AN596" t="str">
            <v>MDO C&amp;M</v>
          </cell>
          <cell r="AO596" t="str">
            <v>MDO OH/KEN C&amp;M</v>
          </cell>
        </row>
        <row r="597">
          <cell r="F597">
            <v>75023</v>
          </cell>
          <cell r="Z597" t="str">
            <v>GLFUD</v>
          </cell>
          <cell r="AN597" t="str">
            <v>MDO C&amp;M</v>
          </cell>
          <cell r="AO597" t="str">
            <v>MDO OH/KEN C&amp;M</v>
          </cell>
        </row>
        <row r="598">
          <cell r="F598">
            <v>75023</v>
          </cell>
          <cell r="Z598" t="str">
            <v>GLFUD</v>
          </cell>
          <cell r="AN598" t="str">
            <v>MDO C&amp;M</v>
          </cell>
          <cell r="AO598" t="str">
            <v>MDO OH/KEN C&amp;M</v>
          </cell>
        </row>
        <row r="599">
          <cell r="F599">
            <v>75023</v>
          </cell>
          <cell r="Z599" t="str">
            <v>GLFUD</v>
          </cell>
          <cell r="AN599" t="str">
            <v>MDO C&amp;M</v>
          </cell>
          <cell r="AO599" t="str">
            <v>MDO OH/KEN C&amp;M</v>
          </cell>
        </row>
        <row r="600">
          <cell r="F600">
            <v>75023</v>
          </cell>
          <cell r="Z600" t="str">
            <v>GLFUD</v>
          </cell>
          <cell r="AN600" t="str">
            <v>MDO C&amp;M</v>
          </cell>
          <cell r="AO600" t="str">
            <v>MDO OH/KEN C&amp;M</v>
          </cell>
        </row>
        <row r="601">
          <cell r="F601">
            <v>75023</v>
          </cell>
          <cell r="Z601" t="str">
            <v>GLFUD</v>
          </cell>
          <cell r="AN601" t="str">
            <v>MDO C&amp;M</v>
          </cell>
          <cell r="AO601" t="str">
            <v>MDO OH/KEN C&amp;M</v>
          </cell>
        </row>
        <row r="602">
          <cell r="F602">
            <v>75023</v>
          </cell>
          <cell r="Z602" t="str">
            <v>GLFUD</v>
          </cell>
          <cell r="AN602" t="str">
            <v>MDO C&amp;M</v>
          </cell>
          <cell r="AO602" t="str">
            <v>MDO OH/KEN C&amp;M</v>
          </cell>
        </row>
        <row r="603">
          <cell r="F603">
            <v>75023</v>
          </cell>
          <cell r="Z603" t="str">
            <v>GLFUD</v>
          </cell>
          <cell r="AN603" t="str">
            <v>MDO C&amp;M</v>
          </cell>
          <cell r="AO603" t="str">
            <v>MDO OH/KEN C&amp;M</v>
          </cell>
        </row>
        <row r="604">
          <cell r="F604">
            <v>75023</v>
          </cell>
          <cell r="Z604" t="str">
            <v>GLFUD</v>
          </cell>
          <cell r="AN604" t="str">
            <v>MDO C&amp;M</v>
          </cell>
          <cell r="AO604" t="str">
            <v>MDO OH/KEN C&amp;M</v>
          </cell>
        </row>
        <row r="605">
          <cell r="F605">
            <v>75023</v>
          </cell>
          <cell r="Z605" t="str">
            <v>GLFUD</v>
          </cell>
          <cell r="AN605" t="str">
            <v>MDO C&amp;M</v>
          </cell>
          <cell r="AO605" t="str">
            <v>MDO OH/KEN C&amp;M</v>
          </cell>
        </row>
        <row r="606">
          <cell r="F606">
            <v>75023</v>
          </cell>
          <cell r="Z606" t="str">
            <v>GLFUD</v>
          </cell>
          <cell r="AN606" t="str">
            <v>MDO C&amp;M</v>
          </cell>
          <cell r="AO606" t="str">
            <v>MDO OH/KEN C&amp;M</v>
          </cell>
        </row>
        <row r="607">
          <cell r="F607">
            <v>75023</v>
          </cell>
          <cell r="Z607" t="str">
            <v>GLFUD</v>
          </cell>
          <cell r="AN607" t="str">
            <v>MDO C&amp;M</v>
          </cell>
          <cell r="AO607" t="str">
            <v>MDO OH/KEN C&amp;M</v>
          </cell>
        </row>
        <row r="608">
          <cell r="F608">
            <v>75023</v>
          </cell>
          <cell r="Z608" t="str">
            <v>GLFUD</v>
          </cell>
          <cell r="AN608" t="str">
            <v>MDO C&amp;M</v>
          </cell>
          <cell r="AO608" t="str">
            <v>MDO OH/KEN C&amp;M</v>
          </cell>
        </row>
        <row r="609">
          <cell r="F609">
            <v>75023</v>
          </cell>
          <cell r="Z609" t="str">
            <v>GLFUD</v>
          </cell>
          <cell r="AN609" t="str">
            <v>MDO C&amp;M</v>
          </cell>
          <cell r="AO609" t="str">
            <v>MDO OH/KEN C&amp;M</v>
          </cell>
        </row>
        <row r="610">
          <cell r="F610">
            <v>75023</v>
          </cell>
          <cell r="Z610" t="str">
            <v>GLFUD</v>
          </cell>
          <cell r="AN610" t="str">
            <v>MDO C&amp;M</v>
          </cell>
          <cell r="AO610" t="str">
            <v>MDO OH/KEN C&amp;M</v>
          </cell>
        </row>
        <row r="611">
          <cell r="F611">
            <v>75023</v>
          </cell>
          <cell r="Z611" t="str">
            <v>GLFUD</v>
          </cell>
          <cell r="AN611" t="str">
            <v>MDO C&amp;M</v>
          </cell>
          <cell r="AO611" t="str">
            <v>MDO OH/KEN C&amp;M</v>
          </cell>
        </row>
        <row r="612">
          <cell r="F612">
            <v>75023</v>
          </cell>
          <cell r="Z612" t="str">
            <v>GLFUD</v>
          </cell>
          <cell r="AN612" t="str">
            <v>MDO C&amp;M</v>
          </cell>
          <cell r="AO612" t="str">
            <v>MDO OH/KEN C&amp;M</v>
          </cell>
        </row>
        <row r="613">
          <cell r="F613">
            <v>75023</v>
          </cell>
          <cell r="Z613" t="str">
            <v>GLFUD</v>
          </cell>
          <cell r="AN613" t="str">
            <v>MDO C&amp;M</v>
          </cell>
          <cell r="AO613" t="str">
            <v>MDO OH/KEN C&amp;M</v>
          </cell>
        </row>
        <row r="614">
          <cell r="F614">
            <v>75023</v>
          </cell>
          <cell r="Z614" t="str">
            <v>GLFUD</v>
          </cell>
          <cell r="AN614" t="str">
            <v>MDO C&amp;M</v>
          </cell>
          <cell r="AO614" t="str">
            <v>MDO OH/KEN C&amp;M</v>
          </cell>
        </row>
        <row r="615">
          <cell r="F615">
            <v>75023</v>
          </cell>
          <cell r="Z615" t="str">
            <v>GLFUD</v>
          </cell>
          <cell r="AN615" t="str">
            <v>MDO C&amp;M</v>
          </cell>
          <cell r="AO615" t="str">
            <v>MDO OH/KEN C&amp;M</v>
          </cell>
        </row>
        <row r="616">
          <cell r="F616">
            <v>75023</v>
          </cell>
          <cell r="Z616" t="str">
            <v>GLFUD</v>
          </cell>
          <cell r="AN616" t="str">
            <v>MDO C&amp;M</v>
          </cell>
          <cell r="AO616" t="str">
            <v>MDO OH/KEN C&amp;M</v>
          </cell>
        </row>
        <row r="617">
          <cell r="F617">
            <v>75023</v>
          </cell>
          <cell r="Z617" t="str">
            <v>GLFUD</v>
          </cell>
          <cell r="AN617" t="str">
            <v>MDO C&amp;M</v>
          </cell>
          <cell r="AO617" t="str">
            <v>MDO OH/KEN C&amp;M</v>
          </cell>
        </row>
        <row r="618">
          <cell r="F618">
            <v>75023</v>
          </cell>
          <cell r="Z618" t="str">
            <v>GLFUD</v>
          </cell>
          <cell r="AN618" t="str">
            <v>MDO C&amp;M</v>
          </cell>
          <cell r="AO618" t="str">
            <v>MDO OH/KEN C&amp;M</v>
          </cell>
        </row>
        <row r="619">
          <cell r="F619">
            <v>75023</v>
          </cell>
          <cell r="Z619" t="str">
            <v>GLFUD</v>
          </cell>
          <cell r="AN619" t="str">
            <v>MDO C&amp;M</v>
          </cell>
          <cell r="AO619" t="str">
            <v>MDO OH/KEN C&amp;M</v>
          </cell>
        </row>
        <row r="620">
          <cell r="F620">
            <v>75023</v>
          </cell>
          <cell r="Z620" t="str">
            <v>GLFUD</v>
          </cell>
          <cell r="AN620" t="str">
            <v>MDO C&amp;M</v>
          </cell>
          <cell r="AO620" t="str">
            <v>MDO OH/KEN C&amp;M</v>
          </cell>
        </row>
        <row r="621">
          <cell r="F621">
            <v>75023</v>
          </cell>
          <cell r="Z621" t="str">
            <v>GLFUD</v>
          </cell>
          <cell r="AN621" t="str">
            <v>MDO C&amp;M</v>
          </cell>
          <cell r="AO621" t="str">
            <v>MDO OH/KEN C&amp;M</v>
          </cell>
        </row>
        <row r="622">
          <cell r="F622">
            <v>75023</v>
          </cell>
          <cell r="Z622" t="str">
            <v>GLFUD</v>
          </cell>
          <cell r="AN622" t="str">
            <v>MDO C&amp;M</v>
          </cell>
          <cell r="AO622" t="str">
            <v>MDO OH/KEN C&amp;M</v>
          </cell>
        </row>
        <row r="623">
          <cell r="F623">
            <v>75023</v>
          </cell>
          <cell r="Z623" t="str">
            <v>GLFUD</v>
          </cell>
          <cell r="AN623" t="str">
            <v>MDO C&amp;M</v>
          </cell>
          <cell r="AO623" t="str">
            <v>MDO OH/KEN C&amp;M</v>
          </cell>
        </row>
        <row r="624">
          <cell r="F624">
            <v>75084</v>
          </cell>
          <cell r="Z624" t="str">
            <v>GLFUD</v>
          </cell>
          <cell r="AN624" t="str">
            <v>MDO C&amp;M</v>
          </cell>
          <cell r="AO624" t="str">
            <v>MDO OH/KEN C&amp;M</v>
          </cell>
        </row>
        <row r="625">
          <cell r="F625">
            <v>75084</v>
          </cell>
          <cell r="Z625" t="str">
            <v>GLFUD</v>
          </cell>
          <cell r="AN625" t="str">
            <v>MDO C&amp;M</v>
          </cell>
          <cell r="AO625" t="str">
            <v>MDO OH/KEN C&amp;M</v>
          </cell>
        </row>
        <row r="626">
          <cell r="F626">
            <v>75084</v>
          </cell>
          <cell r="Z626" t="str">
            <v>GLFUD</v>
          </cell>
          <cell r="AN626" t="str">
            <v>MDO C&amp;M</v>
          </cell>
          <cell r="AO626" t="str">
            <v>MDO OH/KEN C&amp;M</v>
          </cell>
        </row>
        <row r="627">
          <cell r="F627">
            <v>75084</v>
          </cell>
          <cell r="Z627" t="str">
            <v>GLFUD</v>
          </cell>
          <cell r="AN627" t="str">
            <v>MDO C&amp;M</v>
          </cell>
          <cell r="AO627" t="str">
            <v>MDO OH/KEN C&amp;M</v>
          </cell>
        </row>
        <row r="628">
          <cell r="F628">
            <v>75084</v>
          </cell>
          <cell r="Z628" t="str">
            <v>GLFUD</v>
          </cell>
          <cell r="AN628" t="str">
            <v>MDO C&amp;M</v>
          </cell>
          <cell r="AO628" t="str">
            <v>MDO OH/KEN C&amp;M</v>
          </cell>
        </row>
        <row r="629">
          <cell r="F629">
            <v>75084</v>
          </cell>
          <cell r="Z629" t="str">
            <v>GLFUD</v>
          </cell>
          <cell r="AN629" t="str">
            <v>MDO C&amp;M</v>
          </cell>
          <cell r="AO629" t="str">
            <v>MDO OH/KEN C&amp;M</v>
          </cell>
        </row>
        <row r="630">
          <cell r="F630">
            <v>75084</v>
          </cell>
          <cell r="Z630" t="str">
            <v>GLFUD</v>
          </cell>
          <cell r="AN630" t="str">
            <v>MDO C&amp;M</v>
          </cell>
          <cell r="AO630" t="str">
            <v>MDO OH/KEN C&amp;M</v>
          </cell>
        </row>
        <row r="631">
          <cell r="F631">
            <v>75084</v>
          </cell>
          <cell r="Z631" t="str">
            <v>GLFUD</v>
          </cell>
          <cell r="AN631" t="str">
            <v>MDO C&amp;M</v>
          </cell>
          <cell r="AO631" t="str">
            <v>MDO OH/KEN C&amp;M</v>
          </cell>
        </row>
        <row r="632">
          <cell r="F632">
            <v>75084</v>
          </cell>
          <cell r="Z632" t="str">
            <v>GLFUD</v>
          </cell>
          <cell r="AN632" t="str">
            <v>MDO C&amp;M</v>
          </cell>
          <cell r="AO632" t="str">
            <v>MDO OH/KEN C&amp;M</v>
          </cell>
        </row>
        <row r="633">
          <cell r="F633">
            <v>75084</v>
          </cell>
          <cell r="Z633" t="str">
            <v>GLFUD</v>
          </cell>
          <cell r="AN633" t="str">
            <v>MDO C&amp;M</v>
          </cell>
          <cell r="AO633" t="str">
            <v>MDO OH/KEN C&amp;M</v>
          </cell>
        </row>
        <row r="634">
          <cell r="F634">
            <v>75084</v>
          </cell>
          <cell r="Z634" t="str">
            <v>GLFUD</v>
          </cell>
          <cell r="AN634" t="str">
            <v>MDO C&amp;M</v>
          </cell>
          <cell r="AO634" t="str">
            <v>MDO OH/KEN C&amp;M</v>
          </cell>
        </row>
        <row r="635">
          <cell r="F635">
            <v>75084</v>
          </cell>
          <cell r="Z635" t="str">
            <v>GLFUD</v>
          </cell>
          <cell r="AN635" t="str">
            <v>MDO C&amp;M</v>
          </cell>
          <cell r="AO635" t="str">
            <v>MDO OH/KEN C&amp;M</v>
          </cell>
        </row>
        <row r="636">
          <cell r="F636">
            <v>75084</v>
          </cell>
          <cell r="Z636" t="str">
            <v>GLFUD</v>
          </cell>
          <cell r="AN636" t="str">
            <v>MDO C&amp;M</v>
          </cell>
          <cell r="AO636" t="str">
            <v>MDO OH/KEN C&amp;M</v>
          </cell>
        </row>
        <row r="637">
          <cell r="F637">
            <v>75084</v>
          </cell>
          <cell r="Z637" t="str">
            <v>GLFUD</v>
          </cell>
          <cell r="AN637" t="str">
            <v>MDO C&amp;M</v>
          </cell>
          <cell r="AO637" t="str">
            <v>MDO OH/KEN C&amp;M</v>
          </cell>
        </row>
        <row r="638">
          <cell r="F638">
            <v>75084</v>
          </cell>
          <cell r="Z638" t="str">
            <v>GLFUD</v>
          </cell>
          <cell r="AN638" t="str">
            <v>MDO C&amp;M</v>
          </cell>
          <cell r="AO638" t="str">
            <v>MDO OH/KEN C&amp;M</v>
          </cell>
        </row>
        <row r="639">
          <cell r="F639">
            <v>75084</v>
          </cell>
          <cell r="Z639" t="str">
            <v>GLFUD</v>
          </cell>
          <cell r="AN639" t="str">
            <v>MDO C&amp;M</v>
          </cell>
          <cell r="AO639" t="str">
            <v>MDO OH/KEN C&amp;M</v>
          </cell>
        </row>
        <row r="640">
          <cell r="F640">
            <v>75084</v>
          </cell>
          <cell r="Z640" t="str">
            <v>GLFUD</v>
          </cell>
          <cell r="AN640" t="str">
            <v>MDO C&amp;M</v>
          </cell>
          <cell r="AO640" t="str">
            <v>MDO OH/KEN C&amp;M</v>
          </cell>
        </row>
        <row r="641">
          <cell r="F641">
            <v>75084</v>
          </cell>
          <cell r="Z641" t="str">
            <v>GLFUD</v>
          </cell>
          <cell r="AN641" t="str">
            <v>MDO C&amp;M</v>
          </cell>
          <cell r="AO641" t="str">
            <v>MDO OH/KEN C&amp;M</v>
          </cell>
        </row>
        <row r="642">
          <cell r="F642">
            <v>75084</v>
          </cell>
          <cell r="Z642" t="str">
            <v>GLFUD</v>
          </cell>
          <cell r="AN642" t="str">
            <v>MDO C&amp;M</v>
          </cell>
          <cell r="AO642" t="str">
            <v>MDO OH/KEN C&amp;M</v>
          </cell>
        </row>
        <row r="643">
          <cell r="F643">
            <v>75084</v>
          </cell>
          <cell r="Z643" t="str">
            <v>GLFUD</v>
          </cell>
          <cell r="AN643" t="str">
            <v>MDO C&amp;M</v>
          </cell>
          <cell r="AO643" t="str">
            <v>MDO OH/KEN C&amp;M</v>
          </cell>
        </row>
        <row r="644">
          <cell r="F644">
            <v>75084</v>
          </cell>
          <cell r="Z644" t="str">
            <v>GLFUD</v>
          </cell>
          <cell r="AN644" t="str">
            <v>MDO C&amp;M</v>
          </cell>
          <cell r="AO644" t="str">
            <v>MDO OH/KEN C&amp;M</v>
          </cell>
        </row>
        <row r="645">
          <cell r="F645">
            <v>75115</v>
          </cell>
          <cell r="Z645" t="str">
            <v>GLFUD</v>
          </cell>
          <cell r="AN645" t="str">
            <v>MDO C&amp;M</v>
          </cell>
          <cell r="AO645" t="str">
            <v>MDO INDIANA SOUTHWEST C&amp;M</v>
          </cell>
        </row>
        <row r="646">
          <cell r="F646">
            <v>75115</v>
          </cell>
          <cell r="Z646" t="str">
            <v>GLFUD</v>
          </cell>
          <cell r="AN646" t="str">
            <v>MDO C&amp;M</v>
          </cell>
          <cell r="AO646" t="str">
            <v>MDO INDIANA SOUTHWEST C&amp;M</v>
          </cell>
        </row>
        <row r="647">
          <cell r="F647">
            <v>75115</v>
          </cell>
          <cell r="Z647" t="str">
            <v>GLFUD</v>
          </cell>
          <cell r="AN647" t="str">
            <v>MDO C&amp;M</v>
          </cell>
          <cell r="AO647" t="str">
            <v>MDO INDIANA SOUTHWEST C&amp;M</v>
          </cell>
        </row>
        <row r="648">
          <cell r="F648">
            <v>75115</v>
          </cell>
          <cell r="Z648" t="str">
            <v>GLFUD</v>
          </cell>
          <cell r="AN648" t="str">
            <v>MDO C&amp;M</v>
          </cell>
          <cell r="AO648" t="str">
            <v>MDO INDIANA SOUTHWEST C&amp;M</v>
          </cell>
        </row>
        <row r="649">
          <cell r="F649">
            <v>75115</v>
          </cell>
          <cell r="Z649" t="str">
            <v>GLFUD</v>
          </cell>
          <cell r="AN649" t="str">
            <v>MDO C&amp;M</v>
          </cell>
          <cell r="AO649" t="str">
            <v>MDO INDIANA SOUTHWEST C&amp;M</v>
          </cell>
        </row>
        <row r="650">
          <cell r="F650">
            <v>75115</v>
          </cell>
          <cell r="Z650" t="str">
            <v>GLFUD</v>
          </cell>
          <cell r="AN650" t="str">
            <v>MDO C&amp;M</v>
          </cell>
          <cell r="AO650" t="str">
            <v>MDO INDIANA SOUTHWEST C&amp;M</v>
          </cell>
        </row>
        <row r="651">
          <cell r="F651">
            <v>75115</v>
          </cell>
          <cell r="Z651" t="str">
            <v>GLFUD</v>
          </cell>
          <cell r="AN651" t="str">
            <v>MDO C&amp;M</v>
          </cell>
          <cell r="AO651" t="str">
            <v>MDO INDIANA SOUTHWEST C&amp;M</v>
          </cell>
        </row>
        <row r="652">
          <cell r="F652">
            <v>75115</v>
          </cell>
          <cell r="Z652" t="str">
            <v>GLFUD</v>
          </cell>
          <cell r="AN652" t="str">
            <v>MDO C&amp;M</v>
          </cell>
          <cell r="AO652" t="str">
            <v>MDO INDIANA SOUTHWEST C&amp;M</v>
          </cell>
        </row>
        <row r="653">
          <cell r="F653">
            <v>75115</v>
          </cell>
          <cell r="Z653" t="str">
            <v>GLFUD</v>
          </cell>
          <cell r="AN653" t="str">
            <v>MDO C&amp;M</v>
          </cell>
          <cell r="AO653" t="str">
            <v>MDO INDIANA SOUTHWEST C&amp;M</v>
          </cell>
        </row>
        <row r="654">
          <cell r="F654">
            <v>75115</v>
          </cell>
          <cell r="Z654" t="str">
            <v>GLFUD</v>
          </cell>
          <cell r="AN654" t="str">
            <v>MDO C&amp;M</v>
          </cell>
          <cell r="AO654" t="str">
            <v>MDO INDIANA SOUTHWEST C&amp;M</v>
          </cell>
        </row>
        <row r="655">
          <cell r="F655">
            <v>75115</v>
          </cell>
          <cell r="Z655" t="str">
            <v>GLFUD</v>
          </cell>
          <cell r="AN655" t="str">
            <v>MDO C&amp;M</v>
          </cell>
          <cell r="AO655" t="str">
            <v>MDO INDIANA SOUTHWEST C&amp;M</v>
          </cell>
        </row>
        <row r="656">
          <cell r="F656">
            <v>75115</v>
          </cell>
          <cell r="Z656" t="str">
            <v>GLFUD</v>
          </cell>
          <cell r="AN656" t="str">
            <v>MDO C&amp;M</v>
          </cell>
          <cell r="AO656" t="str">
            <v>MDO INDIANA SOUTHWEST C&amp;M</v>
          </cell>
        </row>
        <row r="657">
          <cell r="F657">
            <v>75115</v>
          </cell>
          <cell r="Z657" t="str">
            <v>GLFUD</v>
          </cell>
          <cell r="AN657" t="str">
            <v>MDO C&amp;M</v>
          </cell>
          <cell r="AO657" t="str">
            <v>MDO INDIANA SOUTHWEST C&amp;M</v>
          </cell>
        </row>
        <row r="658">
          <cell r="F658">
            <v>75115</v>
          </cell>
          <cell r="Z658" t="str">
            <v>GLFUD</v>
          </cell>
          <cell r="AN658" t="str">
            <v>MDO C&amp;M</v>
          </cell>
          <cell r="AO658" t="str">
            <v>MDO INDIANA SOUTHWEST C&amp;M</v>
          </cell>
        </row>
        <row r="659">
          <cell r="F659">
            <v>75115</v>
          </cell>
          <cell r="Z659" t="str">
            <v>GLFUD</v>
          </cell>
          <cell r="AN659" t="str">
            <v>MDO C&amp;M</v>
          </cell>
          <cell r="AO659" t="str">
            <v>MDO INDIANA SOUTHWEST C&amp;M</v>
          </cell>
        </row>
        <row r="660">
          <cell r="F660">
            <v>75115</v>
          </cell>
          <cell r="Z660" t="str">
            <v>GLFUD</v>
          </cell>
          <cell r="AN660" t="str">
            <v>MDO C&amp;M</v>
          </cell>
          <cell r="AO660" t="str">
            <v>MDO INDIANA SOUTHWEST C&amp;M</v>
          </cell>
        </row>
        <row r="661">
          <cell r="F661">
            <v>75115</v>
          </cell>
          <cell r="Z661" t="str">
            <v>GLFUD</v>
          </cell>
          <cell r="AN661" t="str">
            <v>MDO C&amp;M</v>
          </cell>
          <cell r="AO661" t="str">
            <v>MDO INDIANA SOUTHWEST C&amp;M</v>
          </cell>
        </row>
        <row r="662">
          <cell r="F662">
            <v>75115</v>
          </cell>
          <cell r="Z662" t="str">
            <v>GLFUD</v>
          </cell>
          <cell r="AN662" t="str">
            <v>MDO C&amp;M</v>
          </cell>
          <cell r="AO662" t="str">
            <v>MDO INDIANA SOUTHWEST C&amp;M</v>
          </cell>
        </row>
        <row r="663">
          <cell r="F663">
            <v>75115</v>
          </cell>
          <cell r="Z663" t="str">
            <v>GLFUD</v>
          </cell>
          <cell r="AN663" t="str">
            <v>MDO C&amp;M</v>
          </cell>
          <cell r="AO663" t="str">
            <v>MDO INDIANA SOUTHWEST C&amp;M</v>
          </cell>
        </row>
        <row r="664">
          <cell r="F664">
            <v>75115</v>
          </cell>
          <cell r="Z664" t="str">
            <v>GLFUD</v>
          </cell>
          <cell r="AN664" t="str">
            <v>MDO C&amp;M</v>
          </cell>
          <cell r="AO664" t="str">
            <v>MDO INDIANA SOUTHWEST C&amp;M</v>
          </cell>
        </row>
        <row r="665">
          <cell r="F665">
            <v>75115</v>
          </cell>
          <cell r="Z665" t="str">
            <v>GLFUD</v>
          </cell>
          <cell r="AN665" t="str">
            <v>MDO C&amp;M</v>
          </cell>
          <cell r="AO665" t="str">
            <v>MDO INDIANA SOUTHWEST C&amp;M</v>
          </cell>
        </row>
        <row r="666">
          <cell r="F666">
            <v>75115</v>
          </cell>
          <cell r="Z666" t="str">
            <v>GLFUD</v>
          </cell>
          <cell r="AN666" t="str">
            <v>MDO C&amp;M</v>
          </cell>
          <cell r="AO666" t="str">
            <v>MDO INDIANA SOUTHWEST C&amp;M</v>
          </cell>
        </row>
        <row r="667">
          <cell r="F667">
            <v>75115</v>
          </cell>
          <cell r="Z667" t="str">
            <v>GLFUD</v>
          </cell>
          <cell r="AN667" t="str">
            <v>MDO C&amp;M</v>
          </cell>
          <cell r="AO667" t="str">
            <v>MDO INDIANA SOUTHWEST C&amp;M</v>
          </cell>
        </row>
        <row r="668">
          <cell r="F668">
            <v>75115</v>
          </cell>
          <cell r="Z668" t="str">
            <v>GLFUD</v>
          </cell>
          <cell r="AN668" t="str">
            <v>MDO C&amp;M</v>
          </cell>
          <cell r="AO668" t="str">
            <v>MDO INDIANA SOUTHWEST C&amp;M</v>
          </cell>
        </row>
        <row r="669">
          <cell r="F669">
            <v>75115</v>
          </cell>
          <cell r="Z669" t="str">
            <v>GLFUD</v>
          </cell>
          <cell r="AN669" t="str">
            <v>MDO C&amp;M</v>
          </cell>
          <cell r="AO669" t="str">
            <v>MDO INDIANA SOUTHWEST C&amp;M</v>
          </cell>
        </row>
        <row r="670">
          <cell r="F670">
            <v>75115</v>
          </cell>
          <cell r="Z670" t="str">
            <v>GLFUD</v>
          </cell>
          <cell r="AN670" t="str">
            <v>MDO C&amp;M</v>
          </cell>
          <cell r="AO670" t="str">
            <v>MDO INDIANA SOUTHWEST C&amp;M</v>
          </cell>
        </row>
        <row r="671">
          <cell r="F671">
            <v>75115</v>
          </cell>
          <cell r="Z671" t="str">
            <v>GLFUD</v>
          </cell>
          <cell r="AN671" t="str">
            <v>MDO C&amp;M</v>
          </cell>
          <cell r="AO671" t="str">
            <v>MDO INDIANA SOUTHWEST C&amp;M</v>
          </cell>
        </row>
        <row r="672">
          <cell r="F672">
            <v>75115</v>
          </cell>
          <cell r="Z672" t="str">
            <v>GLFUD</v>
          </cell>
          <cell r="AN672" t="str">
            <v>MDO C&amp;M</v>
          </cell>
          <cell r="AO672" t="str">
            <v>MDO INDIANA SOUTHWEST C&amp;M</v>
          </cell>
        </row>
        <row r="673">
          <cell r="F673">
            <v>75115</v>
          </cell>
          <cell r="Z673" t="str">
            <v>GLFUD</v>
          </cell>
          <cell r="AN673" t="str">
            <v>MDO C&amp;M</v>
          </cell>
          <cell r="AO673" t="str">
            <v>MDO INDIANA SOUTHWEST C&amp;M</v>
          </cell>
        </row>
        <row r="674">
          <cell r="F674">
            <v>75115</v>
          </cell>
          <cell r="Z674" t="str">
            <v>GLFUD</v>
          </cell>
          <cell r="AN674" t="str">
            <v>MDO C&amp;M</v>
          </cell>
          <cell r="AO674" t="str">
            <v>MDO INDIANA SOUTHWEST C&amp;M</v>
          </cell>
        </row>
        <row r="675">
          <cell r="F675">
            <v>75115</v>
          </cell>
          <cell r="Z675" t="str">
            <v>GLFUD</v>
          </cell>
          <cell r="AN675" t="str">
            <v>MDO C&amp;M</v>
          </cell>
          <cell r="AO675" t="str">
            <v>MDO INDIANA SOUTHWEST C&amp;M</v>
          </cell>
        </row>
        <row r="676">
          <cell r="F676">
            <v>75115</v>
          </cell>
          <cell r="Z676" t="str">
            <v>GLFUD</v>
          </cell>
          <cell r="AN676" t="str">
            <v>MDO C&amp;M</v>
          </cell>
          <cell r="AO676" t="str">
            <v>MDO INDIANA SOUTHWEST C&amp;M</v>
          </cell>
        </row>
        <row r="677">
          <cell r="F677">
            <v>75115</v>
          </cell>
          <cell r="Z677" t="str">
            <v>GLFUD</v>
          </cell>
          <cell r="AN677" t="str">
            <v>MDO C&amp;M</v>
          </cell>
          <cell r="AO677" t="str">
            <v>MDO INDIANA SOUTHWEST C&amp;M</v>
          </cell>
        </row>
        <row r="678">
          <cell r="F678">
            <v>75115</v>
          </cell>
          <cell r="Z678" t="str">
            <v>GLFUD</v>
          </cell>
          <cell r="AN678" t="str">
            <v>MDO C&amp;M</v>
          </cell>
          <cell r="AO678" t="str">
            <v>MDO INDIANA SOUTHWEST C&amp;M</v>
          </cell>
        </row>
        <row r="679">
          <cell r="F679">
            <v>75115</v>
          </cell>
          <cell r="Z679" t="str">
            <v>GLFUD</v>
          </cell>
          <cell r="AN679" t="str">
            <v>MDO C&amp;M</v>
          </cell>
          <cell r="AO679" t="str">
            <v>MDO INDIANA SOUTHWEST C&amp;M</v>
          </cell>
        </row>
        <row r="680">
          <cell r="F680">
            <v>75115</v>
          </cell>
          <cell r="Z680" t="str">
            <v>GLFUD</v>
          </cell>
          <cell r="AN680" t="str">
            <v>MDO C&amp;M</v>
          </cell>
          <cell r="AO680" t="str">
            <v>MDO INDIANA SOUTHWEST C&amp;M</v>
          </cell>
        </row>
        <row r="681">
          <cell r="F681">
            <v>75115</v>
          </cell>
          <cell r="Z681" t="str">
            <v>GLFUD</v>
          </cell>
          <cell r="AN681" t="str">
            <v>MDO C&amp;M</v>
          </cell>
          <cell r="AO681" t="str">
            <v>MDO INDIANA SOUTHWEST C&amp;M</v>
          </cell>
        </row>
        <row r="682">
          <cell r="F682">
            <v>75115</v>
          </cell>
          <cell r="Z682" t="str">
            <v>GLFUD</v>
          </cell>
          <cell r="AN682" t="str">
            <v>MDO C&amp;M</v>
          </cell>
          <cell r="AO682" t="str">
            <v>MDO INDIANA SOUTHWEST C&amp;M</v>
          </cell>
        </row>
        <row r="683">
          <cell r="F683">
            <v>75115</v>
          </cell>
          <cell r="Z683" t="str">
            <v>GLFUD</v>
          </cell>
          <cell r="AN683" t="str">
            <v>MDO C&amp;M</v>
          </cell>
          <cell r="AO683" t="str">
            <v>MDO INDIANA SOUTHWEST C&amp;M</v>
          </cell>
        </row>
        <row r="684">
          <cell r="F684">
            <v>75115</v>
          </cell>
          <cell r="Z684" t="str">
            <v>GLFUD</v>
          </cell>
          <cell r="AN684" t="str">
            <v>MDO C&amp;M</v>
          </cell>
          <cell r="AO684" t="str">
            <v>MDO INDIANA SOUTHWEST C&amp;M</v>
          </cell>
        </row>
        <row r="685">
          <cell r="F685">
            <v>75115</v>
          </cell>
          <cell r="Z685" t="str">
            <v>GLFUD</v>
          </cell>
          <cell r="AN685" t="str">
            <v>MDO C&amp;M</v>
          </cell>
          <cell r="AO685" t="str">
            <v>MDO INDIANA SOUTHWEST C&amp;M</v>
          </cell>
        </row>
        <row r="686">
          <cell r="F686">
            <v>75115</v>
          </cell>
          <cell r="Z686" t="str">
            <v>GLFUD</v>
          </cell>
          <cell r="AN686" t="str">
            <v>MDO C&amp;M</v>
          </cell>
          <cell r="AO686" t="str">
            <v>MDO INDIANA SOUTHWEST C&amp;M</v>
          </cell>
        </row>
        <row r="687">
          <cell r="F687">
            <v>75115</v>
          </cell>
          <cell r="Z687" t="str">
            <v>GLFUD</v>
          </cell>
          <cell r="AN687" t="str">
            <v>MDO C&amp;M</v>
          </cell>
          <cell r="AO687" t="str">
            <v>MDO INDIANA SOUTHWEST C&amp;M</v>
          </cell>
        </row>
        <row r="688">
          <cell r="F688">
            <v>75115</v>
          </cell>
          <cell r="Z688" t="str">
            <v>GLFUD</v>
          </cell>
          <cell r="AN688" t="str">
            <v>MDO C&amp;M</v>
          </cell>
          <cell r="AO688" t="str">
            <v>MDO INDIANA SOUTHWEST C&amp;M</v>
          </cell>
        </row>
        <row r="689">
          <cell r="F689">
            <v>75115</v>
          </cell>
          <cell r="Z689" t="str">
            <v>GLFUD</v>
          </cell>
          <cell r="AN689" t="str">
            <v>MDO C&amp;M</v>
          </cell>
          <cell r="AO689" t="str">
            <v>MDO INDIANA SOUTHWEST C&amp;M</v>
          </cell>
        </row>
        <row r="690">
          <cell r="F690">
            <v>75115</v>
          </cell>
          <cell r="Z690" t="str">
            <v>GLFUD</v>
          </cell>
          <cell r="AN690" t="str">
            <v>MDO C&amp;M</v>
          </cell>
          <cell r="AO690" t="str">
            <v>MDO INDIANA SOUTHWEST C&amp;M</v>
          </cell>
        </row>
        <row r="691">
          <cell r="F691">
            <v>75115</v>
          </cell>
          <cell r="Z691" t="str">
            <v>GLFUD</v>
          </cell>
          <cell r="AN691" t="str">
            <v>MDO C&amp;M</v>
          </cell>
          <cell r="AO691" t="str">
            <v>MDO INDIANA SOUTHWEST C&amp;M</v>
          </cell>
        </row>
        <row r="692">
          <cell r="F692">
            <v>75115</v>
          </cell>
          <cell r="Z692" t="str">
            <v>GLFUD</v>
          </cell>
          <cell r="AN692" t="str">
            <v>MDO C&amp;M</v>
          </cell>
          <cell r="AO692" t="str">
            <v>MDO INDIANA SOUTHWEST C&amp;M</v>
          </cell>
        </row>
        <row r="693">
          <cell r="F693">
            <v>75115</v>
          </cell>
          <cell r="Z693" t="str">
            <v>GLFUD</v>
          </cell>
          <cell r="AN693" t="str">
            <v>MDO C&amp;M</v>
          </cell>
          <cell r="AO693" t="str">
            <v>MDO INDIANA SOUTHWEST C&amp;M</v>
          </cell>
        </row>
        <row r="694">
          <cell r="F694">
            <v>75115</v>
          </cell>
          <cell r="Z694" t="str">
            <v>GLFUD</v>
          </cell>
          <cell r="AN694" t="str">
            <v>MDO C&amp;M</v>
          </cell>
          <cell r="AO694" t="str">
            <v>MDO INDIANA SOUTHWEST C&amp;M</v>
          </cell>
        </row>
        <row r="695">
          <cell r="F695">
            <v>75115</v>
          </cell>
          <cell r="Z695" t="str">
            <v>GLFUD</v>
          </cell>
          <cell r="AN695" t="str">
            <v>MDO C&amp;M</v>
          </cell>
          <cell r="AO695" t="str">
            <v>MDO INDIANA SOUTHWEST C&amp;M</v>
          </cell>
        </row>
        <row r="696">
          <cell r="F696">
            <v>75115</v>
          </cell>
          <cell r="Z696" t="str">
            <v>GLFUD</v>
          </cell>
          <cell r="AN696" t="str">
            <v>MDO C&amp;M</v>
          </cell>
          <cell r="AO696" t="str">
            <v>MDO INDIANA SOUTHWEST C&amp;M</v>
          </cell>
        </row>
        <row r="697">
          <cell r="F697">
            <v>75115</v>
          </cell>
          <cell r="Z697" t="str">
            <v>GLFUD</v>
          </cell>
          <cell r="AN697" t="str">
            <v>MDO C&amp;M</v>
          </cell>
          <cell r="AO697" t="str">
            <v>MDO INDIANA SOUTHWEST C&amp;M</v>
          </cell>
        </row>
        <row r="698">
          <cell r="F698">
            <v>75115</v>
          </cell>
          <cell r="Z698" t="str">
            <v>GLFUD</v>
          </cell>
          <cell r="AN698" t="str">
            <v>MDO C&amp;M</v>
          </cell>
          <cell r="AO698" t="str">
            <v>MDO INDIANA SOUTHWEST C&amp;M</v>
          </cell>
        </row>
        <row r="699">
          <cell r="F699">
            <v>75115</v>
          </cell>
          <cell r="Z699" t="str">
            <v>GLFUD</v>
          </cell>
          <cell r="AN699" t="str">
            <v>MDO C&amp;M</v>
          </cell>
          <cell r="AO699" t="str">
            <v>MDO INDIANA SOUTHWEST C&amp;M</v>
          </cell>
        </row>
        <row r="700">
          <cell r="F700">
            <v>75115</v>
          </cell>
          <cell r="Z700" t="str">
            <v>GLFUD</v>
          </cell>
          <cell r="AN700" t="str">
            <v>MDO C&amp;M</v>
          </cell>
          <cell r="AO700" t="str">
            <v>MDO INDIANA SOUTHWEST C&amp;M</v>
          </cell>
        </row>
        <row r="701">
          <cell r="F701">
            <v>75115</v>
          </cell>
          <cell r="Z701" t="str">
            <v>GLFUD</v>
          </cell>
          <cell r="AN701" t="str">
            <v>MDO C&amp;M</v>
          </cell>
          <cell r="AO701" t="str">
            <v>MDO INDIANA SOUTHWEST C&amp;M</v>
          </cell>
        </row>
        <row r="702">
          <cell r="F702">
            <v>75115</v>
          </cell>
          <cell r="Z702" t="str">
            <v>GLFUD</v>
          </cell>
          <cell r="AN702" t="str">
            <v>MDO C&amp;M</v>
          </cell>
          <cell r="AO702" t="str">
            <v>MDO INDIANA SOUTHWEST C&amp;M</v>
          </cell>
        </row>
        <row r="703">
          <cell r="F703">
            <v>75115</v>
          </cell>
          <cell r="Z703" t="str">
            <v>GLFUD</v>
          </cell>
          <cell r="AN703" t="str">
            <v>MDO C&amp;M</v>
          </cell>
          <cell r="AO703" t="str">
            <v>MDO INDIANA SOUTHWEST C&amp;M</v>
          </cell>
        </row>
        <row r="704">
          <cell r="F704">
            <v>75115</v>
          </cell>
          <cell r="Z704" t="str">
            <v>GLFUD</v>
          </cell>
          <cell r="AN704" t="str">
            <v>MDO C&amp;M</v>
          </cell>
          <cell r="AO704" t="str">
            <v>MDO INDIANA SOUTHWEST C&amp;M</v>
          </cell>
        </row>
        <row r="705">
          <cell r="F705">
            <v>75115</v>
          </cell>
          <cell r="Z705" t="str">
            <v>GLFUD</v>
          </cell>
          <cell r="AN705" t="str">
            <v>MDO C&amp;M</v>
          </cell>
          <cell r="AO705" t="str">
            <v>MDO INDIANA SOUTHWEST C&amp;M</v>
          </cell>
        </row>
        <row r="706">
          <cell r="F706">
            <v>75115</v>
          </cell>
          <cell r="Z706" t="str">
            <v>GLFUD</v>
          </cell>
          <cell r="AN706" t="str">
            <v>MDO C&amp;M</v>
          </cell>
          <cell r="AO706" t="str">
            <v>MDO INDIANA SOUTHWEST C&amp;M</v>
          </cell>
        </row>
        <row r="707">
          <cell r="F707">
            <v>75115</v>
          </cell>
          <cell r="Z707" t="str">
            <v>GLFUD</v>
          </cell>
          <cell r="AN707" t="str">
            <v>MDO C&amp;M</v>
          </cell>
          <cell r="AO707" t="str">
            <v>MDO INDIANA SOUTHWEST C&amp;M</v>
          </cell>
        </row>
        <row r="708">
          <cell r="F708">
            <v>75115</v>
          </cell>
          <cell r="Z708" t="str">
            <v>GLFUD</v>
          </cell>
          <cell r="AN708" t="str">
            <v>MDO C&amp;M</v>
          </cell>
          <cell r="AO708" t="str">
            <v>MDO INDIANA SOUTHWEST C&amp;M</v>
          </cell>
        </row>
        <row r="709">
          <cell r="F709">
            <v>75115</v>
          </cell>
          <cell r="Z709" t="str">
            <v>GLFUD</v>
          </cell>
          <cell r="AN709" t="str">
            <v>MDO C&amp;M</v>
          </cell>
          <cell r="AO709" t="str">
            <v>MDO INDIANA SOUTHWEST C&amp;M</v>
          </cell>
        </row>
        <row r="710">
          <cell r="F710">
            <v>75115</v>
          </cell>
          <cell r="Z710" t="str">
            <v>GLFUD</v>
          </cell>
          <cell r="AN710" t="str">
            <v>MDO C&amp;M</v>
          </cell>
          <cell r="AO710" t="str">
            <v>MDO INDIANA SOUTHWEST C&amp;M</v>
          </cell>
        </row>
        <row r="711">
          <cell r="F711">
            <v>75115</v>
          </cell>
          <cell r="Z711" t="str">
            <v>GLFUD</v>
          </cell>
          <cell r="AN711" t="str">
            <v>MDO C&amp;M</v>
          </cell>
          <cell r="AO711" t="str">
            <v>MDO INDIANA SOUTHWEST C&amp;M</v>
          </cell>
        </row>
        <row r="712">
          <cell r="F712">
            <v>75115</v>
          </cell>
          <cell r="Z712" t="str">
            <v>GLFUD</v>
          </cell>
          <cell r="AN712" t="str">
            <v>MDO C&amp;M</v>
          </cell>
          <cell r="AO712" t="str">
            <v>MDO INDIANA SOUTHWEST C&amp;M</v>
          </cell>
        </row>
        <row r="713">
          <cell r="F713">
            <v>75115</v>
          </cell>
          <cell r="Z713" t="str">
            <v>GLFUD</v>
          </cell>
          <cell r="AN713" t="str">
            <v>MDO C&amp;M</v>
          </cell>
          <cell r="AO713" t="str">
            <v>MDO INDIANA SOUTHWEST C&amp;M</v>
          </cell>
        </row>
        <row r="714">
          <cell r="F714">
            <v>75115</v>
          </cell>
          <cell r="Z714" t="str">
            <v>GLFUD</v>
          </cell>
          <cell r="AN714" t="str">
            <v>MDO C&amp;M</v>
          </cell>
          <cell r="AO714" t="str">
            <v>MDO INDIANA SOUTHWEST C&amp;M</v>
          </cell>
        </row>
        <row r="715">
          <cell r="F715">
            <v>75115</v>
          </cell>
          <cell r="Z715" t="str">
            <v>GLFUD</v>
          </cell>
          <cell r="AN715" t="str">
            <v>MDO C&amp;M</v>
          </cell>
          <cell r="AO715" t="str">
            <v>MDO INDIANA SOUTHWEST C&amp;M</v>
          </cell>
        </row>
        <row r="716">
          <cell r="F716">
            <v>75115</v>
          </cell>
          <cell r="Z716" t="str">
            <v>GLFUD</v>
          </cell>
          <cell r="AN716" t="str">
            <v>MDO C&amp;M</v>
          </cell>
          <cell r="AO716" t="str">
            <v>MDO INDIANA SOUTHWEST C&amp;M</v>
          </cell>
        </row>
        <row r="717">
          <cell r="F717">
            <v>75115</v>
          </cell>
          <cell r="Z717" t="str">
            <v>GLFUD</v>
          </cell>
          <cell r="AN717" t="str">
            <v>MDO C&amp;M</v>
          </cell>
          <cell r="AO717" t="str">
            <v>MDO INDIANA SOUTHWEST C&amp;M</v>
          </cell>
        </row>
        <row r="718">
          <cell r="F718">
            <v>75115</v>
          </cell>
          <cell r="Z718" t="str">
            <v>GLFUD</v>
          </cell>
          <cell r="AN718" t="str">
            <v>MDO C&amp;M</v>
          </cell>
          <cell r="AO718" t="str">
            <v>MDO INDIANA SOUTHWEST C&amp;M</v>
          </cell>
        </row>
        <row r="719">
          <cell r="F719">
            <v>75115</v>
          </cell>
          <cell r="Z719" t="str">
            <v>GLFUD</v>
          </cell>
          <cell r="AN719" t="str">
            <v>MDO C&amp;M</v>
          </cell>
          <cell r="AO719" t="str">
            <v>MDO INDIANA SOUTHWEST C&amp;M</v>
          </cell>
        </row>
        <row r="720">
          <cell r="F720">
            <v>75115</v>
          </cell>
          <cell r="Z720" t="str">
            <v>GLFUD</v>
          </cell>
          <cell r="AN720" t="str">
            <v>MDO C&amp;M</v>
          </cell>
          <cell r="AO720" t="str">
            <v>MDO INDIANA SOUTHWEST C&amp;M</v>
          </cell>
        </row>
        <row r="721">
          <cell r="F721">
            <v>75115</v>
          </cell>
          <cell r="Z721" t="str">
            <v>GLFUD</v>
          </cell>
          <cell r="AN721" t="str">
            <v>MDO C&amp;M</v>
          </cell>
          <cell r="AO721" t="str">
            <v>MDO INDIANA SOUTHWEST C&amp;M</v>
          </cell>
        </row>
        <row r="722">
          <cell r="F722">
            <v>75115</v>
          </cell>
          <cell r="Z722" t="str">
            <v>GLFUD</v>
          </cell>
          <cell r="AN722" t="str">
            <v>MDO C&amp;M</v>
          </cell>
          <cell r="AO722" t="str">
            <v>MDO INDIANA SOUTHWEST C&amp;M</v>
          </cell>
        </row>
        <row r="723">
          <cell r="F723">
            <v>75115</v>
          </cell>
          <cell r="Z723" t="str">
            <v>GLFUD</v>
          </cell>
          <cell r="AN723" t="str">
            <v>MDO C&amp;M</v>
          </cell>
          <cell r="AO723" t="str">
            <v>MDO INDIANA SOUTHWEST C&amp;M</v>
          </cell>
        </row>
        <row r="724">
          <cell r="F724">
            <v>75115</v>
          </cell>
          <cell r="Z724" t="str">
            <v>GLFUD</v>
          </cell>
          <cell r="AN724" t="str">
            <v>MDO C&amp;M</v>
          </cell>
          <cell r="AO724" t="str">
            <v>MDO INDIANA SOUTHWEST C&amp;M</v>
          </cell>
        </row>
        <row r="725">
          <cell r="F725">
            <v>75115</v>
          </cell>
          <cell r="Z725" t="str">
            <v>GLFUD</v>
          </cell>
          <cell r="AN725" t="str">
            <v>MDO C&amp;M</v>
          </cell>
          <cell r="AO725" t="str">
            <v>MDO INDIANA SOUTHWEST C&amp;M</v>
          </cell>
        </row>
        <row r="726">
          <cell r="F726">
            <v>75115</v>
          </cell>
          <cell r="Z726" t="str">
            <v>GLFUD</v>
          </cell>
          <cell r="AN726" t="str">
            <v>MDO C&amp;M</v>
          </cell>
          <cell r="AO726" t="str">
            <v>MDO INDIANA SOUTHWEST C&amp;M</v>
          </cell>
        </row>
        <row r="727">
          <cell r="F727">
            <v>75115</v>
          </cell>
          <cell r="Z727" t="str">
            <v>GLFUD</v>
          </cell>
          <cell r="AN727" t="str">
            <v>MDO C&amp;M</v>
          </cell>
          <cell r="AO727" t="str">
            <v>MDO INDIANA SOUTHWEST C&amp;M</v>
          </cell>
        </row>
        <row r="728">
          <cell r="F728">
            <v>75115</v>
          </cell>
          <cell r="Z728" t="str">
            <v>GLFUD</v>
          </cell>
          <cell r="AN728" t="str">
            <v>MDO C&amp;M</v>
          </cell>
          <cell r="AO728" t="str">
            <v>MDO INDIANA SOUTHWEST C&amp;M</v>
          </cell>
        </row>
        <row r="729">
          <cell r="F729">
            <v>75115</v>
          </cell>
          <cell r="Z729" t="str">
            <v>GLFUD</v>
          </cell>
          <cell r="AN729" t="str">
            <v>MDO C&amp;M</v>
          </cell>
          <cell r="AO729" t="str">
            <v>MDO INDIANA SOUTHWEST C&amp;M</v>
          </cell>
        </row>
        <row r="730">
          <cell r="F730">
            <v>75115</v>
          </cell>
          <cell r="Z730" t="str">
            <v>GLFUD</v>
          </cell>
          <cell r="AN730" t="str">
            <v>MDO C&amp;M</v>
          </cell>
          <cell r="AO730" t="str">
            <v>MDO INDIANA SOUTHWEST C&amp;M</v>
          </cell>
        </row>
        <row r="731">
          <cell r="F731">
            <v>75115</v>
          </cell>
          <cell r="Z731" t="str">
            <v>GLFUD</v>
          </cell>
          <cell r="AN731" t="str">
            <v>MDO C&amp;M</v>
          </cell>
          <cell r="AO731" t="str">
            <v>MDO INDIANA SOUTHWEST C&amp;M</v>
          </cell>
        </row>
        <row r="732">
          <cell r="F732">
            <v>75115</v>
          </cell>
          <cell r="Z732" t="str">
            <v>GLFUD</v>
          </cell>
          <cell r="AN732" t="str">
            <v>MDO C&amp;M</v>
          </cell>
          <cell r="AO732" t="str">
            <v>MDO INDIANA SOUTHWEST C&amp;M</v>
          </cell>
        </row>
        <row r="733">
          <cell r="F733">
            <v>75115</v>
          </cell>
          <cell r="Z733" t="str">
            <v>GLFUD</v>
          </cell>
          <cell r="AN733" t="str">
            <v>MDO C&amp;M</v>
          </cell>
          <cell r="AO733" t="str">
            <v>MDO INDIANA SOUTHWEST C&amp;M</v>
          </cell>
        </row>
        <row r="734">
          <cell r="F734">
            <v>75115</v>
          </cell>
          <cell r="Z734" t="str">
            <v>GLFUD</v>
          </cell>
          <cell r="AN734" t="str">
            <v>MDO C&amp;M</v>
          </cell>
          <cell r="AO734" t="str">
            <v>MDO INDIANA SOUTHWEST C&amp;M</v>
          </cell>
        </row>
        <row r="735">
          <cell r="F735">
            <v>75115</v>
          </cell>
          <cell r="Z735" t="str">
            <v>GLFUD</v>
          </cell>
          <cell r="AN735" t="str">
            <v>MDO C&amp;M</v>
          </cell>
          <cell r="AO735" t="str">
            <v>MDO INDIANA SOUTHWEST C&amp;M</v>
          </cell>
        </row>
        <row r="736">
          <cell r="F736">
            <v>75115</v>
          </cell>
          <cell r="Z736" t="str">
            <v>GLFUD</v>
          </cell>
          <cell r="AN736" t="str">
            <v>MDO C&amp;M</v>
          </cell>
          <cell r="AO736" t="str">
            <v>MDO INDIANA SOUTHWEST C&amp;M</v>
          </cell>
        </row>
        <row r="737">
          <cell r="F737">
            <v>75115</v>
          </cell>
          <cell r="Z737" t="str">
            <v>GLFUD</v>
          </cell>
          <cell r="AN737" t="str">
            <v>MDO C&amp;M</v>
          </cell>
          <cell r="AO737" t="str">
            <v>MDO INDIANA SOUTHWEST C&amp;M</v>
          </cell>
        </row>
        <row r="738">
          <cell r="F738">
            <v>75115</v>
          </cell>
          <cell r="Z738" t="str">
            <v>GLFUD</v>
          </cell>
          <cell r="AN738" t="str">
            <v>MDO C&amp;M</v>
          </cell>
          <cell r="AO738" t="str">
            <v>MDO INDIANA SOUTHWEST C&amp;M</v>
          </cell>
        </row>
        <row r="739">
          <cell r="F739">
            <v>75115</v>
          </cell>
          <cell r="Z739" t="str">
            <v>GLFUD</v>
          </cell>
          <cell r="AN739" t="str">
            <v>MDO C&amp;M</v>
          </cell>
          <cell r="AO739" t="str">
            <v>MDO INDIANA SOUTHWEST C&amp;M</v>
          </cell>
        </row>
        <row r="740">
          <cell r="F740">
            <v>75115</v>
          </cell>
          <cell r="Z740" t="str">
            <v>GLFUD</v>
          </cell>
          <cell r="AN740" t="str">
            <v>MDO C&amp;M</v>
          </cell>
          <cell r="AO740" t="str">
            <v>MDO INDIANA SOUTHWEST C&amp;M</v>
          </cell>
        </row>
        <row r="741">
          <cell r="F741">
            <v>75115</v>
          </cell>
          <cell r="Z741" t="str">
            <v>GLFUD</v>
          </cell>
          <cell r="AN741" t="str">
            <v>MDO C&amp;M</v>
          </cell>
          <cell r="AO741" t="str">
            <v>MDO INDIANA SOUTHWEST C&amp;M</v>
          </cell>
        </row>
        <row r="742">
          <cell r="F742">
            <v>75115</v>
          </cell>
          <cell r="Z742" t="str">
            <v>GLFUD</v>
          </cell>
          <cell r="AN742" t="str">
            <v>MDO C&amp;M</v>
          </cell>
          <cell r="AO742" t="str">
            <v>MDO INDIANA SOUTHWEST C&amp;M</v>
          </cell>
        </row>
        <row r="743">
          <cell r="F743">
            <v>75115</v>
          </cell>
          <cell r="Z743" t="str">
            <v>GLFUD</v>
          </cell>
          <cell r="AN743" t="str">
            <v>MDO C&amp;M</v>
          </cell>
          <cell r="AO743" t="str">
            <v>MDO INDIANA SOUTHWEST C&amp;M</v>
          </cell>
        </row>
        <row r="744">
          <cell r="F744">
            <v>75115</v>
          </cell>
          <cell r="Z744" t="str">
            <v>GLFUD</v>
          </cell>
          <cell r="AN744" t="str">
            <v>MDO C&amp;M</v>
          </cell>
          <cell r="AO744" t="str">
            <v>MDO INDIANA SOUTHWEST C&amp;M</v>
          </cell>
        </row>
        <row r="745">
          <cell r="F745">
            <v>75115</v>
          </cell>
          <cell r="Z745" t="str">
            <v>GLFUD</v>
          </cell>
          <cell r="AN745" t="str">
            <v>MDO C&amp;M</v>
          </cell>
          <cell r="AO745" t="str">
            <v>MDO INDIANA SOUTHWEST C&amp;M</v>
          </cell>
        </row>
        <row r="746">
          <cell r="F746">
            <v>75115</v>
          </cell>
          <cell r="Z746" t="str">
            <v>GLFUD</v>
          </cell>
          <cell r="AN746" t="str">
            <v>MDO C&amp;M</v>
          </cell>
          <cell r="AO746" t="str">
            <v>MDO INDIANA SOUTHWEST C&amp;M</v>
          </cell>
        </row>
        <row r="747">
          <cell r="F747">
            <v>75115</v>
          </cell>
          <cell r="Z747" t="str">
            <v>GLFUD</v>
          </cell>
          <cell r="AN747" t="str">
            <v>MDO C&amp;M</v>
          </cell>
          <cell r="AO747" t="str">
            <v>MDO INDIANA SOUTHWEST C&amp;M</v>
          </cell>
        </row>
        <row r="748">
          <cell r="F748">
            <v>75115</v>
          </cell>
          <cell r="Z748" t="str">
            <v>GLFUD</v>
          </cell>
          <cell r="AN748" t="str">
            <v>MDO C&amp;M</v>
          </cell>
          <cell r="AO748" t="str">
            <v>MDO INDIANA SOUTHWEST C&amp;M</v>
          </cell>
        </row>
        <row r="749">
          <cell r="F749">
            <v>75115</v>
          </cell>
          <cell r="Z749" t="str">
            <v>GLFUD</v>
          </cell>
          <cell r="AN749" t="str">
            <v>MDO C&amp;M</v>
          </cell>
          <cell r="AO749" t="str">
            <v>MDO INDIANA SOUTHWEST C&amp;M</v>
          </cell>
        </row>
        <row r="750">
          <cell r="F750">
            <v>75115</v>
          </cell>
          <cell r="Z750" t="str">
            <v>GLFUD</v>
          </cell>
          <cell r="AN750" t="str">
            <v>MDO C&amp;M</v>
          </cell>
          <cell r="AO750" t="str">
            <v>MDO INDIANA SOUTHWEST C&amp;M</v>
          </cell>
        </row>
        <row r="751">
          <cell r="F751">
            <v>75115</v>
          </cell>
          <cell r="Z751" t="str">
            <v>GLFUD</v>
          </cell>
          <cell r="AN751" t="str">
            <v>MDO C&amp;M</v>
          </cell>
          <cell r="AO751" t="str">
            <v>MDO INDIANA SOUTHWEST C&amp;M</v>
          </cell>
        </row>
        <row r="752">
          <cell r="F752">
            <v>75115</v>
          </cell>
          <cell r="Z752" t="str">
            <v>GLFUD</v>
          </cell>
          <cell r="AN752" t="str">
            <v>MDO C&amp;M</v>
          </cell>
          <cell r="AO752" t="str">
            <v>MDO INDIANA SOUTHWEST C&amp;M</v>
          </cell>
        </row>
        <row r="753">
          <cell r="F753">
            <v>75115</v>
          </cell>
          <cell r="Z753" t="str">
            <v>GLFUD</v>
          </cell>
          <cell r="AN753" t="str">
            <v>MDO C&amp;M</v>
          </cell>
          <cell r="AO753" t="str">
            <v>MDO INDIANA SOUTHWEST C&amp;M</v>
          </cell>
        </row>
        <row r="754">
          <cell r="F754">
            <v>75115</v>
          </cell>
          <cell r="Z754" t="str">
            <v>GLFUD</v>
          </cell>
          <cell r="AN754" t="str">
            <v>MDO C&amp;M</v>
          </cell>
          <cell r="AO754" t="str">
            <v>MDO INDIANA SOUTHWEST C&amp;M</v>
          </cell>
        </row>
        <row r="755">
          <cell r="F755">
            <v>75115</v>
          </cell>
          <cell r="Z755" t="str">
            <v>GLFUD</v>
          </cell>
          <cell r="AN755" t="str">
            <v>MDO C&amp;M</v>
          </cell>
          <cell r="AO755" t="str">
            <v>MDO INDIANA SOUTHWEST C&amp;M</v>
          </cell>
        </row>
        <row r="756">
          <cell r="F756">
            <v>75115</v>
          </cell>
          <cell r="Z756" t="str">
            <v>GLFUD</v>
          </cell>
          <cell r="AN756" t="str">
            <v>MDO C&amp;M</v>
          </cell>
          <cell r="AO756" t="str">
            <v>MDO INDIANA SOUTHWEST C&amp;M</v>
          </cell>
        </row>
        <row r="757">
          <cell r="F757">
            <v>75115</v>
          </cell>
          <cell r="Z757" t="str">
            <v>GLFUD</v>
          </cell>
          <cell r="AN757" t="str">
            <v>MDO C&amp;M</v>
          </cell>
          <cell r="AO757" t="str">
            <v>MDO INDIANA SOUTHWEST C&amp;M</v>
          </cell>
        </row>
        <row r="758">
          <cell r="F758">
            <v>75115</v>
          </cell>
          <cell r="Z758" t="str">
            <v>GLFUD</v>
          </cell>
          <cell r="AN758" t="str">
            <v>MDO C&amp;M</v>
          </cell>
          <cell r="AO758" t="str">
            <v>MDO INDIANA SOUTHWEST C&amp;M</v>
          </cell>
        </row>
        <row r="759">
          <cell r="F759">
            <v>75115</v>
          </cell>
          <cell r="Z759" t="str">
            <v>GLFUD</v>
          </cell>
          <cell r="AN759" t="str">
            <v>MDO C&amp;M</v>
          </cell>
          <cell r="AO759" t="str">
            <v>MDO INDIANA SOUTHWEST C&amp;M</v>
          </cell>
        </row>
        <row r="760">
          <cell r="F760">
            <v>75115</v>
          </cell>
          <cell r="Z760" t="str">
            <v>GLFUD</v>
          </cell>
          <cell r="AN760" t="str">
            <v>MDO C&amp;M</v>
          </cell>
          <cell r="AO760" t="str">
            <v>MDO INDIANA SOUTHWEST C&amp;M</v>
          </cell>
        </row>
        <row r="761">
          <cell r="F761">
            <v>75115</v>
          </cell>
          <cell r="Z761" t="str">
            <v>GLFUD</v>
          </cell>
          <cell r="AN761" t="str">
            <v>MDO C&amp;M</v>
          </cell>
          <cell r="AO761" t="str">
            <v>MDO INDIANA SOUTHWEST C&amp;M</v>
          </cell>
        </row>
        <row r="762">
          <cell r="F762">
            <v>75115</v>
          </cell>
          <cell r="Z762" t="str">
            <v>GLFUD</v>
          </cell>
          <cell r="AN762" t="str">
            <v>MDO C&amp;M</v>
          </cell>
          <cell r="AO762" t="str">
            <v>MDO INDIANA SOUTHWEST C&amp;M</v>
          </cell>
        </row>
        <row r="763">
          <cell r="F763">
            <v>75115</v>
          </cell>
          <cell r="Z763" t="str">
            <v>GLFUD</v>
          </cell>
          <cell r="AN763" t="str">
            <v>MDO C&amp;M</v>
          </cell>
          <cell r="AO763" t="str">
            <v>MDO INDIANA SOUTHWEST C&amp;M</v>
          </cell>
        </row>
        <row r="764">
          <cell r="F764">
            <v>75115</v>
          </cell>
          <cell r="Z764" t="str">
            <v>GLFUD</v>
          </cell>
          <cell r="AN764" t="str">
            <v>MDO C&amp;M</v>
          </cell>
          <cell r="AO764" t="str">
            <v>MDO INDIANA SOUTHWEST C&amp;M</v>
          </cell>
        </row>
        <row r="765">
          <cell r="F765">
            <v>75115</v>
          </cell>
          <cell r="Z765" t="str">
            <v>GLFUD</v>
          </cell>
          <cell r="AN765" t="str">
            <v>MDO C&amp;M</v>
          </cell>
          <cell r="AO765" t="str">
            <v>MDO INDIANA SOUTHWEST C&amp;M</v>
          </cell>
        </row>
        <row r="766">
          <cell r="F766">
            <v>75115</v>
          </cell>
          <cell r="Z766" t="str">
            <v>GLFUD</v>
          </cell>
          <cell r="AN766" t="str">
            <v>MDO C&amp;M</v>
          </cell>
          <cell r="AO766" t="str">
            <v>MDO INDIANA SOUTHWEST C&amp;M</v>
          </cell>
        </row>
        <row r="767">
          <cell r="F767">
            <v>75115</v>
          </cell>
          <cell r="Z767" t="str">
            <v>GLFUD</v>
          </cell>
          <cell r="AN767" t="str">
            <v>MDO C&amp;M</v>
          </cell>
          <cell r="AO767" t="str">
            <v>MDO INDIANA SOUTHWEST C&amp;M</v>
          </cell>
        </row>
        <row r="768">
          <cell r="F768">
            <v>75115</v>
          </cell>
          <cell r="Z768" t="str">
            <v>GLFUD</v>
          </cell>
          <cell r="AN768" t="str">
            <v>MDO C&amp;M</v>
          </cell>
          <cell r="AO768" t="str">
            <v>MDO INDIANA SOUTHWEST C&amp;M</v>
          </cell>
        </row>
        <row r="769">
          <cell r="F769">
            <v>75115</v>
          </cell>
          <cell r="Z769" t="str">
            <v>GLFUD</v>
          </cell>
          <cell r="AN769" t="str">
            <v>MDO C&amp;M</v>
          </cell>
          <cell r="AO769" t="str">
            <v>MDO INDIANA SOUTHWEST C&amp;M</v>
          </cell>
        </row>
        <row r="770">
          <cell r="F770">
            <v>75115</v>
          </cell>
          <cell r="Z770" t="str">
            <v>GLFUD</v>
          </cell>
          <cell r="AN770" t="str">
            <v>MDO C&amp;M</v>
          </cell>
          <cell r="AO770" t="str">
            <v>MDO INDIANA SOUTHWEST C&amp;M</v>
          </cell>
        </row>
        <row r="771">
          <cell r="F771">
            <v>75115</v>
          </cell>
          <cell r="Z771" t="str">
            <v>GLFUD</v>
          </cell>
          <cell r="AN771" t="str">
            <v>MDO C&amp;M</v>
          </cell>
          <cell r="AO771" t="str">
            <v>MDO INDIANA SOUTHWEST C&amp;M</v>
          </cell>
        </row>
        <row r="772">
          <cell r="F772">
            <v>75115</v>
          </cell>
          <cell r="Z772" t="str">
            <v>GLFUD</v>
          </cell>
          <cell r="AN772" t="str">
            <v>MDO C&amp;M</v>
          </cell>
          <cell r="AO772" t="str">
            <v>MDO INDIANA SOUTHWEST C&amp;M</v>
          </cell>
        </row>
        <row r="773">
          <cell r="F773">
            <v>75115</v>
          </cell>
          <cell r="Z773" t="str">
            <v>GLFUD</v>
          </cell>
          <cell r="AN773" t="str">
            <v>MDO C&amp;M</v>
          </cell>
          <cell r="AO773" t="str">
            <v>MDO INDIANA SOUTHWEST C&amp;M</v>
          </cell>
        </row>
        <row r="774">
          <cell r="F774">
            <v>75115</v>
          </cell>
          <cell r="Z774" t="str">
            <v>GLFUD</v>
          </cell>
          <cell r="AN774" t="str">
            <v>MDO C&amp;M</v>
          </cell>
          <cell r="AO774" t="str">
            <v>MDO INDIANA SOUTHEAST C&amp;M</v>
          </cell>
        </row>
        <row r="775">
          <cell r="F775">
            <v>75115</v>
          </cell>
          <cell r="Z775" t="str">
            <v>GLFUD</v>
          </cell>
          <cell r="AN775" t="str">
            <v>MDO C&amp;M</v>
          </cell>
          <cell r="AO775" t="str">
            <v>MDO INDIANA SOUTHEAST C&amp;M</v>
          </cell>
        </row>
        <row r="776">
          <cell r="F776">
            <v>75115</v>
          </cell>
          <cell r="Z776" t="str">
            <v>GLFUD</v>
          </cell>
          <cell r="AN776" t="str">
            <v>MDO C&amp;M</v>
          </cell>
          <cell r="AO776" t="str">
            <v>MDO INDIANA SOUTHEAST C&amp;M</v>
          </cell>
        </row>
        <row r="777">
          <cell r="F777">
            <v>75115</v>
          </cell>
          <cell r="Z777" t="str">
            <v>GLFUD</v>
          </cell>
          <cell r="AN777" t="str">
            <v>MDO C&amp;M</v>
          </cell>
          <cell r="AO777" t="str">
            <v>MDO INDIANA SOUTHEAST C&amp;M</v>
          </cell>
        </row>
        <row r="778">
          <cell r="F778">
            <v>75115</v>
          </cell>
          <cell r="Z778" t="str">
            <v>GLFUD</v>
          </cell>
          <cell r="AN778" t="str">
            <v>MDO C&amp;M</v>
          </cell>
          <cell r="AO778" t="str">
            <v>MDO INDIANA SOUTHEAST C&amp;M</v>
          </cell>
        </row>
        <row r="779">
          <cell r="F779">
            <v>75115</v>
          </cell>
          <cell r="Z779" t="str">
            <v>GLFUD</v>
          </cell>
          <cell r="AN779" t="str">
            <v>MDO C&amp;M</v>
          </cell>
          <cell r="AO779" t="str">
            <v>MDO INDIANA SOUTHEAST C&amp;M</v>
          </cell>
        </row>
        <row r="780">
          <cell r="F780">
            <v>75115</v>
          </cell>
          <cell r="Z780" t="str">
            <v>GLFUD</v>
          </cell>
          <cell r="AN780" t="str">
            <v>MDO C&amp;M</v>
          </cell>
          <cell r="AO780" t="str">
            <v>MDO INDIANA SOUTHEAST C&amp;M</v>
          </cell>
        </row>
        <row r="781">
          <cell r="F781">
            <v>75115</v>
          </cell>
          <cell r="Z781" t="str">
            <v>GLFUD</v>
          </cell>
          <cell r="AN781" t="str">
            <v>MDO C&amp;M</v>
          </cell>
          <cell r="AO781" t="str">
            <v>MDO INDIANA SOUTHEAST C&amp;M</v>
          </cell>
        </row>
        <row r="782">
          <cell r="F782">
            <v>75115</v>
          </cell>
          <cell r="Z782" t="str">
            <v>GLFUD</v>
          </cell>
          <cell r="AN782" t="str">
            <v>MDO C&amp;M</v>
          </cell>
          <cell r="AO782" t="str">
            <v>MDO INDIANA SOUTHEAST C&amp;M</v>
          </cell>
        </row>
        <row r="783">
          <cell r="F783">
            <v>75115</v>
          </cell>
          <cell r="Z783" t="str">
            <v>GLFUD</v>
          </cell>
          <cell r="AN783" t="str">
            <v>MDO C&amp;M</v>
          </cell>
          <cell r="AO783" t="str">
            <v>MDO INDIANA SOUTHEAST C&amp;M</v>
          </cell>
        </row>
        <row r="784">
          <cell r="F784">
            <v>75115</v>
          </cell>
          <cell r="Z784" t="str">
            <v>GLFUD</v>
          </cell>
          <cell r="AN784" t="str">
            <v>MDO C&amp;M</v>
          </cell>
          <cell r="AO784" t="str">
            <v>MDO INDIANA SOUTHEAST C&amp;M</v>
          </cell>
        </row>
        <row r="785">
          <cell r="F785">
            <v>75115</v>
          </cell>
          <cell r="Z785" t="str">
            <v>GLFUD</v>
          </cell>
          <cell r="AN785" t="str">
            <v>MDO C&amp;M</v>
          </cell>
          <cell r="AO785" t="str">
            <v>MDO INDIANA SOUTHEAST C&amp;M</v>
          </cell>
        </row>
        <row r="786">
          <cell r="F786">
            <v>75115</v>
          </cell>
          <cell r="Z786" t="str">
            <v>GLFUD</v>
          </cell>
          <cell r="AN786" t="str">
            <v>MDO C&amp;M</v>
          </cell>
          <cell r="AO786" t="str">
            <v>MDO INDIANA SOUTHEAST C&amp;M</v>
          </cell>
        </row>
        <row r="787">
          <cell r="F787">
            <v>75115</v>
          </cell>
          <cell r="Z787" t="str">
            <v>GLFUD</v>
          </cell>
          <cell r="AN787" t="str">
            <v>MDO C&amp;M</v>
          </cell>
          <cell r="AO787" t="str">
            <v>MDO INDIANA SOUTHEAST C&amp;M</v>
          </cell>
        </row>
        <row r="788">
          <cell r="F788">
            <v>75115</v>
          </cell>
          <cell r="Z788" t="str">
            <v>GLFUD</v>
          </cell>
          <cell r="AN788" t="str">
            <v>MDO C&amp;M</v>
          </cell>
          <cell r="AO788" t="str">
            <v>MDO INDIANA SOUTHEAST C&amp;M</v>
          </cell>
        </row>
        <row r="789">
          <cell r="F789">
            <v>75115</v>
          </cell>
          <cell r="Z789" t="str">
            <v>GLFUD</v>
          </cell>
          <cell r="AN789" t="str">
            <v>MDO C&amp;M</v>
          </cell>
          <cell r="AO789" t="str">
            <v>MDO INDIANA SOUTHEAST C&amp;M</v>
          </cell>
        </row>
        <row r="790">
          <cell r="F790">
            <v>75115</v>
          </cell>
          <cell r="Z790" t="str">
            <v>GLFUD</v>
          </cell>
          <cell r="AN790" t="str">
            <v>MDO C&amp;M</v>
          </cell>
          <cell r="AO790" t="str">
            <v>MDO INDIANA SOUTHEAST C&amp;M</v>
          </cell>
        </row>
        <row r="791">
          <cell r="F791">
            <v>75115</v>
          </cell>
          <cell r="Z791" t="str">
            <v>GLFUD</v>
          </cell>
          <cell r="AN791" t="str">
            <v>MDO C&amp;M</v>
          </cell>
          <cell r="AO791" t="str">
            <v>MDO INDIANA SOUTHEAST C&amp;M</v>
          </cell>
        </row>
        <row r="792">
          <cell r="F792">
            <v>75115</v>
          </cell>
          <cell r="Z792" t="str">
            <v>GLFUD</v>
          </cell>
          <cell r="AN792" t="str">
            <v>MDO C&amp;M</v>
          </cell>
          <cell r="AO792" t="str">
            <v>MDO INDIANA SOUTHEAST C&amp;M</v>
          </cell>
        </row>
        <row r="793">
          <cell r="F793">
            <v>75115</v>
          </cell>
          <cell r="Z793" t="str">
            <v>GLFUD</v>
          </cell>
          <cell r="AN793" t="str">
            <v>MDO C&amp;M</v>
          </cell>
          <cell r="AO793" t="str">
            <v>MDO INDIANA SOUTHEAST C&amp;M</v>
          </cell>
        </row>
        <row r="794">
          <cell r="F794">
            <v>75115</v>
          </cell>
          <cell r="Z794" t="str">
            <v>GLFUD</v>
          </cell>
          <cell r="AN794" t="str">
            <v>MDO C&amp;M</v>
          </cell>
          <cell r="AO794" t="str">
            <v>MDO INDIANA SOUTHEAST C&amp;M</v>
          </cell>
        </row>
        <row r="795">
          <cell r="F795">
            <v>75115</v>
          </cell>
          <cell r="Z795" t="str">
            <v>GLFUD</v>
          </cell>
          <cell r="AN795" t="str">
            <v>MDO C&amp;M</v>
          </cell>
          <cell r="AO795" t="str">
            <v>MDO INDIANA SOUTHEAST C&amp;M</v>
          </cell>
        </row>
        <row r="796">
          <cell r="F796">
            <v>75115</v>
          </cell>
          <cell r="Z796" t="str">
            <v>GLFUD</v>
          </cell>
          <cell r="AN796" t="str">
            <v>MDO C&amp;M</v>
          </cell>
          <cell r="AO796" t="str">
            <v>MDO INDIANA SOUTHEAST C&amp;M</v>
          </cell>
        </row>
        <row r="797">
          <cell r="F797">
            <v>75115</v>
          </cell>
          <cell r="Z797" t="str">
            <v>GLFUD</v>
          </cell>
          <cell r="AN797" t="str">
            <v>MDO C&amp;M</v>
          </cell>
          <cell r="AO797" t="str">
            <v>MDO INDIANA SOUTHEAST C&amp;M</v>
          </cell>
        </row>
        <row r="798">
          <cell r="F798">
            <v>75115</v>
          </cell>
          <cell r="Z798" t="str">
            <v>GLFUD</v>
          </cell>
          <cell r="AN798" t="str">
            <v>MDO C&amp;M</v>
          </cell>
          <cell r="AO798" t="str">
            <v>MDO INDIANA SOUTHEAST C&amp;M</v>
          </cell>
        </row>
        <row r="799">
          <cell r="F799">
            <v>75115</v>
          </cell>
          <cell r="Z799" t="str">
            <v>GLFUD</v>
          </cell>
          <cell r="AN799" t="str">
            <v>MDO C&amp;M</v>
          </cell>
          <cell r="AO799" t="str">
            <v>MDO INDIANA SOUTHEAST C&amp;M</v>
          </cell>
        </row>
        <row r="800">
          <cell r="F800">
            <v>75115</v>
          </cell>
          <cell r="Z800" t="str">
            <v>GLFUD</v>
          </cell>
          <cell r="AN800" t="str">
            <v>MDO C&amp;M</v>
          </cell>
          <cell r="AO800" t="str">
            <v>MDO INDIANA SOUTHEAST C&amp;M</v>
          </cell>
        </row>
        <row r="801">
          <cell r="F801">
            <v>75115</v>
          </cell>
          <cell r="Z801" t="str">
            <v>GLFUD</v>
          </cell>
          <cell r="AN801" t="str">
            <v>MDO C&amp;M</v>
          </cell>
          <cell r="AO801" t="str">
            <v>MDO INDIANA SOUTHEAST C&amp;M</v>
          </cell>
        </row>
        <row r="802">
          <cell r="F802">
            <v>75115</v>
          </cell>
          <cell r="Z802" t="str">
            <v>GLFUD</v>
          </cell>
          <cell r="AN802" t="str">
            <v>MDO C&amp;M</v>
          </cell>
          <cell r="AO802" t="str">
            <v>MDO INDIANA SOUTHEAST C&amp;M</v>
          </cell>
        </row>
        <row r="803">
          <cell r="F803">
            <v>75115</v>
          </cell>
          <cell r="Z803" t="str">
            <v>GLFUD</v>
          </cell>
          <cell r="AN803" t="str">
            <v>MDO C&amp;M</v>
          </cell>
          <cell r="AO803" t="str">
            <v>MDO INDIANA SOUTHEAST C&amp;M</v>
          </cell>
        </row>
        <row r="804">
          <cell r="F804">
            <v>75115</v>
          </cell>
          <cell r="Z804" t="str">
            <v>GLFUD</v>
          </cell>
          <cell r="AN804" t="str">
            <v>MDO C&amp;M</v>
          </cell>
          <cell r="AO804" t="str">
            <v>MDO INDIANA SOUTHEAST C&amp;M</v>
          </cell>
        </row>
        <row r="805">
          <cell r="F805">
            <v>75115</v>
          </cell>
          <cell r="Z805" t="str">
            <v>GLFUD</v>
          </cell>
          <cell r="AN805" t="str">
            <v>MDO C&amp;M</v>
          </cell>
          <cell r="AO805" t="str">
            <v>MDO INDIANA SOUTHEAST C&amp;M</v>
          </cell>
        </row>
        <row r="806">
          <cell r="F806">
            <v>75115</v>
          </cell>
          <cell r="Z806" t="str">
            <v>GLFUD</v>
          </cell>
          <cell r="AN806" t="str">
            <v>MDO C&amp;M</v>
          </cell>
          <cell r="AO806" t="str">
            <v>MDO INDIANA SOUTHEAST C&amp;M</v>
          </cell>
        </row>
        <row r="807">
          <cell r="F807">
            <v>75115</v>
          </cell>
          <cell r="Z807" t="str">
            <v>GLFUD</v>
          </cell>
          <cell r="AN807" t="str">
            <v>MDO C&amp;M</v>
          </cell>
          <cell r="AO807" t="str">
            <v>MDO INDIANA SOUTHEAST C&amp;M</v>
          </cell>
        </row>
        <row r="808">
          <cell r="F808">
            <v>75115</v>
          </cell>
          <cell r="Z808" t="str">
            <v>GLFUD</v>
          </cell>
          <cell r="AN808" t="str">
            <v>MDO C&amp;M</v>
          </cell>
          <cell r="AO808" t="str">
            <v>MDO INDIANA SOUTHEAST C&amp;M</v>
          </cell>
        </row>
        <row r="809">
          <cell r="F809">
            <v>75115</v>
          </cell>
          <cell r="Z809" t="str">
            <v>GLFUD</v>
          </cell>
          <cell r="AN809" t="str">
            <v>MDO C&amp;M</v>
          </cell>
          <cell r="AO809" t="str">
            <v>MDO INDIANA SOUTHEAST C&amp;M</v>
          </cell>
        </row>
        <row r="810">
          <cell r="F810">
            <v>75115</v>
          </cell>
          <cell r="Z810" t="str">
            <v>GLFUD</v>
          </cell>
          <cell r="AN810" t="str">
            <v>MDO C&amp;M</v>
          </cell>
          <cell r="AO810" t="str">
            <v>MDO INDIANA SOUTHEAST C&amp;M</v>
          </cell>
        </row>
        <row r="811">
          <cell r="F811">
            <v>75115</v>
          </cell>
          <cell r="Z811" t="str">
            <v>GLFUD</v>
          </cell>
          <cell r="AN811" t="str">
            <v>MDO C&amp;M</v>
          </cell>
          <cell r="AO811" t="str">
            <v>MDO INDIANA SOUTHEAST C&amp;M</v>
          </cell>
        </row>
        <row r="812">
          <cell r="F812">
            <v>75115</v>
          </cell>
          <cell r="Z812" t="str">
            <v>GLFUD</v>
          </cell>
          <cell r="AN812" t="str">
            <v>MDO C&amp;M</v>
          </cell>
          <cell r="AO812" t="str">
            <v>MDO INDIANA SOUTHEAST C&amp;M</v>
          </cell>
        </row>
        <row r="813">
          <cell r="F813">
            <v>75115</v>
          </cell>
          <cell r="Z813" t="str">
            <v>GLFUD</v>
          </cell>
          <cell r="AN813" t="str">
            <v>MDO C&amp;M</v>
          </cell>
          <cell r="AO813" t="str">
            <v>MDO INDIANA SOUTHEAST C&amp;M</v>
          </cell>
        </row>
        <row r="814">
          <cell r="F814">
            <v>75115</v>
          </cell>
          <cell r="Z814" t="str">
            <v>GLFUD</v>
          </cell>
          <cell r="AN814" t="str">
            <v>MDO C&amp;M</v>
          </cell>
          <cell r="AO814" t="str">
            <v>MDO INDIANA SOUTHEAST C&amp;M</v>
          </cell>
        </row>
        <row r="815">
          <cell r="F815">
            <v>75115</v>
          </cell>
          <cell r="Z815" t="str">
            <v>GLFUD</v>
          </cell>
          <cell r="AN815" t="str">
            <v>MDO C&amp;M</v>
          </cell>
          <cell r="AO815" t="str">
            <v>MDO INDIANA SOUTHEAST C&amp;M</v>
          </cell>
        </row>
        <row r="816">
          <cell r="F816">
            <v>75115</v>
          </cell>
          <cell r="Z816" t="str">
            <v>GLFUD</v>
          </cell>
          <cell r="AN816" t="str">
            <v>MDO C&amp;M</v>
          </cell>
          <cell r="AO816" t="str">
            <v>MDO INDIANA SOUTHEAST C&amp;M</v>
          </cell>
        </row>
        <row r="817">
          <cell r="F817">
            <v>75115</v>
          </cell>
          <cell r="Z817" t="str">
            <v>GLFUD</v>
          </cell>
          <cell r="AN817" t="str">
            <v>MDO C&amp;M</v>
          </cell>
          <cell r="AO817" t="str">
            <v>MDO INDIANA SOUTHEAST C&amp;M</v>
          </cell>
        </row>
        <row r="818">
          <cell r="F818">
            <v>75115</v>
          </cell>
          <cell r="Z818" t="str">
            <v>GLFUD</v>
          </cell>
          <cell r="AN818" t="str">
            <v>MDO C&amp;M</v>
          </cell>
          <cell r="AO818" t="str">
            <v>MDO INDIANA SOUTHEAST C&amp;M</v>
          </cell>
        </row>
        <row r="819">
          <cell r="F819">
            <v>75115</v>
          </cell>
          <cell r="Z819" t="str">
            <v>GLFUD</v>
          </cell>
          <cell r="AN819" t="str">
            <v>MDO C&amp;M</v>
          </cell>
          <cell r="AO819" t="str">
            <v>MDO INDIANA SOUTHEAST C&amp;M</v>
          </cell>
        </row>
        <row r="820">
          <cell r="F820">
            <v>75115</v>
          </cell>
          <cell r="Z820" t="str">
            <v>GLFUD</v>
          </cell>
          <cell r="AN820" t="str">
            <v>MDO C&amp;M</v>
          </cell>
          <cell r="AO820" t="str">
            <v>MDO INDIANA SOUTHEAST C&amp;M</v>
          </cell>
        </row>
        <row r="821">
          <cell r="F821">
            <v>75115</v>
          </cell>
          <cell r="Z821" t="str">
            <v>GLFUD</v>
          </cell>
          <cell r="AN821" t="str">
            <v>MDO C&amp;M</v>
          </cell>
          <cell r="AO821" t="str">
            <v>MDO INDIANA SOUTHEAST C&amp;M</v>
          </cell>
        </row>
        <row r="822">
          <cell r="F822">
            <v>75115</v>
          </cell>
          <cell r="Z822" t="str">
            <v>GLFUD</v>
          </cell>
          <cell r="AN822" t="str">
            <v>MDO C&amp;M</v>
          </cell>
          <cell r="AO822" t="str">
            <v>MDO INDIANA SOUTHEAST C&amp;M</v>
          </cell>
        </row>
        <row r="823">
          <cell r="F823">
            <v>75115</v>
          </cell>
          <cell r="Z823" t="str">
            <v>GLFUD</v>
          </cell>
          <cell r="AN823" t="str">
            <v>MDO C&amp;M</v>
          </cell>
          <cell r="AO823" t="str">
            <v>MDO INDIANA SOUTHEAST C&amp;M</v>
          </cell>
        </row>
        <row r="824">
          <cell r="F824">
            <v>75115</v>
          </cell>
          <cell r="Z824" t="str">
            <v>GLFUD</v>
          </cell>
          <cell r="AN824" t="str">
            <v>MDO C&amp;M</v>
          </cell>
          <cell r="AO824" t="str">
            <v>MDO INDIANA SOUTHEAST C&amp;M</v>
          </cell>
        </row>
        <row r="825">
          <cell r="F825">
            <v>75115</v>
          </cell>
          <cell r="Z825" t="str">
            <v>GLFUD</v>
          </cell>
          <cell r="AN825" t="str">
            <v>MDO C&amp;M</v>
          </cell>
          <cell r="AO825" t="str">
            <v>MDO INDIANA SOUTHEAST C&amp;M</v>
          </cell>
        </row>
        <row r="826">
          <cell r="F826">
            <v>75115</v>
          </cell>
          <cell r="Z826" t="str">
            <v>GLFUD</v>
          </cell>
          <cell r="AN826" t="str">
            <v>MDO C&amp;M</v>
          </cell>
          <cell r="AO826" t="str">
            <v>MDO INDIANA SOUTHEAST C&amp;M</v>
          </cell>
        </row>
        <row r="827">
          <cell r="F827">
            <v>75115</v>
          </cell>
          <cell r="Z827" t="str">
            <v>GLFUD</v>
          </cell>
          <cell r="AN827" t="str">
            <v>MDO C&amp;M</v>
          </cell>
          <cell r="AO827" t="str">
            <v>MDO INDIANA SOUTHEAST C&amp;M</v>
          </cell>
        </row>
        <row r="828">
          <cell r="F828">
            <v>75115</v>
          </cell>
          <cell r="Z828" t="str">
            <v>GLFUD</v>
          </cell>
          <cell r="AN828" t="str">
            <v>MDO C&amp;M</v>
          </cell>
          <cell r="AO828" t="str">
            <v>MDO INDIANA SOUTHEAST C&amp;M</v>
          </cell>
        </row>
        <row r="829">
          <cell r="F829">
            <v>75115</v>
          </cell>
          <cell r="Z829" t="str">
            <v>GLFUD</v>
          </cell>
          <cell r="AN829" t="str">
            <v>MDO C&amp;M</v>
          </cell>
          <cell r="AO829" t="str">
            <v>MDO INDIANA SOUTHEAST C&amp;M</v>
          </cell>
        </row>
        <row r="830">
          <cell r="F830">
            <v>75115</v>
          </cell>
          <cell r="Z830" t="str">
            <v>GLFUD</v>
          </cell>
          <cell r="AN830" t="str">
            <v>MDO C&amp;M</v>
          </cell>
          <cell r="AO830" t="str">
            <v>MDO INDIANA SOUTHEAST C&amp;M</v>
          </cell>
        </row>
        <row r="831">
          <cell r="F831">
            <v>75115</v>
          </cell>
          <cell r="Z831" t="str">
            <v>GLFUD</v>
          </cell>
          <cell r="AN831" t="str">
            <v>MDO C&amp;M</v>
          </cell>
          <cell r="AO831" t="str">
            <v>MDO INDIANA SOUTHEAST C&amp;M</v>
          </cell>
        </row>
        <row r="832">
          <cell r="F832">
            <v>75115</v>
          </cell>
          <cell r="Z832" t="str">
            <v>GLFUD</v>
          </cell>
          <cell r="AN832" t="str">
            <v>MDO C&amp;M</v>
          </cell>
          <cell r="AO832" t="str">
            <v>MDO INDIANA SOUTHEAST C&amp;M</v>
          </cell>
        </row>
        <row r="833">
          <cell r="F833">
            <v>75115</v>
          </cell>
          <cell r="Z833" t="str">
            <v>GLFUD</v>
          </cell>
          <cell r="AN833" t="str">
            <v>MDO C&amp;M</v>
          </cell>
          <cell r="AO833" t="str">
            <v>MDO INDIANA SOUTHEAST C&amp;M</v>
          </cell>
        </row>
        <row r="834">
          <cell r="F834">
            <v>75115</v>
          </cell>
          <cell r="Z834" t="str">
            <v>GLFUD</v>
          </cell>
          <cell r="AN834" t="str">
            <v>MDO C&amp;M</v>
          </cell>
          <cell r="AO834" t="str">
            <v>MDO INDIANA SOUTHEAST C&amp;M</v>
          </cell>
        </row>
        <row r="835">
          <cell r="F835">
            <v>75115</v>
          </cell>
          <cell r="Z835" t="str">
            <v>GLFUD</v>
          </cell>
          <cell r="AN835" t="str">
            <v>MDO C&amp;M</v>
          </cell>
          <cell r="AO835" t="str">
            <v>MDO INDIANA SOUTHEAST C&amp;M</v>
          </cell>
        </row>
        <row r="836">
          <cell r="F836">
            <v>75115</v>
          </cell>
          <cell r="Z836" t="str">
            <v>GLFUD</v>
          </cell>
          <cell r="AN836" t="str">
            <v>MDO C&amp;M</v>
          </cell>
          <cell r="AO836" t="str">
            <v>MDO INDIANA SOUTHEAST C&amp;M</v>
          </cell>
        </row>
        <row r="837">
          <cell r="F837">
            <v>75115</v>
          </cell>
          <cell r="Z837" t="str">
            <v>GLFUD</v>
          </cell>
          <cell r="AN837" t="str">
            <v>MDO C&amp;M</v>
          </cell>
          <cell r="AO837" t="str">
            <v>MDO INDIANA SOUTHEAST C&amp;M</v>
          </cell>
        </row>
        <row r="838">
          <cell r="F838">
            <v>75115</v>
          </cell>
          <cell r="Z838" t="str">
            <v>GLFUD</v>
          </cell>
          <cell r="AN838" t="str">
            <v>MDO C&amp;M</v>
          </cell>
          <cell r="AO838" t="str">
            <v>MDO INDIANA SOUTHEAST C&amp;M</v>
          </cell>
        </row>
        <row r="839">
          <cell r="F839">
            <v>75115</v>
          </cell>
          <cell r="Z839" t="str">
            <v>GLFUD</v>
          </cell>
          <cell r="AN839" t="str">
            <v>MDO C&amp;M</v>
          </cell>
          <cell r="AO839" t="str">
            <v>MDO INDIANA NORTH C&amp;M</v>
          </cell>
        </row>
        <row r="840">
          <cell r="F840">
            <v>75115</v>
          </cell>
          <cell r="Z840" t="str">
            <v>GLFUD</v>
          </cell>
          <cell r="AN840" t="str">
            <v>MDO C&amp;M</v>
          </cell>
          <cell r="AO840" t="str">
            <v>MDO INDIANA NORTH C&amp;M</v>
          </cell>
        </row>
        <row r="841">
          <cell r="F841">
            <v>75115</v>
          </cell>
          <cell r="Z841" t="str">
            <v>GLFUD</v>
          </cell>
          <cell r="AN841" t="str">
            <v>MDO C&amp;M</v>
          </cell>
          <cell r="AO841" t="str">
            <v>MDO INDIANA NORTH C&amp;M</v>
          </cell>
        </row>
        <row r="842">
          <cell r="F842">
            <v>75115</v>
          </cell>
          <cell r="Z842" t="str">
            <v>GLFUD</v>
          </cell>
          <cell r="AN842" t="str">
            <v>MDO C&amp;M</v>
          </cell>
          <cell r="AO842" t="str">
            <v>MDO INDIANA NORTH C&amp;M</v>
          </cell>
        </row>
        <row r="843">
          <cell r="F843">
            <v>75115</v>
          </cell>
          <cell r="Z843" t="str">
            <v>GLFUD</v>
          </cell>
          <cell r="AN843" t="str">
            <v>MDO C&amp;M</v>
          </cell>
          <cell r="AO843" t="str">
            <v>MDO INDIANA NORTH C&amp;M</v>
          </cell>
        </row>
        <row r="844">
          <cell r="F844">
            <v>75115</v>
          </cell>
          <cell r="Z844" t="str">
            <v>GLFUD</v>
          </cell>
          <cell r="AN844" t="str">
            <v>MDO C&amp;M</v>
          </cell>
          <cell r="AO844" t="str">
            <v>MDO INDIANA NORTH C&amp;M</v>
          </cell>
        </row>
        <row r="845">
          <cell r="F845">
            <v>75115</v>
          </cell>
          <cell r="Z845" t="str">
            <v>GLFUD</v>
          </cell>
          <cell r="AN845" t="str">
            <v>MDO C&amp;M</v>
          </cell>
          <cell r="AO845" t="str">
            <v>MDO INDIANA NORTH C&amp;M</v>
          </cell>
        </row>
        <row r="846">
          <cell r="F846">
            <v>75115</v>
          </cell>
          <cell r="Z846" t="str">
            <v>GLFUD</v>
          </cell>
          <cell r="AN846" t="str">
            <v>MDO C&amp;M</v>
          </cell>
          <cell r="AO846" t="str">
            <v>MDO INDIANA NORTH C&amp;M</v>
          </cell>
        </row>
        <row r="847">
          <cell r="F847">
            <v>75115</v>
          </cell>
          <cell r="Z847" t="str">
            <v>GLFUD</v>
          </cell>
          <cell r="AN847" t="str">
            <v>MDO C&amp;M</v>
          </cell>
          <cell r="AO847" t="str">
            <v>MDO INDIANA NORTH C&amp;M</v>
          </cell>
        </row>
        <row r="848">
          <cell r="F848">
            <v>75115</v>
          </cell>
          <cell r="Z848" t="str">
            <v>GLFUD</v>
          </cell>
          <cell r="AN848" t="str">
            <v>MDO C&amp;M</v>
          </cell>
          <cell r="AO848" t="str">
            <v>MDO INDIANA NORTH C&amp;M</v>
          </cell>
        </row>
        <row r="849">
          <cell r="F849">
            <v>75115</v>
          </cell>
          <cell r="Z849" t="str">
            <v>GLFUD</v>
          </cell>
          <cell r="AN849" t="str">
            <v>MDO C&amp;M</v>
          </cell>
          <cell r="AO849" t="str">
            <v>MDO INDIANA NORTH C&amp;M</v>
          </cell>
        </row>
        <row r="850">
          <cell r="F850">
            <v>75115</v>
          </cell>
          <cell r="Z850" t="str">
            <v>GLFUD</v>
          </cell>
          <cell r="AN850" t="str">
            <v>MDO C&amp;M</v>
          </cell>
          <cell r="AO850" t="str">
            <v>MDO INDIANA NORTH C&amp;M</v>
          </cell>
        </row>
        <row r="851">
          <cell r="F851">
            <v>75115</v>
          </cell>
          <cell r="Z851" t="str">
            <v>GLFUD</v>
          </cell>
          <cell r="AN851" t="str">
            <v>MDO C&amp;M</v>
          </cell>
          <cell r="AO851" t="str">
            <v>MDO INDIANA NORTH C&amp;M</v>
          </cell>
        </row>
        <row r="852">
          <cell r="F852">
            <v>75115</v>
          </cell>
          <cell r="Z852" t="str">
            <v>GLFUD</v>
          </cell>
          <cell r="AN852" t="str">
            <v>MDO C&amp;M</v>
          </cell>
          <cell r="AO852" t="str">
            <v>MDO INDIANA NORTH C&amp;M</v>
          </cell>
        </row>
        <row r="853">
          <cell r="F853">
            <v>75115</v>
          </cell>
          <cell r="Z853" t="str">
            <v>GLFUD</v>
          </cell>
          <cell r="AN853" t="str">
            <v>MDO C&amp;M</v>
          </cell>
          <cell r="AO853" t="str">
            <v>MDO INDIANA NORTH C&amp;M</v>
          </cell>
        </row>
        <row r="854">
          <cell r="F854">
            <v>75115</v>
          </cell>
          <cell r="Z854" t="str">
            <v>GLFUD</v>
          </cell>
          <cell r="AN854" t="str">
            <v>MDO C&amp;M</v>
          </cell>
          <cell r="AO854" t="str">
            <v>MDO INDIANA NORTH C&amp;M</v>
          </cell>
        </row>
        <row r="855">
          <cell r="F855">
            <v>75115</v>
          </cell>
          <cell r="Z855" t="str">
            <v>GLFUD</v>
          </cell>
          <cell r="AN855" t="str">
            <v>MDO C&amp;M</v>
          </cell>
          <cell r="AO855" t="str">
            <v>MDO INDIANA NORTH C&amp;M</v>
          </cell>
        </row>
        <row r="856">
          <cell r="F856">
            <v>75115</v>
          </cell>
          <cell r="Z856" t="str">
            <v>GLFUD</v>
          </cell>
          <cell r="AN856" t="str">
            <v>MDO C&amp;M</v>
          </cell>
          <cell r="AO856" t="str">
            <v>MDO INDIANA NORTH C&amp;M</v>
          </cell>
        </row>
        <row r="857">
          <cell r="F857">
            <v>75115</v>
          </cell>
          <cell r="Z857" t="str">
            <v>GLFUD</v>
          </cell>
          <cell r="AN857" t="str">
            <v>MDO C&amp;M</v>
          </cell>
          <cell r="AO857" t="str">
            <v>MDO INDIANA NORTH C&amp;M</v>
          </cell>
        </row>
        <row r="858">
          <cell r="F858">
            <v>75115</v>
          </cell>
          <cell r="Z858" t="str">
            <v>GLFUD</v>
          </cell>
          <cell r="AN858" t="str">
            <v>MDO C&amp;M</v>
          </cell>
          <cell r="AO858" t="str">
            <v>MDO INDIANA NORTH C&amp;M</v>
          </cell>
        </row>
        <row r="859">
          <cell r="F859">
            <v>75115</v>
          </cell>
          <cell r="Z859" t="str">
            <v>GLFUD</v>
          </cell>
          <cell r="AN859" t="str">
            <v>MDO C&amp;M</v>
          </cell>
          <cell r="AO859" t="str">
            <v>MDO INDIANA NORTH C&amp;M</v>
          </cell>
        </row>
        <row r="860">
          <cell r="F860">
            <v>75115</v>
          </cell>
          <cell r="Z860" t="str">
            <v>GLFUD</v>
          </cell>
          <cell r="AN860" t="str">
            <v>MDO C&amp;M</v>
          </cell>
          <cell r="AO860" t="str">
            <v>MDO INDIANA NORTH C&amp;M</v>
          </cell>
        </row>
        <row r="861">
          <cell r="F861">
            <v>75115</v>
          </cell>
          <cell r="Z861" t="str">
            <v>GLFUD</v>
          </cell>
          <cell r="AN861" t="str">
            <v>MDO C&amp;M</v>
          </cell>
          <cell r="AO861" t="str">
            <v>MDO INDIANA NORTH C&amp;M</v>
          </cell>
        </row>
        <row r="862">
          <cell r="F862">
            <v>75115</v>
          </cell>
          <cell r="Z862" t="str">
            <v>GLFUD</v>
          </cell>
          <cell r="AN862" t="str">
            <v>MDO C&amp;M</v>
          </cell>
          <cell r="AO862" t="str">
            <v>MDO INDIANA NORTH C&amp;M</v>
          </cell>
        </row>
        <row r="863">
          <cell r="F863">
            <v>75115</v>
          </cell>
          <cell r="Z863" t="str">
            <v>GLFUD</v>
          </cell>
          <cell r="AN863" t="str">
            <v>MDO C&amp;M</v>
          </cell>
          <cell r="AO863" t="str">
            <v>MDO INDIANA NORTH C&amp;M</v>
          </cell>
        </row>
        <row r="864">
          <cell r="F864">
            <v>75115</v>
          </cell>
          <cell r="Z864" t="str">
            <v>GLFUD</v>
          </cell>
          <cell r="AN864" t="str">
            <v>MDO C&amp;M</v>
          </cell>
          <cell r="AO864" t="str">
            <v>MDO INDIANA NORTH C&amp;M</v>
          </cell>
        </row>
        <row r="865">
          <cell r="F865">
            <v>75115</v>
          </cell>
          <cell r="Z865" t="str">
            <v>GLFUD</v>
          </cell>
          <cell r="AN865" t="str">
            <v>MDO C&amp;M</v>
          </cell>
          <cell r="AO865" t="str">
            <v>MDO INDIANA NORTH C&amp;M</v>
          </cell>
        </row>
        <row r="866">
          <cell r="F866">
            <v>75115</v>
          </cell>
          <cell r="Z866" t="str">
            <v>GLFUD</v>
          </cell>
          <cell r="AN866" t="str">
            <v>MDO C&amp;M</v>
          </cell>
          <cell r="AO866" t="str">
            <v>MDO INDIANA NORTH C&amp;M</v>
          </cell>
        </row>
        <row r="867">
          <cell r="F867">
            <v>75115</v>
          </cell>
          <cell r="Z867" t="str">
            <v>GLFUD</v>
          </cell>
          <cell r="AN867" t="str">
            <v>MDO C&amp;M</v>
          </cell>
          <cell r="AO867" t="str">
            <v>MDO INDIANA NORTH C&amp;M</v>
          </cell>
        </row>
        <row r="868">
          <cell r="F868">
            <v>75115</v>
          </cell>
          <cell r="Z868" t="str">
            <v>GLFUD</v>
          </cell>
          <cell r="AN868" t="str">
            <v>MDO C&amp;M</v>
          </cell>
          <cell r="AO868" t="str">
            <v>MDO INDIANA NORTH C&amp;M</v>
          </cell>
        </row>
        <row r="869">
          <cell r="F869">
            <v>75115</v>
          </cell>
          <cell r="Z869" t="str">
            <v>GLFUD</v>
          </cell>
          <cell r="AN869" t="str">
            <v>MDO C&amp;M</v>
          </cell>
          <cell r="AO869" t="str">
            <v>MDO INDIANA NORTH C&amp;M</v>
          </cell>
        </row>
        <row r="870">
          <cell r="F870">
            <v>75115</v>
          </cell>
          <cell r="Z870" t="str">
            <v>GLFUD</v>
          </cell>
          <cell r="AN870" t="str">
            <v>MDO C&amp;M</v>
          </cell>
          <cell r="AO870" t="str">
            <v>MDO INDIANA NORTH C&amp;M</v>
          </cell>
        </row>
        <row r="871">
          <cell r="F871">
            <v>75115</v>
          </cell>
          <cell r="Z871" t="str">
            <v>GLFUD</v>
          </cell>
          <cell r="AN871" t="str">
            <v>MDO C&amp;M</v>
          </cell>
          <cell r="AO871" t="str">
            <v>MDO INDIANA NORTH C&amp;M</v>
          </cell>
        </row>
        <row r="872">
          <cell r="F872">
            <v>75115</v>
          </cell>
          <cell r="Z872" t="str">
            <v>GLFUD</v>
          </cell>
          <cell r="AN872" t="str">
            <v>MDO C&amp;M</v>
          </cell>
          <cell r="AO872" t="str">
            <v>MDO INDIANA NORTH C&amp;M</v>
          </cell>
        </row>
        <row r="873">
          <cell r="F873">
            <v>75115</v>
          </cell>
          <cell r="Z873" t="str">
            <v>GLFUD</v>
          </cell>
          <cell r="AN873" t="str">
            <v>MDO C&amp;M</v>
          </cell>
          <cell r="AO873" t="str">
            <v>MDO INDIANA NORTH C&amp;M</v>
          </cell>
        </row>
        <row r="874">
          <cell r="F874">
            <v>75115</v>
          </cell>
          <cell r="Z874" t="str">
            <v>GLFUD</v>
          </cell>
          <cell r="AN874" t="str">
            <v>MDO C&amp;M</v>
          </cell>
          <cell r="AO874" t="str">
            <v>MDO INDIANA NORTH C&amp;M</v>
          </cell>
        </row>
        <row r="875">
          <cell r="F875">
            <v>75115</v>
          </cell>
          <cell r="Z875" t="str">
            <v>GLFUD</v>
          </cell>
          <cell r="AN875" t="str">
            <v>MDO C&amp;M</v>
          </cell>
          <cell r="AO875" t="str">
            <v>MDO INDIANA NORTH C&amp;M</v>
          </cell>
        </row>
        <row r="876">
          <cell r="F876">
            <v>75115</v>
          </cell>
          <cell r="Z876" t="str">
            <v>GLFUD</v>
          </cell>
          <cell r="AN876" t="str">
            <v>MDO C&amp;M</v>
          </cell>
          <cell r="AO876" t="str">
            <v>MDO INDIANA NORTH C&amp;M</v>
          </cell>
        </row>
        <row r="877">
          <cell r="F877">
            <v>75115</v>
          </cell>
          <cell r="Z877" t="str">
            <v>GLFUD</v>
          </cell>
          <cell r="AN877" t="str">
            <v>MDO C&amp;M</v>
          </cell>
          <cell r="AO877" t="str">
            <v>MDO INDIANA NORTH C&amp;M</v>
          </cell>
        </row>
        <row r="878">
          <cell r="F878">
            <v>75115</v>
          </cell>
          <cell r="Z878" t="str">
            <v>GLFUD</v>
          </cell>
          <cell r="AN878" t="str">
            <v>MDO C&amp;M</v>
          </cell>
          <cell r="AO878" t="str">
            <v>MDO INDIANA NORTH C&amp;M</v>
          </cell>
        </row>
        <row r="879">
          <cell r="F879">
            <v>75115</v>
          </cell>
          <cell r="Z879" t="str">
            <v>GLFUD</v>
          </cell>
          <cell r="AN879" t="str">
            <v>MDO C&amp;M</v>
          </cell>
          <cell r="AO879" t="str">
            <v>MDO INDIANA NORTH C&amp;M</v>
          </cell>
        </row>
        <row r="880">
          <cell r="F880">
            <v>75115</v>
          </cell>
          <cell r="Z880" t="str">
            <v>GLFUD</v>
          </cell>
          <cell r="AN880" t="str">
            <v>MDO C&amp;M</v>
          </cell>
          <cell r="AO880" t="str">
            <v>MDO INDIANA NORTH C&amp;M</v>
          </cell>
        </row>
        <row r="881">
          <cell r="F881">
            <v>75115</v>
          </cell>
          <cell r="Z881" t="str">
            <v>GLFUD</v>
          </cell>
          <cell r="AN881" t="str">
            <v>MDO C&amp;M</v>
          </cell>
          <cell r="AO881" t="str">
            <v>MDO INDIANA NORTH C&amp;M</v>
          </cell>
        </row>
        <row r="882">
          <cell r="F882">
            <v>75115</v>
          </cell>
          <cell r="Z882" t="str">
            <v>GLFUD</v>
          </cell>
          <cell r="AN882" t="str">
            <v>MDO C&amp;M</v>
          </cell>
          <cell r="AO882" t="str">
            <v>MDO INDIANA NORTH C&amp;M</v>
          </cell>
        </row>
        <row r="883">
          <cell r="F883">
            <v>75115</v>
          </cell>
          <cell r="Z883" t="str">
            <v>GLFUD</v>
          </cell>
          <cell r="AN883" t="str">
            <v>MDO C&amp;M</v>
          </cell>
          <cell r="AO883" t="str">
            <v>MDO INDIANA NORTH C&amp;M</v>
          </cell>
        </row>
        <row r="884">
          <cell r="F884">
            <v>75115</v>
          </cell>
          <cell r="Z884" t="str">
            <v>GLFUD</v>
          </cell>
          <cell r="AN884" t="str">
            <v>MDO C&amp;M</v>
          </cell>
          <cell r="AO884" t="str">
            <v>MDO INDIANA NORTH C&amp;M</v>
          </cell>
        </row>
        <row r="885">
          <cell r="F885">
            <v>75115</v>
          </cell>
          <cell r="Z885" t="str">
            <v>GLFUD</v>
          </cell>
          <cell r="AN885" t="str">
            <v>MDO C&amp;M</v>
          </cell>
          <cell r="AO885" t="str">
            <v>MDO INDIANA NORTH C&amp;M</v>
          </cell>
        </row>
        <row r="886">
          <cell r="F886">
            <v>75115</v>
          </cell>
          <cell r="Z886" t="str">
            <v>GLFUD</v>
          </cell>
          <cell r="AN886" t="str">
            <v>MDO C&amp;M</v>
          </cell>
          <cell r="AO886" t="str">
            <v>MDO INDIANA NORTH C&amp;M</v>
          </cell>
        </row>
        <row r="887">
          <cell r="F887">
            <v>75115</v>
          </cell>
          <cell r="Z887" t="str">
            <v>GLFUD</v>
          </cell>
          <cell r="AN887" t="str">
            <v>MDO C&amp;M</v>
          </cell>
          <cell r="AO887" t="str">
            <v>MDO INDIANA NORTH C&amp;M</v>
          </cell>
        </row>
        <row r="888">
          <cell r="F888">
            <v>75115</v>
          </cell>
          <cell r="Z888" t="str">
            <v>GLFUD</v>
          </cell>
          <cell r="AN888" t="str">
            <v>MDO C&amp;M</v>
          </cell>
          <cell r="AO888" t="str">
            <v>MDO INDIANA NORTH C&amp;M</v>
          </cell>
        </row>
        <row r="889">
          <cell r="F889">
            <v>75115</v>
          </cell>
          <cell r="Z889" t="str">
            <v>GLFUD</v>
          </cell>
          <cell r="AN889" t="str">
            <v>MDO C&amp;M</v>
          </cell>
          <cell r="AO889" t="str">
            <v>MDO INDIANA NORTH C&amp;M</v>
          </cell>
        </row>
        <row r="890">
          <cell r="F890">
            <v>75115</v>
          </cell>
          <cell r="Z890" t="str">
            <v>GLFUD</v>
          </cell>
          <cell r="AN890" t="str">
            <v>MDO C&amp;M</v>
          </cell>
          <cell r="AO890" t="str">
            <v>MDO INDIANA NORTH C&amp;M</v>
          </cell>
        </row>
        <row r="891">
          <cell r="F891">
            <v>75115</v>
          </cell>
          <cell r="Z891" t="str">
            <v>GLFUD</v>
          </cell>
          <cell r="AN891" t="str">
            <v>MDO C&amp;M</v>
          </cell>
          <cell r="AO891" t="str">
            <v>MDO INDIANA NORTH C&amp;M</v>
          </cell>
        </row>
        <row r="892">
          <cell r="F892">
            <v>75115</v>
          </cell>
          <cell r="Z892" t="str">
            <v>GLFUD</v>
          </cell>
          <cell r="AN892" t="str">
            <v>MDO C&amp;M</v>
          </cell>
          <cell r="AO892" t="str">
            <v>MDO INDIANA NORTH C&amp;M</v>
          </cell>
        </row>
        <row r="893">
          <cell r="F893">
            <v>75115</v>
          </cell>
          <cell r="Z893" t="str">
            <v>GLFUD</v>
          </cell>
          <cell r="AN893" t="str">
            <v>MDO C&amp;M</v>
          </cell>
          <cell r="AO893" t="str">
            <v>MDO INDIANA NORTH C&amp;M</v>
          </cell>
        </row>
        <row r="894">
          <cell r="F894">
            <v>75115</v>
          </cell>
          <cell r="Z894" t="str">
            <v>GLFUD</v>
          </cell>
          <cell r="AN894" t="str">
            <v>MDO C&amp;M</v>
          </cell>
          <cell r="AO894" t="str">
            <v>MDO INDIANA NORTH C&amp;M</v>
          </cell>
        </row>
        <row r="895">
          <cell r="F895">
            <v>75115</v>
          </cell>
          <cell r="Z895" t="str">
            <v>GLFUD</v>
          </cell>
          <cell r="AN895" t="str">
            <v>MDO C&amp;M</v>
          </cell>
          <cell r="AO895" t="str">
            <v>MDO INDIANA NORTH C&amp;M</v>
          </cell>
        </row>
        <row r="896">
          <cell r="F896">
            <v>75115</v>
          </cell>
          <cell r="Z896" t="str">
            <v>GLFUD</v>
          </cell>
          <cell r="AN896" t="str">
            <v>MDO C&amp;M</v>
          </cell>
          <cell r="AO896" t="str">
            <v>MDO INDIANA NORTH C&amp;M</v>
          </cell>
        </row>
        <row r="897">
          <cell r="F897">
            <v>75115</v>
          </cell>
          <cell r="Z897" t="str">
            <v>GLFUD</v>
          </cell>
          <cell r="AN897" t="str">
            <v>MDO C&amp;M</v>
          </cell>
          <cell r="AO897" t="str">
            <v>MDO INDIANA NORTH C&amp;M</v>
          </cell>
        </row>
        <row r="898">
          <cell r="F898">
            <v>75115</v>
          </cell>
          <cell r="Z898" t="str">
            <v>GLFUD</v>
          </cell>
          <cell r="AN898" t="str">
            <v>MDO C&amp;M</v>
          </cell>
          <cell r="AO898" t="str">
            <v>MDO INDIANA NORTH C&amp;M</v>
          </cell>
        </row>
        <row r="899">
          <cell r="F899">
            <v>75115</v>
          </cell>
          <cell r="Z899" t="str">
            <v>GLFUD</v>
          </cell>
          <cell r="AN899" t="str">
            <v>MDO C&amp;M</v>
          </cell>
          <cell r="AO899" t="str">
            <v>MDO INDIANA NORTH C&amp;M</v>
          </cell>
        </row>
        <row r="900">
          <cell r="F900">
            <v>75115</v>
          </cell>
          <cell r="Z900" t="str">
            <v>GLFUD</v>
          </cell>
          <cell r="AN900" t="str">
            <v>MDO C&amp;M</v>
          </cell>
          <cell r="AO900" t="str">
            <v>MDO INDIANA NORTH C&amp;M</v>
          </cell>
        </row>
        <row r="901">
          <cell r="F901">
            <v>75115</v>
          </cell>
          <cell r="Z901" t="str">
            <v>GLFUD</v>
          </cell>
          <cell r="AN901" t="str">
            <v>MDO C&amp;M</v>
          </cell>
          <cell r="AO901" t="str">
            <v>MDO INDIANA NORTH C&amp;M</v>
          </cell>
        </row>
        <row r="902">
          <cell r="F902">
            <v>75115</v>
          </cell>
          <cell r="Z902" t="str">
            <v>GLFUD</v>
          </cell>
          <cell r="AN902" t="str">
            <v>MDO C&amp;M</v>
          </cell>
          <cell r="AO902" t="str">
            <v>MDO INDIANA NORTH C&amp;M</v>
          </cell>
        </row>
        <row r="903">
          <cell r="F903">
            <v>75115</v>
          </cell>
          <cell r="Z903" t="str">
            <v>GLFUD</v>
          </cell>
          <cell r="AN903" t="str">
            <v>MDO C&amp;M</v>
          </cell>
          <cell r="AO903" t="str">
            <v>MDO INDIANA NORTH C&amp;M</v>
          </cell>
        </row>
        <row r="904">
          <cell r="F904">
            <v>75115</v>
          </cell>
          <cell r="Z904" t="str">
            <v>GLFUD</v>
          </cell>
          <cell r="AN904" t="str">
            <v>MDO C&amp;M</v>
          </cell>
          <cell r="AO904" t="str">
            <v>MDO INDIANA NORTH C&amp;M</v>
          </cell>
        </row>
        <row r="905">
          <cell r="F905">
            <v>75115</v>
          </cell>
          <cell r="Z905" t="str">
            <v>GLFUD</v>
          </cell>
          <cell r="AN905" t="str">
            <v>MDO C&amp;M</v>
          </cell>
          <cell r="AO905" t="str">
            <v>MDO INDIANA NORTH C&amp;M</v>
          </cell>
        </row>
        <row r="906">
          <cell r="F906">
            <v>75115</v>
          </cell>
          <cell r="Z906" t="str">
            <v>GLFUD</v>
          </cell>
          <cell r="AN906" t="str">
            <v>MDO C&amp;M</v>
          </cell>
          <cell r="AO906" t="str">
            <v>MDO INDIANA NORTH C&amp;M</v>
          </cell>
        </row>
        <row r="907">
          <cell r="F907">
            <v>75115</v>
          </cell>
          <cell r="Z907" t="str">
            <v>GLFUD</v>
          </cell>
          <cell r="AN907" t="str">
            <v>MDO C&amp;M</v>
          </cell>
          <cell r="AO907" t="str">
            <v>MDO INDIANA NORTH C&amp;M</v>
          </cell>
        </row>
        <row r="908">
          <cell r="F908">
            <v>75115</v>
          </cell>
          <cell r="Z908" t="str">
            <v>GLFUD</v>
          </cell>
          <cell r="AN908" t="str">
            <v>MDO C&amp;M</v>
          </cell>
          <cell r="AO908" t="str">
            <v>MDO INDIANA NORTH C&amp;M</v>
          </cell>
        </row>
        <row r="909">
          <cell r="F909">
            <v>75115</v>
          </cell>
          <cell r="Z909" t="str">
            <v>GLFUD</v>
          </cell>
          <cell r="AN909" t="str">
            <v>MDO C&amp;M</v>
          </cell>
          <cell r="AO909" t="str">
            <v>MDO INDIANA NORTH C&amp;M</v>
          </cell>
        </row>
        <row r="910">
          <cell r="F910">
            <v>75115</v>
          </cell>
          <cell r="Z910" t="str">
            <v>GLFUD</v>
          </cell>
          <cell r="AN910" t="str">
            <v>MDO C&amp;M</v>
          </cell>
          <cell r="AO910" t="str">
            <v>MDO INDIANA NORTH C&amp;M</v>
          </cell>
        </row>
        <row r="911">
          <cell r="F911">
            <v>75115</v>
          </cell>
          <cell r="Z911" t="str">
            <v>GLFUD</v>
          </cell>
          <cell r="AN911" t="str">
            <v>MDO C&amp;M</v>
          </cell>
          <cell r="AO911" t="str">
            <v>MDO INDIANA NORTH C&amp;M</v>
          </cell>
        </row>
        <row r="912">
          <cell r="F912">
            <v>75023</v>
          </cell>
          <cell r="Z912" t="str">
            <v>GLIPD</v>
          </cell>
          <cell r="AN912" t="str">
            <v>MDO Resource/ProjMgt</v>
          </cell>
          <cell r="AO912" t="str">
            <v xml:space="preserve"> </v>
          </cell>
        </row>
        <row r="913">
          <cell r="F913">
            <v>75023</v>
          </cell>
          <cell r="Z913" t="str">
            <v>GLIPD</v>
          </cell>
          <cell r="AN913" t="str">
            <v>MDO Resource/ProjMgt</v>
          </cell>
          <cell r="AO913" t="str">
            <v xml:space="preserve"> </v>
          </cell>
        </row>
        <row r="914">
          <cell r="F914">
            <v>75023</v>
          </cell>
          <cell r="Z914" t="str">
            <v>GLIPD</v>
          </cell>
          <cell r="AN914" t="str">
            <v>MDO Resource/ProjMgt</v>
          </cell>
          <cell r="AO914" t="str">
            <v xml:space="preserve"> </v>
          </cell>
        </row>
        <row r="915">
          <cell r="F915">
            <v>75023</v>
          </cell>
          <cell r="Z915" t="str">
            <v>GLIPD</v>
          </cell>
          <cell r="AN915" t="str">
            <v>MDO Resource/ProjMgt</v>
          </cell>
          <cell r="AO915" t="str">
            <v xml:space="preserve"> </v>
          </cell>
        </row>
        <row r="916">
          <cell r="F916">
            <v>75023</v>
          </cell>
          <cell r="Z916" t="str">
            <v>GLIPD</v>
          </cell>
          <cell r="AN916" t="str">
            <v>MDO Resource/ProjMgt</v>
          </cell>
          <cell r="AO916" t="str">
            <v xml:space="preserve"> </v>
          </cell>
        </row>
        <row r="917">
          <cell r="F917">
            <v>75023</v>
          </cell>
          <cell r="Z917" t="str">
            <v>GLIPD</v>
          </cell>
          <cell r="AN917" t="str">
            <v>MDO C&amp;M</v>
          </cell>
          <cell r="AO917" t="str">
            <v>MDO OH/KEN C&amp;M</v>
          </cell>
        </row>
        <row r="918">
          <cell r="F918">
            <v>75023</v>
          </cell>
          <cell r="Z918" t="str">
            <v>GLIPD</v>
          </cell>
          <cell r="AN918" t="str">
            <v>MDO C&amp;M</v>
          </cell>
          <cell r="AO918" t="str">
            <v>MDO OH/KEN C&amp;M</v>
          </cell>
        </row>
        <row r="919">
          <cell r="F919">
            <v>75023</v>
          </cell>
          <cell r="Z919" t="str">
            <v>GLIPD</v>
          </cell>
          <cell r="AN919" t="str">
            <v>MDO C&amp;M</v>
          </cell>
          <cell r="AO919" t="str">
            <v>MDO OH/KEN C&amp;M</v>
          </cell>
        </row>
        <row r="920">
          <cell r="F920">
            <v>75023</v>
          </cell>
          <cell r="Z920" t="str">
            <v>GLIPD</v>
          </cell>
          <cell r="AN920" t="str">
            <v>MDO C&amp;M</v>
          </cell>
          <cell r="AO920" t="str">
            <v>MDO OH/KEN C&amp;M</v>
          </cell>
        </row>
        <row r="921">
          <cell r="F921">
            <v>75023</v>
          </cell>
          <cell r="Z921" t="str">
            <v>GLIPD</v>
          </cell>
          <cell r="AN921" t="str">
            <v>MDO C&amp;M</v>
          </cell>
          <cell r="AO921" t="str">
            <v>MDO OH/KEN C&amp;M</v>
          </cell>
        </row>
        <row r="922">
          <cell r="F922">
            <v>75023</v>
          </cell>
          <cell r="Z922" t="str">
            <v>GLIPD</v>
          </cell>
          <cell r="AN922" t="str">
            <v>MDO C&amp;M</v>
          </cell>
          <cell r="AO922" t="str">
            <v>MDO OH/KEN C&amp;M</v>
          </cell>
        </row>
        <row r="923">
          <cell r="F923">
            <v>75023</v>
          </cell>
          <cell r="Z923" t="str">
            <v>GLIPD</v>
          </cell>
          <cell r="AN923" t="str">
            <v>MDO C&amp;M</v>
          </cell>
          <cell r="AO923" t="str">
            <v>MDO OH/KEN C&amp;M</v>
          </cell>
        </row>
        <row r="924">
          <cell r="F924">
            <v>75023</v>
          </cell>
          <cell r="Z924" t="str">
            <v>GLIPD</v>
          </cell>
          <cell r="AN924" t="str">
            <v>MDO C&amp;M</v>
          </cell>
          <cell r="AO924" t="str">
            <v>MDO OH/KEN C&amp;M</v>
          </cell>
        </row>
        <row r="925">
          <cell r="F925">
            <v>75023</v>
          </cell>
          <cell r="Z925" t="str">
            <v>GLIPD</v>
          </cell>
          <cell r="AN925" t="str">
            <v>MDO C&amp;M</v>
          </cell>
          <cell r="AO925" t="str">
            <v>MDO OH/KEN C&amp;M</v>
          </cell>
        </row>
        <row r="926">
          <cell r="F926">
            <v>75023</v>
          </cell>
          <cell r="Z926" t="str">
            <v>GLIPD</v>
          </cell>
          <cell r="AN926" t="str">
            <v>MDO C&amp;M</v>
          </cell>
          <cell r="AO926" t="str">
            <v>MDO OH/KEN C&amp;M</v>
          </cell>
        </row>
        <row r="927">
          <cell r="F927">
            <v>75023</v>
          </cell>
          <cell r="Z927" t="str">
            <v>GLIPD</v>
          </cell>
          <cell r="AN927" t="str">
            <v>MDO C&amp;M</v>
          </cell>
          <cell r="AO927" t="str">
            <v>MDO OH/KEN C&amp;M</v>
          </cell>
        </row>
        <row r="928">
          <cell r="F928">
            <v>75023</v>
          </cell>
          <cell r="Z928" t="str">
            <v>GLIPD</v>
          </cell>
          <cell r="AN928" t="str">
            <v>MDO C&amp;M</v>
          </cell>
          <cell r="AO928" t="str">
            <v>MDO OH/KEN C&amp;M</v>
          </cell>
        </row>
        <row r="929">
          <cell r="F929">
            <v>75023</v>
          </cell>
          <cell r="Z929" t="str">
            <v>GLIPD</v>
          </cell>
          <cell r="AN929" t="str">
            <v>MDO C&amp;M</v>
          </cell>
          <cell r="AO929" t="str">
            <v>MDO OH/KEN C&amp;M</v>
          </cell>
        </row>
        <row r="930">
          <cell r="F930">
            <v>75023</v>
          </cell>
          <cell r="Z930" t="str">
            <v>GLIPD</v>
          </cell>
          <cell r="AN930" t="str">
            <v>MDO C&amp;M</v>
          </cell>
          <cell r="AO930" t="str">
            <v>MDO OH/KEN C&amp;M</v>
          </cell>
        </row>
        <row r="931">
          <cell r="F931">
            <v>75023</v>
          </cell>
          <cell r="Z931" t="str">
            <v>GLIPD</v>
          </cell>
          <cell r="AN931" t="str">
            <v>MDO C&amp;M</v>
          </cell>
          <cell r="AO931" t="str">
            <v>MDO OH/KEN C&amp;M</v>
          </cell>
        </row>
        <row r="932">
          <cell r="F932">
            <v>75084</v>
          </cell>
          <cell r="Z932" t="str">
            <v>GLIPD</v>
          </cell>
          <cell r="AN932" t="str">
            <v>MDO Resource/ProjMgt</v>
          </cell>
          <cell r="AO932" t="str">
            <v xml:space="preserve"> </v>
          </cell>
        </row>
        <row r="933">
          <cell r="F933">
            <v>75084</v>
          </cell>
          <cell r="Z933" t="str">
            <v>GLIPD</v>
          </cell>
          <cell r="AN933" t="str">
            <v>MDO Resource/ProjMgt</v>
          </cell>
          <cell r="AO933" t="str">
            <v xml:space="preserve"> </v>
          </cell>
        </row>
        <row r="934">
          <cell r="F934">
            <v>75084</v>
          </cell>
          <cell r="Z934" t="str">
            <v>GLIPD</v>
          </cell>
          <cell r="AN934" t="str">
            <v>MDO Resource/ProjMgt</v>
          </cell>
          <cell r="AO934" t="str">
            <v xml:space="preserve"> </v>
          </cell>
        </row>
        <row r="935">
          <cell r="F935">
            <v>75084</v>
          </cell>
          <cell r="Z935" t="str">
            <v>GLIPD</v>
          </cell>
          <cell r="AN935" t="str">
            <v>MDO Resource/ProjMgt</v>
          </cell>
          <cell r="AO935" t="str">
            <v xml:space="preserve"> </v>
          </cell>
        </row>
        <row r="936">
          <cell r="F936">
            <v>75084</v>
          </cell>
          <cell r="Z936" t="str">
            <v>GLIPD</v>
          </cell>
          <cell r="AN936" t="str">
            <v>MDO Resource/ProjMgt</v>
          </cell>
          <cell r="AO936" t="str">
            <v xml:space="preserve"> </v>
          </cell>
        </row>
        <row r="937">
          <cell r="F937">
            <v>75084</v>
          </cell>
          <cell r="Z937" t="str">
            <v>GLIPD</v>
          </cell>
          <cell r="AN937" t="str">
            <v>MDO C&amp;M</v>
          </cell>
          <cell r="AO937" t="str">
            <v>MDO OH/KEN C&amp;M</v>
          </cell>
        </row>
        <row r="938">
          <cell r="F938">
            <v>75084</v>
          </cell>
          <cell r="Z938" t="str">
            <v>GLIPD</v>
          </cell>
          <cell r="AN938" t="str">
            <v>MDO C&amp;M</v>
          </cell>
          <cell r="AO938" t="str">
            <v>MDO OH/KEN C&amp;M</v>
          </cell>
        </row>
        <row r="939">
          <cell r="F939">
            <v>75084</v>
          </cell>
          <cell r="Z939" t="str">
            <v>GLIPD</v>
          </cell>
          <cell r="AN939" t="str">
            <v>MDO C&amp;M</v>
          </cell>
          <cell r="AO939" t="str">
            <v>MDO OH/KEN C&amp;M</v>
          </cell>
        </row>
        <row r="940">
          <cell r="F940">
            <v>75084</v>
          </cell>
          <cell r="Z940" t="str">
            <v>GLIPD</v>
          </cell>
          <cell r="AN940" t="str">
            <v>MDO C&amp;M</v>
          </cell>
          <cell r="AO940" t="str">
            <v>MDO OH/KEN C&amp;M</v>
          </cell>
        </row>
        <row r="941">
          <cell r="F941">
            <v>75084</v>
          </cell>
          <cell r="Z941" t="str">
            <v>GLIPD</v>
          </cell>
          <cell r="AN941" t="str">
            <v>MDO C&amp;M</v>
          </cell>
          <cell r="AO941" t="str">
            <v>MDO OH/KEN C&amp;M</v>
          </cell>
        </row>
        <row r="942">
          <cell r="F942">
            <v>75084</v>
          </cell>
          <cell r="Z942" t="str">
            <v>GLIPD</v>
          </cell>
          <cell r="AN942" t="str">
            <v>MDO C&amp;M</v>
          </cell>
          <cell r="AO942" t="str">
            <v>MDO OH/KEN C&amp;M</v>
          </cell>
        </row>
        <row r="943">
          <cell r="F943">
            <v>75084</v>
          </cell>
          <cell r="Z943" t="str">
            <v>GLIPD</v>
          </cell>
          <cell r="AN943" t="str">
            <v>MDO C&amp;M</v>
          </cell>
          <cell r="AO943" t="str">
            <v>MDO OH/KEN C&amp;M</v>
          </cell>
        </row>
        <row r="944">
          <cell r="F944">
            <v>75084</v>
          </cell>
          <cell r="Z944" t="str">
            <v>GLIPD</v>
          </cell>
          <cell r="AN944" t="str">
            <v>MDO C&amp;M</v>
          </cell>
          <cell r="AO944" t="str">
            <v>MDO OH/KEN C&amp;M</v>
          </cell>
        </row>
        <row r="945">
          <cell r="F945">
            <v>75115</v>
          </cell>
          <cell r="Z945" t="str">
            <v>GLIPD</v>
          </cell>
          <cell r="AN945" t="str">
            <v>MDO Resource/ProjMgt</v>
          </cell>
          <cell r="AO945" t="str">
            <v xml:space="preserve"> </v>
          </cell>
        </row>
        <row r="946">
          <cell r="F946">
            <v>75115</v>
          </cell>
          <cell r="Z946" t="str">
            <v>GLIPD</v>
          </cell>
          <cell r="AN946" t="str">
            <v>MDO Resource/ProjMgt</v>
          </cell>
          <cell r="AO946" t="str">
            <v xml:space="preserve"> </v>
          </cell>
        </row>
        <row r="947">
          <cell r="F947">
            <v>75115</v>
          </cell>
          <cell r="Z947" t="str">
            <v>GLIPD</v>
          </cell>
          <cell r="AN947" t="str">
            <v>MDO Resource/ProjMgt</v>
          </cell>
          <cell r="AO947" t="str">
            <v xml:space="preserve"> </v>
          </cell>
        </row>
        <row r="948">
          <cell r="F948">
            <v>75115</v>
          </cell>
          <cell r="Z948" t="str">
            <v>GLIPD</v>
          </cell>
          <cell r="AN948" t="str">
            <v>MDO Resource/ProjMgt</v>
          </cell>
          <cell r="AO948" t="str">
            <v xml:space="preserve"> </v>
          </cell>
        </row>
        <row r="949">
          <cell r="F949">
            <v>75115</v>
          </cell>
          <cell r="Z949" t="str">
            <v>GLIPD</v>
          </cell>
          <cell r="AN949" t="str">
            <v>MDO Resource/ProjMgt</v>
          </cell>
          <cell r="AO949" t="str">
            <v xml:space="preserve"> </v>
          </cell>
        </row>
        <row r="950">
          <cell r="F950">
            <v>75115</v>
          </cell>
          <cell r="Z950" t="str">
            <v>GLIPD</v>
          </cell>
          <cell r="AN950" t="str">
            <v>MDO C&amp;M</v>
          </cell>
          <cell r="AO950" t="str">
            <v>MDO INDIANA SOUTHWEST C&amp;M</v>
          </cell>
        </row>
        <row r="951">
          <cell r="F951">
            <v>75115</v>
          </cell>
          <cell r="Z951" t="str">
            <v>GLIPD</v>
          </cell>
          <cell r="AN951" t="str">
            <v>MDO C&amp;M</v>
          </cell>
          <cell r="AO951" t="str">
            <v>MDO INDIANA SOUTHWEST C&amp;M</v>
          </cell>
        </row>
        <row r="952">
          <cell r="F952">
            <v>75115</v>
          </cell>
          <cell r="Z952" t="str">
            <v>GLIPD</v>
          </cell>
          <cell r="AN952" t="str">
            <v>MDO C&amp;M</v>
          </cell>
          <cell r="AO952" t="str">
            <v>MDO INDIANA SOUTHWEST C&amp;M</v>
          </cell>
        </row>
        <row r="953">
          <cell r="F953">
            <v>75115</v>
          </cell>
          <cell r="Z953" t="str">
            <v>GLIPD</v>
          </cell>
          <cell r="AN953" t="str">
            <v>MDO C&amp;M</v>
          </cell>
          <cell r="AO953" t="str">
            <v>MDO INDIANA SOUTHWEST C&amp;M</v>
          </cell>
        </row>
        <row r="954">
          <cell r="F954">
            <v>75115</v>
          </cell>
          <cell r="Z954" t="str">
            <v>GLIPD</v>
          </cell>
          <cell r="AN954" t="str">
            <v>MDO C&amp;M</v>
          </cell>
          <cell r="AO954" t="str">
            <v>MDO INDIANA SOUTHWEST C&amp;M</v>
          </cell>
        </row>
        <row r="955">
          <cell r="F955">
            <v>75115</v>
          </cell>
          <cell r="Z955" t="str">
            <v>GLIPD</v>
          </cell>
          <cell r="AN955" t="str">
            <v>MDO C&amp;M</v>
          </cell>
          <cell r="AO955" t="str">
            <v>MDO INDIANA SOUTHWEST C&amp;M</v>
          </cell>
        </row>
        <row r="956">
          <cell r="F956">
            <v>75115</v>
          </cell>
          <cell r="Z956" t="str">
            <v>GLIPD</v>
          </cell>
          <cell r="AN956" t="str">
            <v>MDO C&amp;M</v>
          </cell>
          <cell r="AO956" t="str">
            <v>MDO INDIANA SOUTHWEST C&amp;M</v>
          </cell>
        </row>
        <row r="957">
          <cell r="F957">
            <v>75115</v>
          </cell>
          <cell r="Z957" t="str">
            <v>GLIPD</v>
          </cell>
          <cell r="AN957" t="str">
            <v>MDO C&amp;M</v>
          </cell>
          <cell r="AO957" t="str">
            <v>MDO INDIANA SOUTHWEST C&amp;M</v>
          </cell>
        </row>
        <row r="958">
          <cell r="F958">
            <v>75115</v>
          </cell>
          <cell r="Z958" t="str">
            <v>GLIPD</v>
          </cell>
          <cell r="AN958" t="str">
            <v>MDO C&amp;M</v>
          </cell>
          <cell r="AO958" t="str">
            <v>MDO INDIANA SOUTHEAST C&amp;M</v>
          </cell>
        </row>
        <row r="959">
          <cell r="F959">
            <v>75115</v>
          </cell>
          <cell r="Z959" t="str">
            <v>GLIPD</v>
          </cell>
          <cell r="AN959" t="str">
            <v>MDO C&amp;M</v>
          </cell>
          <cell r="AO959" t="str">
            <v>MDO INDIANA SOUTHEAST C&amp;M</v>
          </cell>
        </row>
        <row r="960">
          <cell r="F960">
            <v>75115</v>
          </cell>
          <cell r="Z960" t="str">
            <v>GLIPD</v>
          </cell>
          <cell r="AN960" t="str">
            <v>MDO C&amp;M</v>
          </cell>
          <cell r="AO960" t="str">
            <v>MDO INDIANA SOUTHEAST C&amp;M</v>
          </cell>
        </row>
        <row r="961">
          <cell r="F961">
            <v>75115</v>
          </cell>
          <cell r="Z961" t="str">
            <v>GLIPD</v>
          </cell>
          <cell r="AN961" t="str">
            <v>MDO C&amp;M</v>
          </cell>
          <cell r="AO961" t="str">
            <v>MDO INDIANA SOUTHEAST C&amp;M</v>
          </cell>
        </row>
        <row r="962">
          <cell r="F962">
            <v>75115</v>
          </cell>
          <cell r="Z962" t="str">
            <v>GLIPD</v>
          </cell>
          <cell r="AN962" t="str">
            <v>MDO C&amp;M</v>
          </cell>
          <cell r="AO962" t="str">
            <v>MDO INDIANA SOUTHEAST C&amp;M</v>
          </cell>
        </row>
        <row r="963">
          <cell r="F963">
            <v>75115</v>
          </cell>
          <cell r="Z963" t="str">
            <v>GLIPD</v>
          </cell>
          <cell r="AN963" t="str">
            <v>MDO C&amp;M</v>
          </cell>
          <cell r="AO963" t="str">
            <v>MDO INDIANA SOUTHEAST C&amp;M</v>
          </cell>
        </row>
        <row r="964">
          <cell r="F964">
            <v>75115</v>
          </cell>
          <cell r="Z964" t="str">
            <v>GLIPD</v>
          </cell>
          <cell r="AN964" t="str">
            <v>MDO C&amp;M</v>
          </cell>
          <cell r="AO964" t="str">
            <v>MDO INDIANA NORTH C&amp;M</v>
          </cell>
        </row>
        <row r="965">
          <cell r="F965">
            <v>75115</v>
          </cell>
          <cell r="Z965" t="str">
            <v>GLIPD</v>
          </cell>
          <cell r="AN965" t="str">
            <v>MDO C&amp;M</v>
          </cell>
          <cell r="AO965" t="str">
            <v>MDO INDIANA NORTH C&amp;M</v>
          </cell>
        </row>
        <row r="966">
          <cell r="F966">
            <v>75115</v>
          </cell>
          <cell r="Z966" t="str">
            <v>GLIPD</v>
          </cell>
          <cell r="AN966" t="str">
            <v>MDO C&amp;M</v>
          </cell>
          <cell r="AO966" t="str">
            <v>MDO INDIANA NORTH C&amp;M</v>
          </cell>
        </row>
        <row r="967">
          <cell r="F967">
            <v>75115</v>
          </cell>
          <cell r="Z967" t="str">
            <v>GLIPD</v>
          </cell>
          <cell r="AN967" t="str">
            <v>MDO C&amp;M</v>
          </cell>
          <cell r="AO967" t="str">
            <v>MDO INDIANA NORTH C&amp;M</v>
          </cell>
        </row>
        <row r="968">
          <cell r="F968">
            <v>75115</v>
          </cell>
          <cell r="Z968" t="str">
            <v>GLIPD</v>
          </cell>
          <cell r="AN968" t="str">
            <v>MDO C&amp;M</v>
          </cell>
          <cell r="AO968" t="str">
            <v>MDO INDIANA NORTH C&amp;M</v>
          </cell>
        </row>
        <row r="969">
          <cell r="F969">
            <v>75115</v>
          </cell>
          <cell r="Z969" t="str">
            <v>GLIPD</v>
          </cell>
          <cell r="AN969" t="str">
            <v>MDO C&amp;M</v>
          </cell>
          <cell r="AO969" t="str">
            <v>MDO INDIANA NORTH C&amp;M</v>
          </cell>
        </row>
        <row r="970">
          <cell r="F970">
            <v>75115</v>
          </cell>
          <cell r="Z970" t="str">
            <v>GLIPD</v>
          </cell>
          <cell r="AN970" t="str">
            <v>MDO C&amp;M</v>
          </cell>
          <cell r="AO970" t="str">
            <v>MDO INDIANA NORTH C&amp;M</v>
          </cell>
        </row>
        <row r="971">
          <cell r="F971">
            <v>75023</v>
          </cell>
          <cell r="Z971" t="str">
            <v>RECOH</v>
          </cell>
          <cell r="AN971" t="str">
            <v>MDO C&amp;M</v>
          </cell>
          <cell r="AO971" t="str">
            <v>MDO OH/KEN C&amp;M</v>
          </cell>
        </row>
        <row r="972">
          <cell r="F972">
            <v>75023</v>
          </cell>
          <cell r="Z972" t="str">
            <v>RECOH</v>
          </cell>
          <cell r="AN972" t="str">
            <v>MDO C&amp;M</v>
          </cell>
          <cell r="AO972" t="str">
            <v>MDO OH/KEN C&amp;M</v>
          </cell>
        </row>
        <row r="973">
          <cell r="F973">
            <v>75023</v>
          </cell>
          <cell r="Z973" t="str">
            <v>RECOH</v>
          </cell>
          <cell r="AN973" t="str">
            <v>MDO C&amp;M</v>
          </cell>
          <cell r="AO973" t="str">
            <v>MDO OH/KEN C&amp;M</v>
          </cell>
        </row>
        <row r="974">
          <cell r="F974">
            <v>75023</v>
          </cell>
          <cell r="Z974" t="str">
            <v>RECOH</v>
          </cell>
          <cell r="AN974" t="str">
            <v>MDO C&amp;M</v>
          </cell>
          <cell r="AO974" t="str">
            <v>MDO OH/KEN C&amp;M</v>
          </cell>
        </row>
        <row r="975">
          <cell r="F975">
            <v>75023</v>
          </cell>
          <cell r="Z975" t="str">
            <v>RECOH</v>
          </cell>
          <cell r="AN975" t="str">
            <v>MDO C&amp;M</v>
          </cell>
          <cell r="AO975" t="str">
            <v>MDO OH/KEN C&amp;M</v>
          </cell>
        </row>
        <row r="976">
          <cell r="F976">
            <v>75023</v>
          </cell>
          <cell r="Z976" t="str">
            <v>RECOH</v>
          </cell>
          <cell r="AN976" t="str">
            <v>MDO C&amp;M</v>
          </cell>
          <cell r="AO976" t="str">
            <v>MDO OH/KEN C&amp;M</v>
          </cell>
        </row>
        <row r="977">
          <cell r="F977">
            <v>75023</v>
          </cell>
          <cell r="Z977" t="str">
            <v>RECOH</v>
          </cell>
          <cell r="AN977" t="str">
            <v>MDO C&amp;M</v>
          </cell>
          <cell r="AO977" t="str">
            <v>MDO OH/KEN C&amp;M</v>
          </cell>
        </row>
        <row r="978">
          <cell r="F978">
            <v>75023</v>
          </cell>
          <cell r="Z978" t="str">
            <v>RECOH</v>
          </cell>
          <cell r="AN978" t="str">
            <v>MDO C&amp;M</v>
          </cell>
          <cell r="AO978" t="str">
            <v>MDO OH/KEN C&amp;M</v>
          </cell>
        </row>
        <row r="979">
          <cell r="F979">
            <v>75023</v>
          </cell>
          <cell r="Z979" t="str">
            <v>RECOH</v>
          </cell>
          <cell r="AN979" t="str">
            <v>MDO C&amp;M</v>
          </cell>
          <cell r="AO979" t="str">
            <v>MDO OH/KEN C&amp;M</v>
          </cell>
        </row>
        <row r="980">
          <cell r="F980">
            <v>75023</v>
          </cell>
          <cell r="Z980" t="str">
            <v>RECOH</v>
          </cell>
          <cell r="AN980" t="str">
            <v>MDO C&amp;M</v>
          </cell>
          <cell r="AO980" t="str">
            <v>MDO OH/KEN C&amp;M</v>
          </cell>
        </row>
        <row r="981">
          <cell r="F981">
            <v>75023</v>
          </cell>
          <cell r="Z981" t="str">
            <v>RECOH</v>
          </cell>
          <cell r="AN981" t="str">
            <v>MDO C&amp;M</v>
          </cell>
          <cell r="AO981" t="str">
            <v>MDO OH/KEN C&amp;M</v>
          </cell>
        </row>
        <row r="982">
          <cell r="F982">
            <v>75023</v>
          </cell>
          <cell r="Z982" t="str">
            <v>RECOH</v>
          </cell>
          <cell r="AN982" t="str">
            <v>MDO C&amp;M</v>
          </cell>
          <cell r="AO982" t="str">
            <v>MDO OH/KEN C&amp;M</v>
          </cell>
        </row>
        <row r="983">
          <cell r="F983">
            <v>75023</v>
          </cell>
          <cell r="Z983" t="str">
            <v>RECOH</v>
          </cell>
          <cell r="AN983" t="str">
            <v>MDO C&amp;M</v>
          </cell>
          <cell r="AO983" t="str">
            <v>MDO OH/KEN C&amp;M</v>
          </cell>
        </row>
        <row r="984">
          <cell r="F984">
            <v>75023</v>
          </cell>
          <cell r="Z984" t="str">
            <v>RECOH</v>
          </cell>
          <cell r="AN984" t="str">
            <v>MDO C&amp;M</v>
          </cell>
          <cell r="AO984" t="str">
            <v>MDO OH/KEN C&amp;M</v>
          </cell>
        </row>
        <row r="985">
          <cell r="F985">
            <v>75023</v>
          </cell>
          <cell r="Z985" t="str">
            <v>RECOH</v>
          </cell>
          <cell r="AN985" t="str">
            <v>MDO C&amp;M</v>
          </cell>
          <cell r="AO985" t="str">
            <v>MDO OH/KEN C&amp;M</v>
          </cell>
        </row>
        <row r="986">
          <cell r="F986">
            <v>75023</v>
          </cell>
          <cell r="Z986" t="str">
            <v>RECOH</v>
          </cell>
          <cell r="AN986" t="str">
            <v>MDO C&amp;M</v>
          </cell>
          <cell r="AO986" t="str">
            <v>MDO OH/KEN C&amp;M</v>
          </cell>
        </row>
        <row r="987">
          <cell r="F987">
            <v>75023</v>
          </cell>
          <cell r="Z987" t="str">
            <v>RECOH</v>
          </cell>
          <cell r="AN987" t="str">
            <v>MDO C&amp;M</v>
          </cell>
          <cell r="AO987" t="str">
            <v>MDO OH/KEN C&amp;M</v>
          </cell>
        </row>
        <row r="988">
          <cell r="F988">
            <v>75023</v>
          </cell>
          <cell r="Z988" t="str">
            <v>RECOH</v>
          </cell>
          <cell r="AN988" t="str">
            <v>MDO C&amp;M</v>
          </cell>
          <cell r="AO988" t="str">
            <v>MDO OH/KEN C&amp;M</v>
          </cell>
        </row>
        <row r="989">
          <cell r="F989">
            <v>75023</v>
          </cell>
          <cell r="Z989" t="str">
            <v>RECOH</v>
          </cell>
          <cell r="AN989" t="str">
            <v>MDO C&amp;M</v>
          </cell>
          <cell r="AO989" t="str">
            <v>MDO OH/KEN C&amp;M</v>
          </cell>
        </row>
        <row r="990">
          <cell r="F990">
            <v>75023</v>
          </cell>
          <cell r="Z990" t="str">
            <v>RECOH</v>
          </cell>
          <cell r="AN990" t="str">
            <v>MDO C&amp;M</v>
          </cell>
          <cell r="AO990" t="str">
            <v>MDO OH/KEN C&amp;M</v>
          </cell>
        </row>
        <row r="991">
          <cell r="F991">
            <v>75023</v>
          </cell>
          <cell r="Z991" t="str">
            <v>RECOH</v>
          </cell>
          <cell r="AN991" t="str">
            <v>MDO C&amp;M</v>
          </cell>
          <cell r="AO991" t="str">
            <v>MDO OH/KEN C&amp;M</v>
          </cell>
        </row>
        <row r="992">
          <cell r="F992">
            <v>75023</v>
          </cell>
          <cell r="Z992" t="str">
            <v>RECOH</v>
          </cell>
          <cell r="AN992" t="str">
            <v>MDO C&amp;M</v>
          </cell>
          <cell r="AO992" t="str">
            <v>MDO OH/KEN C&amp;M</v>
          </cell>
        </row>
        <row r="993">
          <cell r="F993">
            <v>75023</v>
          </cell>
          <cell r="Z993" t="str">
            <v>RECOH</v>
          </cell>
          <cell r="AN993" t="str">
            <v>MDO C&amp;M</v>
          </cell>
          <cell r="AO993" t="str">
            <v>MDO OH/KEN C&amp;M</v>
          </cell>
        </row>
        <row r="994">
          <cell r="F994">
            <v>75023</v>
          </cell>
          <cell r="Z994" t="str">
            <v>RECOH</v>
          </cell>
          <cell r="AN994" t="str">
            <v>MDO C&amp;M</v>
          </cell>
          <cell r="AO994" t="str">
            <v>MDO OH/KEN C&amp;M</v>
          </cell>
        </row>
        <row r="995">
          <cell r="F995">
            <v>75023</v>
          </cell>
          <cell r="Z995" t="str">
            <v>RECOH</v>
          </cell>
          <cell r="AN995" t="str">
            <v>MDO C&amp;M</v>
          </cell>
          <cell r="AO995" t="str">
            <v>MDO OH/KEN C&amp;M</v>
          </cell>
        </row>
        <row r="996">
          <cell r="F996">
            <v>75023</v>
          </cell>
          <cell r="Z996" t="str">
            <v>RECOH</v>
          </cell>
          <cell r="AN996" t="str">
            <v>MDO C&amp;M</v>
          </cell>
          <cell r="AO996" t="str">
            <v>MDO OH/KEN C&amp;M</v>
          </cell>
        </row>
        <row r="997">
          <cell r="F997">
            <v>75023</v>
          </cell>
          <cell r="Z997" t="str">
            <v>RECOH</v>
          </cell>
          <cell r="AN997" t="str">
            <v>MDO C&amp;M</v>
          </cell>
          <cell r="AO997" t="str">
            <v>MDO OH/KEN C&amp;M</v>
          </cell>
        </row>
        <row r="998">
          <cell r="F998">
            <v>75023</v>
          </cell>
          <cell r="Z998" t="str">
            <v>RECOH</v>
          </cell>
          <cell r="AN998" t="str">
            <v>MDO C&amp;M</v>
          </cell>
          <cell r="AO998" t="str">
            <v>MDO OH/KEN C&amp;M</v>
          </cell>
        </row>
        <row r="999">
          <cell r="F999">
            <v>75023</v>
          </cell>
          <cell r="Z999" t="str">
            <v>RECOH</v>
          </cell>
          <cell r="AN999" t="str">
            <v>MDO C&amp;M</v>
          </cell>
          <cell r="AO999" t="str">
            <v>MDO OH/KEN C&amp;M</v>
          </cell>
        </row>
        <row r="1000">
          <cell r="F1000">
            <v>75023</v>
          </cell>
          <cell r="Z1000" t="str">
            <v>RECOH</v>
          </cell>
          <cell r="AN1000" t="str">
            <v>MDO C&amp;M</v>
          </cell>
          <cell r="AO1000" t="str">
            <v>MDO OH/KEN C&amp;M</v>
          </cell>
        </row>
        <row r="1001">
          <cell r="F1001">
            <v>75023</v>
          </cell>
          <cell r="Z1001" t="str">
            <v>RECOH</v>
          </cell>
          <cell r="AN1001" t="str">
            <v>MDO C&amp;M</v>
          </cell>
          <cell r="AO1001" t="str">
            <v>MDO OH/KEN C&amp;M</v>
          </cell>
        </row>
        <row r="1002">
          <cell r="F1002">
            <v>75023</v>
          </cell>
          <cell r="Z1002" t="str">
            <v>RECOH</v>
          </cell>
          <cell r="AN1002" t="str">
            <v>MDO C&amp;M</v>
          </cell>
          <cell r="AO1002" t="str">
            <v>MDO OH/KEN C&amp;M</v>
          </cell>
        </row>
        <row r="1003">
          <cell r="F1003">
            <v>75023</v>
          </cell>
          <cell r="Z1003" t="str">
            <v>RECOH</v>
          </cell>
          <cell r="AN1003" t="str">
            <v>MDO C&amp;M</v>
          </cell>
          <cell r="AO1003" t="str">
            <v>MDO OH/KEN C&amp;M</v>
          </cell>
        </row>
        <row r="1004">
          <cell r="F1004">
            <v>75023</v>
          </cell>
          <cell r="Z1004" t="str">
            <v>RECOH</v>
          </cell>
          <cell r="AN1004" t="str">
            <v>MDO C&amp;M</v>
          </cell>
          <cell r="AO1004" t="str">
            <v>MDO OH/KEN C&amp;M</v>
          </cell>
        </row>
        <row r="1005">
          <cell r="F1005">
            <v>75023</v>
          </cell>
          <cell r="Z1005" t="str">
            <v>RECOH</v>
          </cell>
          <cell r="AN1005" t="str">
            <v>MDO C&amp;M</v>
          </cell>
          <cell r="AO1005" t="str">
            <v>MDO OH/KEN C&amp;M</v>
          </cell>
        </row>
        <row r="1006">
          <cell r="F1006">
            <v>75023</v>
          </cell>
          <cell r="Z1006" t="str">
            <v>RECOH</v>
          </cell>
          <cell r="AN1006" t="str">
            <v>MDO C&amp;M</v>
          </cell>
          <cell r="AO1006" t="str">
            <v>MDO OH/KEN C&amp;M</v>
          </cell>
        </row>
        <row r="1007">
          <cell r="F1007">
            <v>75023</v>
          </cell>
          <cell r="Z1007" t="str">
            <v>RECOH</v>
          </cell>
          <cell r="AN1007" t="str">
            <v>MDO C&amp;M</v>
          </cell>
          <cell r="AO1007" t="str">
            <v>MDO OH/KEN C&amp;M</v>
          </cell>
        </row>
        <row r="1008">
          <cell r="F1008">
            <v>75023</v>
          </cell>
          <cell r="Z1008" t="str">
            <v>RECOH</v>
          </cell>
          <cell r="AN1008" t="str">
            <v>MDO C&amp;M</v>
          </cell>
          <cell r="AO1008" t="str">
            <v>MDO OH/KEN C&amp;M</v>
          </cell>
        </row>
        <row r="1009">
          <cell r="F1009">
            <v>75023</v>
          </cell>
          <cell r="Z1009" t="str">
            <v>RECOH</v>
          </cell>
          <cell r="AN1009" t="str">
            <v>MDO C&amp;M</v>
          </cell>
          <cell r="AO1009" t="str">
            <v>MDO OH/KEN C&amp;M</v>
          </cell>
        </row>
        <row r="1010">
          <cell r="F1010">
            <v>75023</v>
          </cell>
          <cell r="Z1010" t="str">
            <v>RECOH</v>
          </cell>
          <cell r="AN1010" t="str">
            <v>MDO C&amp;M</v>
          </cell>
          <cell r="AO1010" t="str">
            <v>MDO OH/KEN C&amp;M</v>
          </cell>
        </row>
        <row r="1011">
          <cell r="F1011">
            <v>75023</v>
          </cell>
          <cell r="Z1011" t="str">
            <v>RECOH</v>
          </cell>
          <cell r="AN1011" t="str">
            <v>MDO C&amp;M</v>
          </cell>
          <cell r="AO1011" t="str">
            <v>MDO OH/KEN C&amp;M</v>
          </cell>
        </row>
        <row r="1012">
          <cell r="F1012">
            <v>75023</v>
          </cell>
          <cell r="Z1012" t="str">
            <v>RECOH</v>
          </cell>
          <cell r="AN1012" t="str">
            <v>MDO C&amp;M</v>
          </cell>
          <cell r="AO1012" t="str">
            <v>MDO OH/KEN C&amp;M</v>
          </cell>
        </row>
        <row r="1013">
          <cell r="F1013">
            <v>75023</v>
          </cell>
          <cell r="Z1013" t="str">
            <v>RECOH</v>
          </cell>
          <cell r="AN1013" t="str">
            <v>MDO C&amp;M</v>
          </cell>
          <cell r="AO1013" t="str">
            <v>MDO OH/KEN C&amp;M</v>
          </cell>
        </row>
        <row r="1014">
          <cell r="F1014">
            <v>75023</v>
          </cell>
          <cell r="Z1014" t="str">
            <v>RECOH</v>
          </cell>
          <cell r="AN1014" t="str">
            <v>MDO C&amp;M</v>
          </cell>
          <cell r="AO1014" t="str">
            <v>MDO OH/KEN C&amp;M</v>
          </cell>
        </row>
        <row r="1015">
          <cell r="F1015">
            <v>75023</v>
          </cell>
          <cell r="Z1015" t="str">
            <v>RECOH</v>
          </cell>
          <cell r="AN1015" t="str">
            <v>MDO C&amp;M</v>
          </cell>
          <cell r="AO1015" t="str">
            <v>MDO OH/KEN C&amp;M</v>
          </cell>
        </row>
        <row r="1016">
          <cell r="F1016">
            <v>75023</v>
          </cell>
          <cell r="Z1016" t="str">
            <v>RECOH</v>
          </cell>
          <cell r="AN1016" t="str">
            <v>MDO C&amp;M</v>
          </cell>
          <cell r="AO1016" t="str">
            <v>MDO OH/KEN C&amp;M</v>
          </cell>
        </row>
        <row r="1017">
          <cell r="F1017">
            <v>75023</v>
          </cell>
          <cell r="Z1017" t="str">
            <v>RECOH</v>
          </cell>
          <cell r="AN1017" t="str">
            <v>MDO C&amp;M</v>
          </cell>
          <cell r="AO1017" t="str">
            <v>MDO OH/KEN C&amp;M</v>
          </cell>
        </row>
        <row r="1018">
          <cell r="F1018">
            <v>75023</v>
          </cell>
          <cell r="Z1018" t="str">
            <v>RECOH</v>
          </cell>
          <cell r="AN1018" t="str">
            <v>MDO C&amp;M</v>
          </cell>
          <cell r="AO1018" t="str">
            <v>MDO OH/KEN C&amp;M</v>
          </cell>
        </row>
        <row r="1019">
          <cell r="F1019">
            <v>75023</v>
          </cell>
          <cell r="Z1019" t="str">
            <v>RECOH</v>
          </cell>
          <cell r="AN1019" t="str">
            <v>MDO C&amp;M</v>
          </cell>
          <cell r="AO1019" t="str">
            <v>MDO OH/KEN C&amp;M</v>
          </cell>
        </row>
        <row r="1020">
          <cell r="F1020">
            <v>75023</v>
          </cell>
          <cell r="Z1020" t="str">
            <v>RECOH</v>
          </cell>
          <cell r="AN1020" t="str">
            <v>MDO C&amp;M</v>
          </cell>
          <cell r="AO1020" t="str">
            <v>MDO OH/KEN C&amp;M</v>
          </cell>
        </row>
        <row r="1021">
          <cell r="F1021">
            <v>75023</v>
          </cell>
          <cell r="Z1021" t="str">
            <v>RECOH</v>
          </cell>
          <cell r="AN1021" t="str">
            <v>MDO C&amp;M</v>
          </cell>
          <cell r="AO1021" t="str">
            <v>MDO OH/KEN C&amp;M</v>
          </cell>
        </row>
        <row r="1022">
          <cell r="F1022">
            <v>75023</v>
          </cell>
          <cell r="Z1022" t="str">
            <v>RECOH</v>
          </cell>
          <cell r="AN1022" t="str">
            <v>MDO C&amp;M</v>
          </cell>
          <cell r="AO1022" t="str">
            <v>MDO OH/KEN C&amp;M</v>
          </cell>
        </row>
        <row r="1023">
          <cell r="F1023">
            <v>75023</v>
          </cell>
          <cell r="Z1023" t="str">
            <v>RECOH</v>
          </cell>
          <cell r="AN1023" t="str">
            <v>MDO C&amp;M</v>
          </cell>
          <cell r="AO1023" t="str">
            <v>MDO OH/KEN C&amp;M</v>
          </cell>
        </row>
        <row r="1024">
          <cell r="F1024">
            <v>75023</v>
          </cell>
          <cell r="Z1024" t="str">
            <v>RECOH</v>
          </cell>
          <cell r="AN1024" t="str">
            <v>MDO C&amp;M</v>
          </cell>
          <cell r="AO1024" t="str">
            <v>MDO OH/KEN C&amp;M</v>
          </cell>
        </row>
        <row r="1025">
          <cell r="F1025">
            <v>75023</v>
          </cell>
          <cell r="Z1025" t="str">
            <v>RECOH</v>
          </cell>
          <cell r="AN1025" t="str">
            <v>MDO C&amp;M</v>
          </cell>
          <cell r="AO1025" t="str">
            <v>MDO OH/KEN C&amp;M</v>
          </cell>
        </row>
        <row r="1026">
          <cell r="F1026">
            <v>75023</v>
          </cell>
          <cell r="Z1026" t="str">
            <v>RECOH</v>
          </cell>
          <cell r="AN1026" t="str">
            <v>MDO C&amp;M</v>
          </cell>
          <cell r="AO1026" t="str">
            <v>MDO OH/KEN C&amp;M</v>
          </cell>
        </row>
        <row r="1027">
          <cell r="F1027">
            <v>75023</v>
          </cell>
          <cell r="Z1027" t="str">
            <v>RECOH</v>
          </cell>
          <cell r="AN1027" t="str">
            <v>MDO C&amp;M</v>
          </cell>
          <cell r="AO1027" t="str">
            <v>MDO OH/KEN C&amp;M</v>
          </cell>
        </row>
        <row r="1028">
          <cell r="F1028">
            <v>75023</v>
          </cell>
          <cell r="Z1028" t="str">
            <v>RECOH</v>
          </cell>
          <cell r="AN1028" t="str">
            <v>MDO C&amp;M</v>
          </cell>
          <cell r="AO1028" t="str">
            <v>MDO OH/KEN C&amp;M</v>
          </cell>
        </row>
        <row r="1029">
          <cell r="F1029">
            <v>75023</v>
          </cell>
          <cell r="Z1029" t="str">
            <v>RECOH</v>
          </cell>
          <cell r="AN1029" t="str">
            <v>MDO C&amp;M</v>
          </cell>
          <cell r="AO1029" t="str">
            <v>MDO OH/KEN C&amp;M</v>
          </cell>
        </row>
        <row r="1030">
          <cell r="F1030">
            <v>75023</v>
          </cell>
          <cell r="Z1030" t="str">
            <v>RECOH</v>
          </cell>
          <cell r="AN1030" t="str">
            <v>MDO C&amp;M</v>
          </cell>
          <cell r="AO1030" t="str">
            <v>MDO OH/KEN C&amp;M</v>
          </cell>
        </row>
        <row r="1031">
          <cell r="F1031">
            <v>75023</v>
          </cell>
          <cell r="Z1031" t="str">
            <v>RECOH</v>
          </cell>
          <cell r="AN1031" t="str">
            <v>MDO C&amp;M</v>
          </cell>
          <cell r="AO1031" t="str">
            <v>MDO OH/KEN C&amp;M</v>
          </cell>
        </row>
        <row r="1032">
          <cell r="F1032">
            <v>75023</v>
          </cell>
          <cell r="Z1032" t="str">
            <v>RECOH</v>
          </cell>
          <cell r="AN1032" t="str">
            <v>MDO C&amp;M</v>
          </cell>
          <cell r="AO1032" t="str">
            <v>MDO OH/KEN C&amp;M</v>
          </cell>
        </row>
        <row r="1033">
          <cell r="F1033">
            <v>75023</v>
          </cell>
          <cell r="Z1033" t="str">
            <v>RECOH</v>
          </cell>
          <cell r="AN1033" t="str">
            <v>MDO C&amp;M</v>
          </cell>
          <cell r="AO1033" t="str">
            <v>MDO OH/KEN C&amp;M</v>
          </cell>
        </row>
        <row r="1034">
          <cell r="F1034">
            <v>75023</v>
          </cell>
          <cell r="Z1034" t="str">
            <v>RECOH</v>
          </cell>
          <cell r="AN1034" t="str">
            <v>MDO C&amp;M</v>
          </cell>
          <cell r="AO1034" t="str">
            <v>MDO OH/KEN C&amp;M</v>
          </cell>
        </row>
        <row r="1035">
          <cell r="F1035">
            <v>75023</v>
          </cell>
          <cell r="Z1035" t="str">
            <v>RECOH</v>
          </cell>
          <cell r="AN1035" t="str">
            <v>MDO C&amp;M</v>
          </cell>
          <cell r="AO1035" t="str">
            <v>MDO OH/KEN C&amp;M</v>
          </cell>
        </row>
        <row r="1036">
          <cell r="F1036">
            <v>75023</v>
          </cell>
          <cell r="Z1036" t="str">
            <v>RECOH</v>
          </cell>
          <cell r="AN1036" t="str">
            <v>MDO C&amp;M</v>
          </cell>
          <cell r="AO1036" t="str">
            <v>MDO OH/KEN C&amp;M</v>
          </cell>
        </row>
        <row r="1037">
          <cell r="F1037">
            <v>75023</v>
          </cell>
          <cell r="Z1037" t="str">
            <v>RECOH</v>
          </cell>
          <cell r="AN1037" t="str">
            <v>MDO C&amp;M</v>
          </cell>
          <cell r="AO1037" t="str">
            <v>MDO OH/KEN C&amp;M</v>
          </cell>
        </row>
        <row r="1038">
          <cell r="F1038">
            <v>75023</v>
          </cell>
          <cell r="Z1038" t="str">
            <v>RECOH</v>
          </cell>
          <cell r="AN1038" t="str">
            <v>MDO C&amp;M</v>
          </cell>
          <cell r="AO1038" t="str">
            <v>MDO OH/KEN C&amp;M</v>
          </cell>
        </row>
        <row r="1039">
          <cell r="F1039">
            <v>75023</v>
          </cell>
          <cell r="Z1039" t="str">
            <v>RECOH</v>
          </cell>
          <cell r="AN1039" t="str">
            <v>MDO C&amp;M</v>
          </cell>
          <cell r="AO1039" t="str">
            <v>MDO OH/KEN C&amp;M</v>
          </cell>
        </row>
        <row r="1040">
          <cell r="F1040">
            <v>75023</v>
          </cell>
          <cell r="Z1040" t="str">
            <v>RECOH</v>
          </cell>
          <cell r="AN1040" t="str">
            <v>MDO C&amp;M</v>
          </cell>
          <cell r="AO1040" t="str">
            <v>MDO OH/KEN C&amp;M</v>
          </cell>
        </row>
        <row r="1041">
          <cell r="F1041">
            <v>75023</v>
          </cell>
          <cell r="Z1041" t="str">
            <v>RECOH</v>
          </cell>
          <cell r="AN1041" t="str">
            <v>MDO C&amp;M</v>
          </cell>
          <cell r="AO1041" t="str">
            <v>MDO OH/KEN C&amp;M</v>
          </cell>
        </row>
        <row r="1042">
          <cell r="F1042">
            <v>75023</v>
          </cell>
          <cell r="Z1042" t="str">
            <v>RECOH</v>
          </cell>
          <cell r="AN1042" t="str">
            <v>MDO C&amp;M</v>
          </cell>
          <cell r="AO1042" t="str">
            <v>MDO OH/KEN C&amp;M</v>
          </cell>
        </row>
        <row r="1043">
          <cell r="F1043">
            <v>75023</v>
          </cell>
          <cell r="Z1043" t="str">
            <v>RECOH</v>
          </cell>
          <cell r="AN1043" t="str">
            <v>MDO C&amp;M</v>
          </cell>
          <cell r="AO1043" t="str">
            <v>MDO OH/KEN C&amp;M</v>
          </cell>
        </row>
        <row r="1044">
          <cell r="F1044">
            <v>75023</v>
          </cell>
          <cell r="Z1044" t="str">
            <v>RECOH</v>
          </cell>
          <cell r="AN1044" t="str">
            <v>MDO C&amp;M</v>
          </cell>
          <cell r="AO1044" t="str">
            <v>MDO OH/KEN C&amp;M</v>
          </cell>
        </row>
        <row r="1045">
          <cell r="F1045">
            <v>75023</v>
          </cell>
          <cell r="Z1045" t="str">
            <v>RECOH</v>
          </cell>
          <cell r="AN1045" t="str">
            <v>MDO C&amp;M</v>
          </cell>
          <cell r="AO1045" t="str">
            <v>MDO OH/KEN C&amp;M</v>
          </cell>
        </row>
        <row r="1046">
          <cell r="F1046">
            <v>75023</v>
          </cell>
          <cell r="Z1046" t="str">
            <v>RECOH</v>
          </cell>
          <cell r="AN1046" t="str">
            <v>MDO C&amp;M</v>
          </cell>
          <cell r="AO1046" t="str">
            <v>MDO OH/KEN C&amp;M</v>
          </cell>
        </row>
        <row r="1047">
          <cell r="F1047">
            <v>75023</v>
          </cell>
          <cell r="Z1047" t="str">
            <v>RECOH</v>
          </cell>
          <cell r="AN1047" t="str">
            <v>MDO C&amp;M</v>
          </cell>
          <cell r="AO1047" t="str">
            <v>MDO OH/KEN C&amp;M</v>
          </cell>
        </row>
        <row r="1048">
          <cell r="F1048">
            <v>75023</v>
          </cell>
          <cell r="Z1048" t="str">
            <v>RECOH</v>
          </cell>
          <cell r="AN1048" t="str">
            <v>MDO C&amp;M</v>
          </cell>
          <cell r="AO1048" t="str">
            <v>MDO OH/KEN C&amp;M</v>
          </cell>
        </row>
        <row r="1049">
          <cell r="F1049">
            <v>75023</v>
          </cell>
          <cell r="Z1049" t="str">
            <v>RECOH</v>
          </cell>
          <cell r="AN1049" t="str">
            <v>MDO C&amp;M</v>
          </cell>
          <cell r="AO1049" t="str">
            <v>MDO OH/KEN C&amp;M</v>
          </cell>
        </row>
        <row r="1050">
          <cell r="F1050">
            <v>75023</v>
          </cell>
          <cell r="Z1050" t="str">
            <v>RECOH</v>
          </cell>
          <cell r="AN1050" t="str">
            <v>MDO C&amp;M</v>
          </cell>
          <cell r="AO1050" t="str">
            <v>MDO OH/KEN C&amp;M</v>
          </cell>
        </row>
        <row r="1051">
          <cell r="F1051">
            <v>75023</v>
          </cell>
          <cell r="Z1051" t="str">
            <v>RECOH</v>
          </cell>
          <cell r="AN1051" t="str">
            <v>MDO C&amp;M</v>
          </cell>
          <cell r="AO1051" t="str">
            <v>MDO OH/KEN C&amp;M</v>
          </cell>
        </row>
        <row r="1052">
          <cell r="F1052">
            <v>75023</v>
          </cell>
          <cell r="Z1052" t="str">
            <v>RECOH</v>
          </cell>
          <cell r="AN1052" t="str">
            <v>MDO C&amp;M</v>
          </cell>
          <cell r="AO1052" t="str">
            <v>MDO OH/KEN C&amp;M</v>
          </cell>
        </row>
        <row r="1053">
          <cell r="F1053">
            <v>75023</v>
          </cell>
          <cell r="Z1053" t="str">
            <v>RECOH</v>
          </cell>
          <cell r="AN1053" t="str">
            <v>MDO C&amp;M</v>
          </cell>
          <cell r="AO1053" t="str">
            <v>MDO OH/KEN C&amp;M</v>
          </cell>
        </row>
        <row r="1054">
          <cell r="F1054">
            <v>75023</v>
          </cell>
          <cell r="Z1054" t="str">
            <v>RECOH</v>
          </cell>
          <cell r="AN1054" t="str">
            <v>MDO C&amp;M</v>
          </cell>
          <cell r="AO1054" t="str">
            <v>MDO OH/KEN C&amp;M</v>
          </cell>
        </row>
        <row r="1055">
          <cell r="F1055">
            <v>75023</v>
          </cell>
          <cell r="Z1055" t="str">
            <v>RECOH</v>
          </cell>
          <cell r="AN1055" t="str">
            <v>MDO C&amp;M</v>
          </cell>
          <cell r="AO1055" t="str">
            <v>MDO OH/KEN C&amp;M</v>
          </cell>
        </row>
        <row r="1056">
          <cell r="F1056">
            <v>75115</v>
          </cell>
          <cell r="Z1056" t="str">
            <v>RECOH</v>
          </cell>
          <cell r="AN1056" t="str">
            <v>MDO C&amp;M</v>
          </cell>
          <cell r="AO1056" t="str">
            <v>MDO INDIANA NORTH C&amp;M</v>
          </cell>
        </row>
        <row r="1057">
          <cell r="F1057">
            <v>75084</v>
          </cell>
          <cell r="Z1057" t="str">
            <v>RECOH</v>
          </cell>
          <cell r="AN1057" t="str">
            <v>MDO C&amp;M</v>
          </cell>
          <cell r="AO1057" t="str">
            <v>MDO OH/KEN C&amp;M</v>
          </cell>
        </row>
        <row r="1058">
          <cell r="F1058">
            <v>75084</v>
          </cell>
          <cell r="Z1058" t="str">
            <v>RECOH</v>
          </cell>
          <cell r="AN1058" t="str">
            <v>MDO C&amp;M</v>
          </cell>
          <cell r="AO1058" t="str">
            <v>MDO OH/KEN C&amp;M</v>
          </cell>
        </row>
        <row r="1059">
          <cell r="F1059">
            <v>75084</v>
          </cell>
          <cell r="Z1059" t="str">
            <v>RECOH</v>
          </cell>
          <cell r="AN1059" t="str">
            <v>MDO C&amp;M</v>
          </cell>
          <cell r="AO1059" t="str">
            <v>MDO OH/KEN C&amp;M</v>
          </cell>
        </row>
        <row r="1060">
          <cell r="F1060">
            <v>75084</v>
          </cell>
          <cell r="Z1060" t="str">
            <v>RECOH</v>
          </cell>
          <cell r="AN1060" t="str">
            <v>MDO C&amp;M</v>
          </cell>
          <cell r="AO1060" t="str">
            <v>MDO OH/KEN C&amp;M</v>
          </cell>
        </row>
        <row r="1061">
          <cell r="F1061">
            <v>75084</v>
          </cell>
          <cell r="Z1061" t="str">
            <v>RECOH</v>
          </cell>
          <cell r="AN1061" t="str">
            <v>MDO C&amp;M</v>
          </cell>
          <cell r="AO1061" t="str">
            <v>MDO OH/KEN C&amp;M</v>
          </cell>
        </row>
        <row r="1062">
          <cell r="F1062">
            <v>75084</v>
          </cell>
          <cell r="Z1062" t="str">
            <v>RECOH</v>
          </cell>
          <cell r="AN1062" t="str">
            <v>MDO C&amp;M</v>
          </cell>
          <cell r="AO1062" t="str">
            <v>MDO OH/KEN C&amp;M</v>
          </cell>
        </row>
        <row r="1063">
          <cell r="F1063">
            <v>75084</v>
          </cell>
          <cell r="Z1063" t="str">
            <v>RECOH</v>
          </cell>
          <cell r="AN1063" t="str">
            <v>MDO C&amp;M</v>
          </cell>
          <cell r="AO1063" t="str">
            <v>MDO OH/KEN C&amp;M</v>
          </cell>
        </row>
        <row r="1064">
          <cell r="F1064">
            <v>75084</v>
          </cell>
          <cell r="Z1064" t="str">
            <v>RECOH</v>
          </cell>
          <cell r="AN1064" t="str">
            <v>MDO C&amp;M</v>
          </cell>
          <cell r="AO1064" t="str">
            <v>MDO OH/KEN C&amp;M</v>
          </cell>
        </row>
        <row r="1065">
          <cell r="F1065">
            <v>75084</v>
          </cell>
          <cell r="Z1065" t="str">
            <v>RECOH</v>
          </cell>
          <cell r="AN1065" t="str">
            <v>MDO C&amp;M</v>
          </cell>
          <cell r="AO1065" t="str">
            <v>MDO OH/KEN C&amp;M</v>
          </cell>
        </row>
        <row r="1066">
          <cell r="F1066">
            <v>75084</v>
          </cell>
          <cell r="Z1066" t="str">
            <v>RECOH</v>
          </cell>
          <cell r="AN1066" t="str">
            <v>MDO C&amp;M</v>
          </cell>
          <cell r="AO1066" t="str">
            <v>MDO OH/KEN C&amp;M</v>
          </cell>
        </row>
        <row r="1067">
          <cell r="F1067">
            <v>75084</v>
          </cell>
          <cell r="Z1067" t="str">
            <v>RECOH</v>
          </cell>
          <cell r="AN1067" t="str">
            <v>MDO C&amp;M</v>
          </cell>
          <cell r="AO1067" t="str">
            <v>MDO OH/KEN C&amp;M</v>
          </cell>
        </row>
        <row r="1068">
          <cell r="F1068">
            <v>75023</v>
          </cell>
          <cell r="Z1068" t="str">
            <v>LIPMD</v>
          </cell>
          <cell r="AN1068" t="str">
            <v>MDO Engr Const Planning</v>
          </cell>
          <cell r="AO1068" t="str">
            <v xml:space="preserve"> </v>
          </cell>
        </row>
        <row r="1069">
          <cell r="F1069">
            <v>75023</v>
          </cell>
          <cell r="Z1069" t="str">
            <v>LIPMD</v>
          </cell>
          <cell r="AN1069" t="str">
            <v>MDO Engr Const Planning</v>
          </cell>
          <cell r="AO1069" t="str">
            <v xml:space="preserve"> </v>
          </cell>
        </row>
        <row r="1070">
          <cell r="F1070">
            <v>75023</v>
          </cell>
          <cell r="Z1070" t="str">
            <v>LIPMD</v>
          </cell>
          <cell r="AN1070" t="str">
            <v>MDO C&amp;M</v>
          </cell>
          <cell r="AO1070" t="str">
            <v>MDO OH/KEN C&amp;M</v>
          </cell>
        </row>
        <row r="1071">
          <cell r="F1071">
            <v>75023</v>
          </cell>
          <cell r="Z1071" t="str">
            <v>LIPMD</v>
          </cell>
          <cell r="AN1071" t="str">
            <v>MDO C&amp;M</v>
          </cell>
          <cell r="AO1071" t="str">
            <v>MDO OH/KEN C&amp;M</v>
          </cell>
        </row>
        <row r="1072">
          <cell r="F1072">
            <v>75023</v>
          </cell>
          <cell r="Z1072" t="str">
            <v>LIPMD</v>
          </cell>
          <cell r="AN1072" t="str">
            <v>MDO C&amp;M</v>
          </cell>
          <cell r="AO1072" t="str">
            <v>MDO OH/KEN C&amp;M</v>
          </cell>
        </row>
        <row r="1073">
          <cell r="F1073">
            <v>75023</v>
          </cell>
          <cell r="Z1073" t="str">
            <v>LIPMD</v>
          </cell>
          <cell r="AN1073" t="str">
            <v>MDO C&amp;M</v>
          </cell>
          <cell r="AO1073" t="str">
            <v>MDO OH/KEN C&amp;M</v>
          </cell>
        </row>
        <row r="1074">
          <cell r="F1074">
            <v>75023</v>
          </cell>
          <cell r="Z1074" t="str">
            <v>LIPMD</v>
          </cell>
          <cell r="AN1074" t="str">
            <v>MDO C&amp;M</v>
          </cell>
          <cell r="AO1074" t="str">
            <v>MDO OH/KEN C&amp;M</v>
          </cell>
        </row>
        <row r="1075">
          <cell r="F1075">
            <v>75023</v>
          </cell>
          <cell r="Z1075" t="str">
            <v>LIPMD</v>
          </cell>
          <cell r="AN1075" t="str">
            <v>MDO C&amp;M</v>
          </cell>
          <cell r="AO1075" t="str">
            <v>MDO OH/KEN C&amp;M</v>
          </cell>
        </row>
        <row r="1076">
          <cell r="F1076">
            <v>75023</v>
          </cell>
          <cell r="Z1076" t="str">
            <v>LIPMD</v>
          </cell>
          <cell r="AN1076" t="str">
            <v>MDO C&amp;M</v>
          </cell>
          <cell r="AO1076" t="str">
            <v>MDO OH/KEN C&amp;M</v>
          </cell>
        </row>
        <row r="1077">
          <cell r="F1077">
            <v>75023</v>
          </cell>
          <cell r="Z1077" t="str">
            <v>LIPMD</v>
          </cell>
          <cell r="AN1077" t="str">
            <v>MDO C&amp;M</v>
          </cell>
          <cell r="AO1077" t="str">
            <v>MDO OH/KEN C&amp;M</v>
          </cell>
        </row>
        <row r="1078">
          <cell r="F1078">
            <v>75023</v>
          </cell>
          <cell r="Z1078" t="str">
            <v>LIPMD</v>
          </cell>
          <cell r="AN1078" t="str">
            <v>MDO C&amp;M</v>
          </cell>
          <cell r="AO1078" t="str">
            <v>MDO OH/KEN C&amp;M</v>
          </cell>
        </row>
        <row r="1079">
          <cell r="F1079">
            <v>75023</v>
          </cell>
          <cell r="Z1079" t="str">
            <v>LIPMD</v>
          </cell>
          <cell r="AN1079" t="str">
            <v>MDO C&amp;M</v>
          </cell>
          <cell r="AO1079" t="str">
            <v>MDO OH/KEN C&amp;M</v>
          </cell>
        </row>
        <row r="1080">
          <cell r="F1080">
            <v>75023</v>
          </cell>
          <cell r="Z1080" t="str">
            <v>LIPMD</v>
          </cell>
          <cell r="AN1080" t="str">
            <v>MDO C&amp;M</v>
          </cell>
          <cell r="AO1080" t="str">
            <v>MDO OH/KEN C&amp;M</v>
          </cell>
        </row>
        <row r="1081">
          <cell r="F1081">
            <v>75023</v>
          </cell>
          <cell r="Z1081" t="str">
            <v>LIPMD</v>
          </cell>
          <cell r="AN1081" t="str">
            <v>MDO C&amp;M</v>
          </cell>
          <cell r="AO1081" t="str">
            <v>MDO OH/KEN C&amp;M</v>
          </cell>
        </row>
        <row r="1082">
          <cell r="F1082">
            <v>75023</v>
          </cell>
          <cell r="Z1082" t="str">
            <v>LIPMD</v>
          </cell>
          <cell r="AN1082" t="str">
            <v>MDO C&amp;M</v>
          </cell>
          <cell r="AO1082" t="str">
            <v>MDO OH/KEN C&amp;M</v>
          </cell>
        </row>
        <row r="1083">
          <cell r="F1083">
            <v>75023</v>
          </cell>
          <cell r="Z1083" t="str">
            <v>LIPMD</v>
          </cell>
          <cell r="AN1083" t="str">
            <v>MDO C&amp;M</v>
          </cell>
          <cell r="AO1083" t="str">
            <v>MDO OH/KEN C&amp;M</v>
          </cell>
        </row>
        <row r="1084">
          <cell r="F1084">
            <v>75023</v>
          </cell>
          <cell r="Z1084" t="str">
            <v>LIPMD</v>
          </cell>
          <cell r="AN1084" t="str">
            <v>MDO C&amp;M</v>
          </cell>
          <cell r="AO1084" t="str">
            <v>MDO OH/KEN C&amp;M</v>
          </cell>
        </row>
        <row r="1085">
          <cell r="F1085">
            <v>75023</v>
          </cell>
          <cell r="Z1085" t="str">
            <v>LIPMD</v>
          </cell>
          <cell r="AN1085" t="str">
            <v>MDO C&amp;M</v>
          </cell>
          <cell r="AO1085" t="str">
            <v>MDO OH/KEN C&amp;M</v>
          </cell>
        </row>
        <row r="1086">
          <cell r="F1086">
            <v>75023</v>
          </cell>
          <cell r="Z1086" t="str">
            <v>LIPMD</v>
          </cell>
          <cell r="AN1086" t="str">
            <v>MDO C&amp;M</v>
          </cell>
          <cell r="AO1086" t="str">
            <v>MDO OH/KEN C&amp;M</v>
          </cell>
        </row>
        <row r="1087">
          <cell r="F1087">
            <v>75023</v>
          </cell>
          <cell r="Z1087" t="str">
            <v>LIPMD</v>
          </cell>
          <cell r="AN1087" t="str">
            <v>MDO C&amp;M</v>
          </cell>
          <cell r="AO1087" t="str">
            <v>MDO OH/KEN C&amp;M</v>
          </cell>
        </row>
        <row r="1088">
          <cell r="F1088">
            <v>75023</v>
          </cell>
          <cell r="Z1088" t="str">
            <v>LIPMD</v>
          </cell>
          <cell r="AN1088" t="str">
            <v>MDO C&amp;M</v>
          </cell>
          <cell r="AO1088" t="str">
            <v>MDO OH/KEN C&amp;M</v>
          </cell>
        </row>
        <row r="1089">
          <cell r="F1089">
            <v>75023</v>
          </cell>
          <cell r="Z1089" t="str">
            <v>LIPMD</v>
          </cell>
          <cell r="AN1089" t="str">
            <v>MDO C&amp;M</v>
          </cell>
          <cell r="AO1089" t="str">
            <v>MDO OH/KEN C&amp;M</v>
          </cell>
        </row>
        <row r="1090">
          <cell r="F1090">
            <v>75023</v>
          </cell>
          <cell r="Z1090" t="str">
            <v>LIPMD</v>
          </cell>
          <cell r="AN1090" t="str">
            <v>MDO C&amp;M</v>
          </cell>
          <cell r="AO1090" t="str">
            <v>MDO OH/KEN C&amp;M</v>
          </cell>
        </row>
        <row r="1091">
          <cell r="F1091">
            <v>75023</v>
          </cell>
          <cell r="Z1091" t="str">
            <v>LIPMD</v>
          </cell>
          <cell r="AN1091" t="str">
            <v>MDO C&amp;M</v>
          </cell>
          <cell r="AO1091" t="str">
            <v>MDO OH/KEN C&amp;M</v>
          </cell>
        </row>
        <row r="1092">
          <cell r="F1092">
            <v>75023</v>
          </cell>
          <cell r="Z1092" t="str">
            <v>LIPMD</v>
          </cell>
          <cell r="AN1092" t="str">
            <v>MDO C&amp;M</v>
          </cell>
          <cell r="AO1092" t="str">
            <v>MDO OH/KEN C&amp;M</v>
          </cell>
        </row>
        <row r="1093">
          <cell r="F1093">
            <v>75023</v>
          </cell>
          <cell r="Z1093" t="str">
            <v>LIPMD</v>
          </cell>
          <cell r="AN1093" t="str">
            <v>MDO C&amp;M</v>
          </cell>
          <cell r="AO1093" t="str">
            <v>MDO OH/KEN C&amp;M</v>
          </cell>
        </row>
        <row r="1094">
          <cell r="F1094">
            <v>75023</v>
          </cell>
          <cell r="Z1094" t="str">
            <v>LIPMD</v>
          </cell>
          <cell r="AN1094" t="str">
            <v>MDO C&amp;M</v>
          </cell>
          <cell r="AO1094" t="str">
            <v>MDO OH/KEN C&amp;M</v>
          </cell>
        </row>
        <row r="1095">
          <cell r="F1095">
            <v>75023</v>
          </cell>
          <cell r="Z1095" t="str">
            <v>LIPMD</v>
          </cell>
          <cell r="AN1095" t="str">
            <v>MDO C&amp;M</v>
          </cell>
          <cell r="AO1095" t="str">
            <v>MDO OH/KEN C&amp;M</v>
          </cell>
        </row>
        <row r="1096">
          <cell r="F1096">
            <v>75023</v>
          </cell>
          <cell r="Z1096" t="str">
            <v>LIPMD</v>
          </cell>
          <cell r="AN1096" t="str">
            <v>MDO C&amp;M</v>
          </cell>
          <cell r="AO1096" t="str">
            <v>MDO OH/KEN C&amp;M</v>
          </cell>
        </row>
        <row r="1097">
          <cell r="F1097">
            <v>75023</v>
          </cell>
          <cell r="Z1097" t="str">
            <v>LIPMD</v>
          </cell>
          <cell r="AN1097" t="str">
            <v>MDO C&amp;M</v>
          </cell>
          <cell r="AO1097" t="str">
            <v>MDO OH/KEN C&amp;M</v>
          </cell>
        </row>
        <row r="1098">
          <cell r="F1098">
            <v>75023</v>
          </cell>
          <cell r="Z1098" t="str">
            <v>LIPMD</v>
          </cell>
          <cell r="AN1098" t="str">
            <v>MDO C&amp;M</v>
          </cell>
          <cell r="AO1098" t="str">
            <v>MDO OH/KEN C&amp;M</v>
          </cell>
        </row>
        <row r="1099">
          <cell r="F1099">
            <v>75023</v>
          </cell>
          <cell r="Z1099" t="str">
            <v>LIPMD</v>
          </cell>
          <cell r="AN1099" t="str">
            <v>MDO C&amp;M</v>
          </cell>
          <cell r="AO1099" t="str">
            <v>MDO OH/KEN C&amp;M</v>
          </cell>
        </row>
        <row r="1100">
          <cell r="F1100">
            <v>75023</v>
          </cell>
          <cell r="Z1100" t="str">
            <v>LIPMD</v>
          </cell>
          <cell r="AN1100" t="str">
            <v>MDO C&amp;M</v>
          </cell>
          <cell r="AO1100" t="str">
            <v>MDO OH/KEN C&amp;M</v>
          </cell>
        </row>
        <row r="1101">
          <cell r="F1101">
            <v>75023</v>
          </cell>
          <cell r="Z1101" t="str">
            <v>LIPMD</v>
          </cell>
          <cell r="AN1101" t="str">
            <v>MDO C&amp;M</v>
          </cell>
          <cell r="AO1101" t="str">
            <v>MDO OH/KEN C&amp;M</v>
          </cell>
        </row>
        <row r="1102">
          <cell r="F1102">
            <v>75023</v>
          </cell>
          <cell r="Z1102" t="str">
            <v>LIPMD</v>
          </cell>
          <cell r="AN1102" t="str">
            <v>MDO C&amp;M</v>
          </cell>
          <cell r="AO1102" t="str">
            <v>MDO OH/KEN C&amp;M</v>
          </cell>
        </row>
        <row r="1103">
          <cell r="F1103">
            <v>75023</v>
          </cell>
          <cell r="Z1103" t="str">
            <v>LIPMD</v>
          </cell>
          <cell r="AN1103" t="str">
            <v>MDO C&amp;M</v>
          </cell>
          <cell r="AO1103" t="str">
            <v>MDO OH/KEN C&amp;M</v>
          </cell>
        </row>
        <row r="1104">
          <cell r="F1104">
            <v>75023</v>
          </cell>
          <cell r="Z1104" t="str">
            <v>LIPMD</v>
          </cell>
          <cell r="AN1104" t="str">
            <v>MDO C&amp;M</v>
          </cell>
          <cell r="AO1104" t="str">
            <v>MDO OH/KEN C&amp;M</v>
          </cell>
        </row>
        <row r="1105">
          <cell r="F1105">
            <v>75023</v>
          </cell>
          <cell r="Z1105" t="str">
            <v>LIPMD</v>
          </cell>
          <cell r="AN1105" t="str">
            <v>MDO C&amp;M</v>
          </cell>
          <cell r="AO1105" t="str">
            <v>MDO OH/KEN C&amp;M</v>
          </cell>
        </row>
        <row r="1106">
          <cell r="F1106">
            <v>75023</v>
          </cell>
          <cell r="Z1106" t="str">
            <v>LIPMD</v>
          </cell>
          <cell r="AN1106" t="str">
            <v>MDO C&amp;M</v>
          </cell>
          <cell r="AO1106" t="str">
            <v>MDO OH/KEN C&amp;M</v>
          </cell>
        </row>
        <row r="1107">
          <cell r="F1107">
            <v>75023</v>
          </cell>
          <cell r="Z1107" t="str">
            <v>LIPMD</v>
          </cell>
          <cell r="AN1107" t="str">
            <v>MDO C&amp;M</v>
          </cell>
          <cell r="AO1107" t="str">
            <v>MDO OH/KEN C&amp;M</v>
          </cell>
        </row>
        <row r="1108">
          <cell r="F1108">
            <v>75023</v>
          </cell>
          <cell r="Z1108" t="str">
            <v>LIPMD</v>
          </cell>
          <cell r="AN1108" t="str">
            <v>MDO C&amp;M</v>
          </cell>
          <cell r="AO1108" t="str">
            <v>MDO OH/KEN C&amp;M</v>
          </cell>
        </row>
        <row r="1109">
          <cell r="F1109">
            <v>75023</v>
          </cell>
          <cell r="Z1109" t="str">
            <v>LIPMD</v>
          </cell>
          <cell r="AN1109" t="str">
            <v>MDO C&amp;M</v>
          </cell>
          <cell r="AO1109" t="str">
            <v>MDO OH/KEN C&amp;M</v>
          </cell>
        </row>
        <row r="1110">
          <cell r="F1110">
            <v>75023</v>
          </cell>
          <cell r="Z1110" t="str">
            <v>LIPMD</v>
          </cell>
          <cell r="AN1110" t="str">
            <v>MDO C&amp;M</v>
          </cell>
          <cell r="AO1110" t="str">
            <v>MDO OH/KEN C&amp;M</v>
          </cell>
        </row>
        <row r="1111">
          <cell r="F1111">
            <v>75023</v>
          </cell>
          <cell r="Z1111" t="str">
            <v>LIPMD</v>
          </cell>
          <cell r="AN1111" t="str">
            <v>MDO C&amp;M</v>
          </cell>
          <cell r="AO1111" t="str">
            <v>MDO OH/KEN C&amp;M</v>
          </cell>
        </row>
        <row r="1112">
          <cell r="F1112">
            <v>75023</v>
          </cell>
          <cell r="Z1112" t="str">
            <v>LIPMD</v>
          </cell>
          <cell r="AN1112" t="str">
            <v>MDO C&amp;M</v>
          </cell>
          <cell r="AO1112" t="str">
            <v>MDO OH/KEN C&amp;M</v>
          </cell>
        </row>
        <row r="1113">
          <cell r="F1113">
            <v>75023</v>
          </cell>
          <cell r="Z1113" t="str">
            <v>LIPMD</v>
          </cell>
          <cell r="AN1113" t="str">
            <v>MDO C&amp;M</v>
          </cell>
          <cell r="AO1113" t="str">
            <v>MDO OH/KEN C&amp;M</v>
          </cell>
        </row>
        <row r="1114">
          <cell r="F1114">
            <v>75023</v>
          </cell>
          <cell r="Z1114" t="str">
            <v>LIPMD</v>
          </cell>
          <cell r="AN1114" t="str">
            <v>MDO C&amp;M</v>
          </cell>
          <cell r="AO1114" t="str">
            <v>MDO OH/KEN C&amp;M</v>
          </cell>
        </row>
        <row r="1115">
          <cell r="F1115">
            <v>75023</v>
          </cell>
          <cell r="Z1115" t="str">
            <v>LIPMD</v>
          </cell>
          <cell r="AN1115" t="str">
            <v>MDO C&amp;M</v>
          </cell>
          <cell r="AO1115" t="str">
            <v>MDO OH/KEN C&amp;M</v>
          </cell>
        </row>
        <row r="1116">
          <cell r="F1116">
            <v>75023</v>
          </cell>
          <cell r="Z1116" t="str">
            <v>LIPMD</v>
          </cell>
          <cell r="AN1116" t="str">
            <v>MDO C&amp;M</v>
          </cell>
          <cell r="AO1116" t="str">
            <v>MDO OH/KEN C&amp;M</v>
          </cell>
        </row>
        <row r="1117">
          <cell r="F1117">
            <v>75023</v>
          </cell>
          <cell r="Z1117" t="str">
            <v>LIPMD</v>
          </cell>
          <cell r="AN1117" t="str">
            <v>MDO C&amp;M</v>
          </cell>
          <cell r="AO1117" t="str">
            <v>MDO OH/KEN C&amp;M</v>
          </cell>
        </row>
        <row r="1118">
          <cell r="F1118">
            <v>75023</v>
          </cell>
          <cell r="Z1118" t="str">
            <v>LIPMD</v>
          </cell>
          <cell r="AN1118" t="str">
            <v>MDO C&amp;M</v>
          </cell>
          <cell r="AO1118" t="str">
            <v>MDO OH/KEN C&amp;M</v>
          </cell>
        </row>
        <row r="1119">
          <cell r="F1119">
            <v>75023</v>
          </cell>
          <cell r="Z1119" t="str">
            <v>LIPMD</v>
          </cell>
          <cell r="AN1119" t="str">
            <v>MDO C&amp;M</v>
          </cell>
          <cell r="AO1119" t="str">
            <v>MDO OH/KEN C&amp;M</v>
          </cell>
        </row>
        <row r="1120">
          <cell r="F1120">
            <v>75023</v>
          </cell>
          <cell r="Z1120" t="str">
            <v>LIPMD</v>
          </cell>
          <cell r="AN1120" t="str">
            <v>MDO C&amp;M</v>
          </cell>
          <cell r="AO1120" t="str">
            <v>MDO OH/KEN C&amp;M</v>
          </cell>
        </row>
        <row r="1121">
          <cell r="F1121">
            <v>75023</v>
          </cell>
          <cell r="Z1121" t="str">
            <v>LIPMD</v>
          </cell>
          <cell r="AN1121" t="str">
            <v>MDO C&amp;M</v>
          </cell>
          <cell r="AO1121" t="str">
            <v>MDO OH/KEN C&amp;M</v>
          </cell>
        </row>
        <row r="1122">
          <cell r="F1122">
            <v>75023</v>
          </cell>
          <cell r="Z1122" t="str">
            <v>LIPMD</v>
          </cell>
          <cell r="AN1122" t="str">
            <v>MDO C&amp;M</v>
          </cell>
          <cell r="AO1122" t="str">
            <v>MDO OH/KEN C&amp;M</v>
          </cell>
        </row>
        <row r="1123">
          <cell r="F1123">
            <v>75023</v>
          </cell>
          <cell r="Z1123" t="str">
            <v>LIPMD</v>
          </cell>
          <cell r="AN1123" t="str">
            <v>MDO C&amp;M</v>
          </cell>
          <cell r="AO1123" t="str">
            <v>MDO OH/KEN C&amp;M</v>
          </cell>
        </row>
        <row r="1124">
          <cell r="F1124">
            <v>75023</v>
          </cell>
          <cell r="Z1124" t="str">
            <v>LIPMD</v>
          </cell>
          <cell r="AN1124" t="str">
            <v>MDO C&amp;M</v>
          </cell>
          <cell r="AO1124" t="str">
            <v>MDO OH/KEN C&amp;M</v>
          </cell>
        </row>
        <row r="1125">
          <cell r="F1125">
            <v>75023</v>
          </cell>
          <cell r="Z1125" t="str">
            <v>LIPMD</v>
          </cell>
          <cell r="AN1125" t="str">
            <v>MDO C&amp;M</v>
          </cell>
          <cell r="AO1125" t="str">
            <v>MDO OH/KEN C&amp;M</v>
          </cell>
        </row>
        <row r="1126">
          <cell r="F1126">
            <v>75023</v>
          </cell>
          <cell r="Z1126" t="str">
            <v>LIPMD</v>
          </cell>
          <cell r="AN1126" t="str">
            <v>MDO C&amp;M</v>
          </cell>
          <cell r="AO1126" t="str">
            <v>MDO OH/KEN C&amp;M</v>
          </cell>
        </row>
        <row r="1127">
          <cell r="F1127">
            <v>75023</v>
          </cell>
          <cell r="Z1127" t="str">
            <v>LIPMD</v>
          </cell>
          <cell r="AN1127" t="str">
            <v>MDO C&amp;M</v>
          </cell>
          <cell r="AO1127" t="str">
            <v>MDO OH/KEN C&amp;M</v>
          </cell>
        </row>
        <row r="1128">
          <cell r="F1128">
            <v>75023</v>
          </cell>
          <cell r="Z1128" t="str">
            <v>LIPMD</v>
          </cell>
          <cell r="AN1128" t="str">
            <v>MDO C&amp;M</v>
          </cell>
          <cell r="AO1128" t="str">
            <v>MDO OH/KEN C&amp;M</v>
          </cell>
        </row>
        <row r="1129">
          <cell r="F1129">
            <v>75023</v>
          </cell>
          <cell r="Z1129" t="str">
            <v>LIPMD</v>
          </cell>
          <cell r="AN1129" t="str">
            <v>MDO C&amp;M</v>
          </cell>
          <cell r="AO1129" t="str">
            <v>MDO OH/KEN C&amp;M</v>
          </cell>
        </row>
        <row r="1130">
          <cell r="F1130">
            <v>75023</v>
          </cell>
          <cell r="Z1130" t="str">
            <v>LIPMD</v>
          </cell>
          <cell r="AN1130" t="str">
            <v>MDO C&amp;M</v>
          </cell>
          <cell r="AO1130" t="str">
            <v>MDO OH/KEN C&amp;M</v>
          </cell>
        </row>
        <row r="1131">
          <cell r="F1131">
            <v>75023</v>
          </cell>
          <cell r="Z1131" t="str">
            <v>LIPMD</v>
          </cell>
          <cell r="AN1131" t="str">
            <v>MDO C&amp;M</v>
          </cell>
          <cell r="AO1131" t="str">
            <v>MDO OH/KEN C&amp;M</v>
          </cell>
        </row>
        <row r="1132">
          <cell r="F1132">
            <v>75023</v>
          </cell>
          <cell r="Z1132" t="str">
            <v>LIPMD</v>
          </cell>
          <cell r="AN1132" t="str">
            <v>MDO C&amp;M</v>
          </cell>
          <cell r="AO1132" t="str">
            <v>MDO OH/KEN C&amp;M</v>
          </cell>
        </row>
        <row r="1133">
          <cell r="F1133">
            <v>75023</v>
          </cell>
          <cell r="Z1133" t="str">
            <v>LIPMD</v>
          </cell>
          <cell r="AN1133" t="str">
            <v>MDO C&amp;M</v>
          </cell>
          <cell r="AO1133" t="str">
            <v>MDO OH/KEN C&amp;M</v>
          </cell>
        </row>
        <row r="1134">
          <cell r="F1134">
            <v>75023</v>
          </cell>
          <cell r="Z1134" t="str">
            <v>LIPMD</v>
          </cell>
          <cell r="AN1134" t="str">
            <v>MDO C&amp;M</v>
          </cell>
          <cell r="AO1134" t="str">
            <v>MDO OH/KEN C&amp;M</v>
          </cell>
        </row>
        <row r="1135">
          <cell r="F1135">
            <v>75023</v>
          </cell>
          <cell r="Z1135" t="str">
            <v>LIPMD</v>
          </cell>
          <cell r="AN1135" t="str">
            <v>MDO C&amp;M</v>
          </cell>
          <cell r="AO1135" t="str">
            <v>MDO OH/KEN C&amp;M</v>
          </cell>
        </row>
        <row r="1136">
          <cell r="F1136">
            <v>75023</v>
          </cell>
          <cell r="Z1136" t="str">
            <v>LIPMD</v>
          </cell>
          <cell r="AN1136" t="str">
            <v>MDO C&amp;M</v>
          </cell>
          <cell r="AO1136" t="str">
            <v>MDO OH/KEN C&amp;M</v>
          </cell>
        </row>
        <row r="1137">
          <cell r="F1137">
            <v>75023</v>
          </cell>
          <cell r="Z1137" t="str">
            <v>LIPMD</v>
          </cell>
          <cell r="AN1137" t="str">
            <v>MDO C&amp;M</v>
          </cell>
          <cell r="AO1137" t="str">
            <v>MDO OH/KEN C&amp;M</v>
          </cell>
        </row>
        <row r="1138">
          <cell r="F1138">
            <v>75023</v>
          </cell>
          <cell r="Z1138" t="str">
            <v>LIPMD</v>
          </cell>
          <cell r="AN1138" t="str">
            <v>MDO C&amp;M</v>
          </cell>
          <cell r="AO1138" t="str">
            <v>MDO OH/KEN C&amp;M</v>
          </cell>
        </row>
        <row r="1139">
          <cell r="F1139">
            <v>75023</v>
          </cell>
          <cell r="Z1139" t="str">
            <v>LIPMD</v>
          </cell>
          <cell r="AN1139" t="str">
            <v>MDO C&amp;M</v>
          </cell>
          <cell r="AO1139" t="str">
            <v>MDO OH/KEN C&amp;M</v>
          </cell>
        </row>
        <row r="1140">
          <cell r="F1140">
            <v>75023</v>
          </cell>
          <cell r="Z1140" t="str">
            <v>LIPMD</v>
          </cell>
          <cell r="AN1140" t="str">
            <v>MDO C&amp;M</v>
          </cell>
          <cell r="AO1140" t="str">
            <v>MDO OH/KEN C&amp;M</v>
          </cell>
        </row>
        <row r="1141">
          <cell r="F1141">
            <v>75023</v>
          </cell>
          <cell r="Z1141" t="str">
            <v>LIPMD</v>
          </cell>
          <cell r="AN1141" t="str">
            <v>MDO C&amp;M</v>
          </cell>
          <cell r="AO1141" t="str">
            <v>MDO OH/KEN C&amp;M</v>
          </cell>
        </row>
        <row r="1142">
          <cell r="F1142">
            <v>75023</v>
          </cell>
          <cell r="Z1142" t="str">
            <v>LIPMD</v>
          </cell>
          <cell r="AN1142" t="str">
            <v>MDO C&amp;M</v>
          </cell>
          <cell r="AO1142" t="str">
            <v>MDO OH/KEN C&amp;M</v>
          </cell>
        </row>
        <row r="1143">
          <cell r="F1143">
            <v>75023</v>
          </cell>
          <cell r="Z1143" t="str">
            <v>LIPMD</v>
          </cell>
          <cell r="AN1143" t="str">
            <v>MDO C&amp;M</v>
          </cell>
          <cell r="AO1143" t="str">
            <v>MDO OH/KEN C&amp;M</v>
          </cell>
        </row>
        <row r="1144">
          <cell r="F1144">
            <v>75023</v>
          </cell>
          <cell r="Z1144" t="str">
            <v>LIPMD</v>
          </cell>
          <cell r="AN1144" t="str">
            <v>MDO C&amp;M</v>
          </cell>
          <cell r="AO1144" t="str">
            <v>MDO OH/KEN C&amp;M</v>
          </cell>
        </row>
        <row r="1145">
          <cell r="F1145">
            <v>75023</v>
          </cell>
          <cell r="Z1145" t="str">
            <v>LIPMD</v>
          </cell>
          <cell r="AN1145" t="str">
            <v>MDO C&amp;M</v>
          </cell>
          <cell r="AO1145" t="str">
            <v>MDO OH/KEN C&amp;M</v>
          </cell>
        </row>
        <row r="1146">
          <cell r="F1146">
            <v>75023</v>
          </cell>
          <cell r="Z1146" t="str">
            <v>LIPMD</v>
          </cell>
          <cell r="AN1146" t="str">
            <v>MDO C&amp;M</v>
          </cell>
          <cell r="AO1146" t="str">
            <v>MDO OH/KEN C&amp;M</v>
          </cell>
        </row>
        <row r="1147">
          <cell r="F1147">
            <v>75023</v>
          </cell>
          <cell r="Z1147" t="str">
            <v>LIPMD</v>
          </cell>
          <cell r="AN1147" t="str">
            <v>MDO C&amp;M</v>
          </cell>
          <cell r="AO1147" t="str">
            <v>MDO OH/KEN C&amp;M</v>
          </cell>
        </row>
        <row r="1148">
          <cell r="F1148">
            <v>75023</v>
          </cell>
          <cell r="Z1148" t="str">
            <v>LIPMD</v>
          </cell>
          <cell r="AN1148" t="str">
            <v>MDO C&amp;M</v>
          </cell>
          <cell r="AO1148" t="str">
            <v>MDO OH/KEN C&amp;M</v>
          </cell>
        </row>
        <row r="1149">
          <cell r="F1149">
            <v>75023</v>
          </cell>
          <cell r="Z1149" t="str">
            <v>LIPMD</v>
          </cell>
          <cell r="AN1149" t="str">
            <v>MDO C&amp;M</v>
          </cell>
          <cell r="AO1149" t="str">
            <v>MDO OH/KEN C&amp;M</v>
          </cell>
        </row>
        <row r="1150">
          <cell r="F1150">
            <v>75023</v>
          </cell>
          <cell r="Z1150" t="str">
            <v>LIPMD</v>
          </cell>
          <cell r="AN1150" t="str">
            <v>MDO C&amp;M</v>
          </cell>
          <cell r="AO1150" t="str">
            <v>MDO OH/KEN C&amp;M</v>
          </cell>
        </row>
        <row r="1151">
          <cell r="F1151">
            <v>75023</v>
          </cell>
          <cell r="Z1151" t="str">
            <v>LIPMD</v>
          </cell>
          <cell r="AN1151" t="str">
            <v>MDO C&amp;M</v>
          </cell>
          <cell r="AO1151" t="str">
            <v>MDO OH/KEN C&amp;M</v>
          </cell>
        </row>
        <row r="1152">
          <cell r="F1152">
            <v>75023</v>
          </cell>
          <cell r="Z1152" t="str">
            <v>LIPMD</v>
          </cell>
          <cell r="AN1152" t="str">
            <v>MDO C&amp;M</v>
          </cell>
          <cell r="AO1152" t="str">
            <v>MDO OH/KEN C&amp;M</v>
          </cell>
        </row>
        <row r="1153">
          <cell r="F1153">
            <v>75023</v>
          </cell>
          <cell r="Z1153" t="str">
            <v>LIPMD</v>
          </cell>
          <cell r="AN1153" t="str">
            <v>MDO C&amp;M</v>
          </cell>
          <cell r="AO1153" t="str">
            <v>MDO OH/KEN C&amp;M</v>
          </cell>
        </row>
        <row r="1154">
          <cell r="F1154">
            <v>75023</v>
          </cell>
          <cell r="Z1154" t="str">
            <v>LIPMD</v>
          </cell>
          <cell r="AN1154" t="str">
            <v>MDO C&amp;M</v>
          </cell>
          <cell r="AO1154" t="str">
            <v>MDO OH/KEN C&amp;M</v>
          </cell>
        </row>
        <row r="1155">
          <cell r="F1155">
            <v>75023</v>
          </cell>
          <cell r="Z1155" t="str">
            <v>LIPMD</v>
          </cell>
          <cell r="AN1155" t="str">
            <v>MDO C&amp;M</v>
          </cell>
          <cell r="AO1155" t="str">
            <v>MDO OH/KEN C&amp;M</v>
          </cell>
        </row>
        <row r="1156">
          <cell r="F1156">
            <v>75023</v>
          </cell>
          <cell r="Z1156" t="str">
            <v>LIPMD</v>
          </cell>
          <cell r="AN1156" t="str">
            <v>MDO C&amp;M</v>
          </cell>
          <cell r="AO1156" t="str">
            <v>MDO OH/KEN C&amp;M</v>
          </cell>
        </row>
        <row r="1157">
          <cell r="F1157">
            <v>75023</v>
          </cell>
          <cell r="Z1157" t="str">
            <v>LIPMD</v>
          </cell>
          <cell r="AN1157" t="str">
            <v>MDO C&amp;M</v>
          </cell>
          <cell r="AO1157" t="str">
            <v>MDO OH/KEN C&amp;M</v>
          </cell>
        </row>
        <row r="1158">
          <cell r="F1158">
            <v>75023</v>
          </cell>
          <cell r="Z1158" t="str">
            <v>LIPMD</v>
          </cell>
          <cell r="AN1158" t="str">
            <v>MDO C&amp;M</v>
          </cell>
          <cell r="AO1158" t="str">
            <v>MDO OH/KEN C&amp;M</v>
          </cell>
        </row>
        <row r="1159">
          <cell r="F1159">
            <v>75023</v>
          </cell>
          <cell r="Z1159" t="str">
            <v>LIPMD</v>
          </cell>
          <cell r="AN1159" t="str">
            <v>MDO C&amp;M</v>
          </cell>
          <cell r="AO1159" t="str">
            <v>MDO OH/KEN C&amp;M</v>
          </cell>
        </row>
        <row r="1160">
          <cell r="F1160">
            <v>75023</v>
          </cell>
          <cell r="Z1160" t="str">
            <v>LIPMD</v>
          </cell>
          <cell r="AN1160" t="str">
            <v>MDO C&amp;M</v>
          </cell>
          <cell r="AO1160" t="str">
            <v>MDO OH/KEN C&amp;M</v>
          </cell>
        </row>
        <row r="1161">
          <cell r="F1161">
            <v>75023</v>
          </cell>
          <cell r="Z1161" t="str">
            <v>LIPMD</v>
          </cell>
          <cell r="AN1161" t="str">
            <v>MDO C&amp;M</v>
          </cell>
          <cell r="AO1161" t="str">
            <v>MDO OH/KEN C&amp;M</v>
          </cell>
        </row>
        <row r="1162">
          <cell r="F1162">
            <v>75023</v>
          </cell>
          <cell r="Z1162" t="str">
            <v>LIPMD</v>
          </cell>
          <cell r="AN1162" t="str">
            <v>MDO C&amp;M</v>
          </cell>
          <cell r="AO1162" t="str">
            <v>MDO OH/KEN C&amp;M</v>
          </cell>
        </row>
        <row r="1163">
          <cell r="F1163">
            <v>75023</v>
          </cell>
          <cell r="Z1163" t="str">
            <v>LIPMD</v>
          </cell>
          <cell r="AN1163" t="str">
            <v>MDO C&amp;M</v>
          </cell>
          <cell r="AO1163" t="str">
            <v>MDO OH/KEN C&amp;M</v>
          </cell>
        </row>
        <row r="1164">
          <cell r="F1164">
            <v>75023</v>
          </cell>
          <cell r="Z1164" t="str">
            <v>LIPMD</v>
          </cell>
          <cell r="AN1164" t="str">
            <v>MDO C&amp;M</v>
          </cell>
          <cell r="AO1164" t="str">
            <v>MDO OH/KEN C&amp;M</v>
          </cell>
        </row>
        <row r="1165">
          <cell r="F1165">
            <v>75023</v>
          </cell>
          <cell r="Z1165" t="str">
            <v>LIPMD</v>
          </cell>
          <cell r="AN1165" t="str">
            <v>MDO C&amp;M</v>
          </cell>
          <cell r="AO1165" t="str">
            <v>MDO OH/KEN C&amp;M</v>
          </cell>
        </row>
        <row r="1166">
          <cell r="F1166">
            <v>75023</v>
          </cell>
          <cell r="Z1166" t="str">
            <v>LIPMD</v>
          </cell>
          <cell r="AN1166" t="str">
            <v>MDO C&amp;M</v>
          </cell>
          <cell r="AO1166" t="str">
            <v>MDO OH/KEN C&amp;M</v>
          </cell>
        </row>
        <row r="1167">
          <cell r="F1167">
            <v>75023</v>
          </cell>
          <cell r="Z1167" t="str">
            <v>LIPMD</v>
          </cell>
          <cell r="AN1167" t="str">
            <v>MDO C&amp;M</v>
          </cell>
          <cell r="AO1167" t="str">
            <v>MDO OH/KEN C&amp;M</v>
          </cell>
        </row>
        <row r="1168">
          <cell r="F1168">
            <v>75023</v>
          </cell>
          <cell r="Z1168" t="str">
            <v>LIPMD</v>
          </cell>
          <cell r="AN1168" t="str">
            <v>MDO C&amp;M</v>
          </cell>
          <cell r="AO1168" t="str">
            <v>MDO OH/KEN C&amp;M</v>
          </cell>
        </row>
        <row r="1169">
          <cell r="F1169">
            <v>75023</v>
          </cell>
          <cell r="Z1169" t="str">
            <v>LIPMD</v>
          </cell>
          <cell r="AN1169" t="str">
            <v>MDO C&amp;M</v>
          </cell>
          <cell r="AO1169" t="str">
            <v>MDO OH/KEN C&amp;M</v>
          </cell>
        </row>
        <row r="1170">
          <cell r="F1170">
            <v>75023</v>
          </cell>
          <cell r="Z1170" t="str">
            <v>LIPMD</v>
          </cell>
          <cell r="AN1170" t="str">
            <v>MDO C&amp;M</v>
          </cell>
          <cell r="AO1170" t="str">
            <v>MDO OH/KEN C&amp;M</v>
          </cell>
        </row>
        <row r="1171">
          <cell r="F1171">
            <v>75023</v>
          </cell>
          <cell r="Z1171" t="str">
            <v>LIPMD</v>
          </cell>
          <cell r="AN1171" t="str">
            <v>MDO C&amp;M</v>
          </cell>
          <cell r="AO1171" t="str">
            <v>MDO OH/KEN C&amp;M</v>
          </cell>
        </row>
        <row r="1172">
          <cell r="F1172">
            <v>75023</v>
          </cell>
          <cell r="Z1172" t="str">
            <v>LIPMD</v>
          </cell>
          <cell r="AN1172" t="str">
            <v>MDO C&amp;M</v>
          </cell>
          <cell r="AO1172" t="str">
            <v>MDO OH/KEN C&amp;M</v>
          </cell>
        </row>
        <row r="1173">
          <cell r="F1173">
            <v>75023</v>
          </cell>
          <cell r="Z1173" t="str">
            <v>LIPMD</v>
          </cell>
          <cell r="AN1173" t="str">
            <v>MDO C&amp;M</v>
          </cell>
          <cell r="AO1173" t="str">
            <v>MDO OH/KEN C&amp;M</v>
          </cell>
        </row>
        <row r="1174">
          <cell r="F1174">
            <v>75023</v>
          </cell>
          <cell r="Z1174" t="str">
            <v>LIPMD</v>
          </cell>
          <cell r="AN1174" t="str">
            <v>MDO C&amp;M</v>
          </cell>
          <cell r="AO1174" t="str">
            <v>MDO OH/KEN C&amp;M</v>
          </cell>
        </row>
        <row r="1175">
          <cell r="F1175">
            <v>75023</v>
          </cell>
          <cell r="Z1175" t="str">
            <v>LIPMD</v>
          </cell>
          <cell r="AN1175" t="str">
            <v>MDO C&amp;M</v>
          </cell>
          <cell r="AO1175" t="str">
            <v>MDO OH/KEN C&amp;M</v>
          </cell>
        </row>
        <row r="1176">
          <cell r="F1176">
            <v>75023</v>
          </cell>
          <cell r="Z1176" t="str">
            <v>LIPMD</v>
          </cell>
          <cell r="AN1176" t="str">
            <v>MDO C&amp;M</v>
          </cell>
          <cell r="AO1176" t="str">
            <v>MDO OH/KEN C&amp;M</v>
          </cell>
        </row>
        <row r="1177">
          <cell r="F1177">
            <v>75023</v>
          </cell>
          <cell r="Z1177" t="str">
            <v>LIPMD</v>
          </cell>
          <cell r="AN1177" t="str">
            <v>MDO C&amp;M</v>
          </cell>
          <cell r="AO1177" t="str">
            <v>MDO OH/KEN C&amp;M</v>
          </cell>
        </row>
        <row r="1178">
          <cell r="F1178">
            <v>75023</v>
          </cell>
          <cell r="Z1178" t="str">
            <v>LIPMD</v>
          </cell>
          <cell r="AN1178" t="str">
            <v>MDO C&amp;M</v>
          </cell>
          <cell r="AO1178" t="str">
            <v>MDO OH/KEN C&amp;M</v>
          </cell>
        </row>
        <row r="1179">
          <cell r="F1179">
            <v>75023</v>
          </cell>
          <cell r="Z1179" t="str">
            <v>LIPMD</v>
          </cell>
          <cell r="AN1179" t="str">
            <v>MDO C&amp;M</v>
          </cell>
          <cell r="AO1179" t="str">
            <v>MDO OH/KEN C&amp;M</v>
          </cell>
        </row>
        <row r="1180">
          <cell r="F1180">
            <v>75023</v>
          </cell>
          <cell r="Z1180" t="str">
            <v>LIPMD</v>
          </cell>
          <cell r="AN1180" t="str">
            <v>MDO C&amp;M</v>
          </cell>
          <cell r="AO1180" t="str">
            <v>MDO OH/KEN C&amp;M</v>
          </cell>
        </row>
        <row r="1181">
          <cell r="F1181">
            <v>75023</v>
          </cell>
          <cell r="Z1181" t="str">
            <v>LIPMD</v>
          </cell>
          <cell r="AN1181" t="str">
            <v>MDO C&amp;M</v>
          </cell>
          <cell r="AO1181" t="str">
            <v>MDO OH/KEN C&amp;M</v>
          </cell>
        </row>
        <row r="1182">
          <cell r="F1182">
            <v>75023</v>
          </cell>
          <cell r="Z1182" t="str">
            <v>LIPMD</v>
          </cell>
          <cell r="AN1182" t="str">
            <v>MDO C&amp;M</v>
          </cell>
          <cell r="AO1182" t="str">
            <v>MDO OH/KEN C&amp;M</v>
          </cell>
        </row>
        <row r="1183">
          <cell r="F1183">
            <v>75023</v>
          </cell>
          <cell r="Z1183" t="str">
            <v>LIPMD</v>
          </cell>
          <cell r="AN1183" t="str">
            <v>MDO C&amp;M</v>
          </cell>
          <cell r="AO1183" t="str">
            <v>MDO OH/KEN C&amp;M</v>
          </cell>
        </row>
        <row r="1184">
          <cell r="F1184">
            <v>75023</v>
          </cell>
          <cell r="Z1184" t="str">
            <v>LIPMD</v>
          </cell>
          <cell r="AN1184" t="str">
            <v>MDO C&amp;M</v>
          </cell>
          <cell r="AO1184" t="str">
            <v>MDO OH/KEN C&amp;M</v>
          </cell>
        </row>
        <row r="1185">
          <cell r="F1185">
            <v>75023</v>
          </cell>
          <cell r="Z1185" t="str">
            <v>LIPMD</v>
          </cell>
          <cell r="AN1185" t="str">
            <v>MDO C&amp;M</v>
          </cell>
          <cell r="AO1185" t="str">
            <v>MDO OH/KEN C&amp;M</v>
          </cell>
        </row>
        <row r="1186">
          <cell r="F1186">
            <v>75023</v>
          </cell>
          <cell r="Z1186" t="str">
            <v>LIPMD</v>
          </cell>
          <cell r="AN1186" t="str">
            <v>MDO C&amp;M</v>
          </cell>
          <cell r="AO1186" t="str">
            <v>MDO OH/KEN C&amp;M</v>
          </cell>
        </row>
        <row r="1187">
          <cell r="F1187">
            <v>75023</v>
          </cell>
          <cell r="Z1187" t="str">
            <v>LIPMD</v>
          </cell>
          <cell r="AN1187" t="str">
            <v>MDO C&amp;M</v>
          </cell>
          <cell r="AO1187" t="str">
            <v>MDO OH/KEN C&amp;M</v>
          </cell>
        </row>
        <row r="1188">
          <cell r="F1188">
            <v>75023</v>
          </cell>
          <cell r="Z1188" t="str">
            <v>LIPMD</v>
          </cell>
          <cell r="AN1188" t="str">
            <v>MDO C&amp;M</v>
          </cell>
          <cell r="AO1188" t="str">
            <v>MDO OH/KEN C&amp;M</v>
          </cell>
        </row>
        <row r="1189">
          <cell r="F1189">
            <v>75023</v>
          </cell>
          <cell r="Z1189" t="str">
            <v>LIPMD</v>
          </cell>
          <cell r="AN1189" t="str">
            <v>MDO C&amp;M</v>
          </cell>
          <cell r="AO1189" t="str">
            <v>MDO OH/KEN C&amp;M</v>
          </cell>
        </row>
        <row r="1190">
          <cell r="F1190">
            <v>75023</v>
          </cell>
          <cell r="Z1190" t="str">
            <v>LIPMD</v>
          </cell>
          <cell r="AN1190" t="str">
            <v>MDO C&amp;M</v>
          </cell>
          <cell r="AO1190" t="str">
            <v>MDO OH/KEN C&amp;M</v>
          </cell>
        </row>
        <row r="1191">
          <cell r="F1191">
            <v>75023</v>
          </cell>
          <cell r="Z1191" t="str">
            <v>LIPMD</v>
          </cell>
          <cell r="AN1191" t="str">
            <v>MDO C&amp;M</v>
          </cell>
          <cell r="AO1191" t="str">
            <v>MDO OH/KEN C&amp;M</v>
          </cell>
        </row>
        <row r="1192">
          <cell r="F1192">
            <v>75023</v>
          </cell>
          <cell r="Z1192" t="str">
            <v>LIPMD</v>
          </cell>
          <cell r="AN1192" t="str">
            <v>MDO C&amp;M</v>
          </cell>
          <cell r="AO1192" t="str">
            <v>MDO OH/KEN C&amp;M</v>
          </cell>
        </row>
        <row r="1193">
          <cell r="F1193">
            <v>75023</v>
          </cell>
          <cell r="Z1193" t="str">
            <v>LIPMD</v>
          </cell>
          <cell r="AN1193" t="str">
            <v>MDO C&amp;M</v>
          </cell>
          <cell r="AO1193" t="str">
            <v>MDO OH/KEN C&amp;M</v>
          </cell>
        </row>
        <row r="1194">
          <cell r="F1194">
            <v>75023</v>
          </cell>
          <cell r="Z1194" t="str">
            <v>LIPMD</v>
          </cell>
          <cell r="AN1194" t="str">
            <v>MDO C&amp;M</v>
          </cell>
          <cell r="AO1194" t="str">
            <v>MDO OH/KEN C&amp;M</v>
          </cell>
        </row>
        <row r="1195">
          <cell r="F1195">
            <v>75023</v>
          </cell>
          <cell r="Z1195" t="str">
            <v>LIPMD</v>
          </cell>
          <cell r="AN1195" t="str">
            <v>MDO C&amp;M</v>
          </cell>
          <cell r="AO1195" t="str">
            <v>MDO OH/KEN C&amp;M</v>
          </cell>
        </row>
        <row r="1196">
          <cell r="F1196">
            <v>75023</v>
          </cell>
          <cell r="Z1196" t="str">
            <v>LIPMD</v>
          </cell>
          <cell r="AN1196" t="str">
            <v>MDO C&amp;M</v>
          </cell>
          <cell r="AO1196" t="str">
            <v>MDO OH/KEN C&amp;M</v>
          </cell>
        </row>
        <row r="1197">
          <cell r="F1197">
            <v>75023</v>
          </cell>
          <cell r="Z1197" t="str">
            <v>LIPMD</v>
          </cell>
          <cell r="AN1197" t="str">
            <v>MDO C&amp;M</v>
          </cell>
          <cell r="AO1197" t="str">
            <v>MDO OH/KEN C&amp;M</v>
          </cell>
        </row>
        <row r="1198">
          <cell r="F1198">
            <v>75023</v>
          </cell>
          <cell r="Z1198" t="str">
            <v>LIPMD</v>
          </cell>
          <cell r="AN1198" t="str">
            <v>MDO C&amp;M</v>
          </cell>
          <cell r="AO1198" t="str">
            <v>MDO OH/KEN C&amp;M</v>
          </cell>
        </row>
        <row r="1199">
          <cell r="F1199">
            <v>75023</v>
          </cell>
          <cell r="Z1199" t="str">
            <v>LIPMD</v>
          </cell>
          <cell r="AN1199" t="str">
            <v>MDO C&amp;M</v>
          </cell>
          <cell r="AO1199" t="str">
            <v>MDO OH/KEN C&amp;M</v>
          </cell>
        </row>
        <row r="1200">
          <cell r="F1200">
            <v>75023</v>
          </cell>
          <cell r="Z1200" t="str">
            <v>LIPMD</v>
          </cell>
          <cell r="AN1200" t="str">
            <v>MDO C&amp;M</v>
          </cell>
          <cell r="AO1200" t="str">
            <v>MDO OH/KEN C&amp;M</v>
          </cell>
        </row>
        <row r="1201">
          <cell r="F1201">
            <v>75023</v>
          </cell>
          <cell r="Z1201" t="str">
            <v>LIPMD</v>
          </cell>
          <cell r="AN1201" t="str">
            <v>MDO C&amp;M</v>
          </cell>
          <cell r="AO1201" t="str">
            <v>MDO OH/KEN C&amp;M</v>
          </cell>
        </row>
        <row r="1202">
          <cell r="F1202">
            <v>75023</v>
          </cell>
          <cell r="Z1202" t="str">
            <v>LIPMD</v>
          </cell>
          <cell r="AN1202" t="str">
            <v>MDO C&amp;M</v>
          </cell>
          <cell r="AO1202" t="str">
            <v>MDO OH/KEN C&amp;M</v>
          </cell>
        </row>
        <row r="1203">
          <cell r="F1203">
            <v>75023</v>
          </cell>
          <cell r="Z1203" t="str">
            <v>LIPMD</v>
          </cell>
          <cell r="AN1203" t="str">
            <v>MDO C&amp;M</v>
          </cell>
          <cell r="AO1203" t="str">
            <v>MDO OH/KEN C&amp;M</v>
          </cell>
        </row>
        <row r="1204">
          <cell r="F1204">
            <v>75023</v>
          </cell>
          <cell r="Z1204" t="str">
            <v>LIPMD</v>
          </cell>
          <cell r="AN1204" t="str">
            <v>MDO C&amp;M</v>
          </cell>
          <cell r="AO1204" t="str">
            <v>MDO OH/KEN C&amp;M</v>
          </cell>
        </row>
        <row r="1205">
          <cell r="F1205">
            <v>75023</v>
          </cell>
          <cell r="Z1205" t="str">
            <v>LIPMD</v>
          </cell>
          <cell r="AN1205" t="str">
            <v>MDO C&amp;M</v>
          </cell>
          <cell r="AO1205" t="str">
            <v>MDO OH/KEN C&amp;M</v>
          </cell>
        </row>
        <row r="1206">
          <cell r="F1206">
            <v>75023</v>
          </cell>
          <cell r="Z1206" t="str">
            <v>LIPMD</v>
          </cell>
          <cell r="AN1206" t="str">
            <v>MDO C&amp;M</v>
          </cell>
          <cell r="AO1206" t="str">
            <v>MDO OH/KEN C&amp;M</v>
          </cell>
        </row>
        <row r="1207">
          <cell r="F1207">
            <v>75023</v>
          </cell>
          <cell r="Z1207" t="str">
            <v>LIPMD</v>
          </cell>
          <cell r="AN1207" t="str">
            <v>MDO C&amp;M</v>
          </cell>
          <cell r="AO1207" t="str">
            <v>MDO OH/KEN C&amp;M</v>
          </cell>
        </row>
        <row r="1208">
          <cell r="F1208">
            <v>75023</v>
          </cell>
          <cell r="Z1208" t="str">
            <v>LIPMD</v>
          </cell>
          <cell r="AN1208" t="str">
            <v>MDO C&amp;M</v>
          </cell>
          <cell r="AO1208" t="str">
            <v>MDO OH/KEN C&amp;M</v>
          </cell>
        </row>
        <row r="1209">
          <cell r="F1209">
            <v>75023</v>
          </cell>
          <cell r="Z1209" t="str">
            <v>LIPMD</v>
          </cell>
          <cell r="AN1209" t="str">
            <v>MDO C&amp;M</v>
          </cell>
          <cell r="AO1209" t="str">
            <v>MDO OH/KEN C&amp;M</v>
          </cell>
        </row>
        <row r="1210">
          <cell r="F1210">
            <v>75023</v>
          </cell>
          <cell r="Z1210" t="str">
            <v>LIPMD</v>
          </cell>
          <cell r="AN1210" t="str">
            <v>MDO C&amp;M</v>
          </cell>
          <cell r="AO1210" t="str">
            <v>MDO OH/KEN C&amp;M</v>
          </cell>
        </row>
        <row r="1211">
          <cell r="F1211">
            <v>75023</v>
          </cell>
          <cell r="Z1211" t="str">
            <v>LIPMD</v>
          </cell>
          <cell r="AN1211" t="str">
            <v>MDO C&amp;M</v>
          </cell>
          <cell r="AO1211" t="str">
            <v>MDO OH/KEN C&amp;M</v>
          </cell>
        </row>
        <row r="1212">
          <cell r="F1212">
            <v>75023</v>
          </cell>
          <cell r="Z1212" t="str">
            <v>LIPMD</v>
          </cell>
          <cell r="AN1212" t="str">
            <v>MDO C&amp;M</v>
          </cell>
          <cell r="AO1212" t="str">
            <v>MDO OH/KEN C&amp;M</v>
          </cell>
        </row>
        <row r="1213">
          <cell r="F1213">
            <v>75023</v>
          </cell>
          <cell r="Z1213" t="str">
            <v>LIPMD</v>
          </cell>
          <cell r="AN1213" t="str">
            <v>MDO C&amp;M</v>
          </cell>
          <cell r="AO1213" t="str">
            <v>MDO OH/KEN C&amp;M</v>
          </cell>
        </row>
        <row r="1214">
          <cell r="F1214">
            <v>75023</v>
          </cell>
          <cell r="Z1214" t="str">
            <v>LIPMD</v>
          </cell>
          <cell r="AN1214" t="str">
            <v>MDO C&amp;M</v>
          </cell>
          <cell r="AO1214" t="str">
            <v>MDO OH/KEN C&amp;M</v>
          </cell>
        </row>
        <row r="1215">
          <cell r="F1215">
            <v>75023</v>
          </cell>
          <cell r="Z1215" t="str">
            <v>LIPMD</v>
          </cell>
          <cell r="AN1215" t="str">
            <v>MDO C&amp;M</v>
          </cell>
          <cell r="AO1215" t="str">
            <v>MDO OH/KEN C&amp;M</v>
          </cell>
        </row>
        <row r="1216">
          <cell r="F1216">
            <v>75023</v>
          </cell>
          <cell r="Z1216" t="str">
            <v>LIPMD</v>
          </cell>
          <cell r="AN1216" t="str">
            <v>MDO C&amp;M</v>
          </cell>
          <cell r="AO1216" t="str">
            <v>MDO OH/KEN C&amp;M</v>
          </cell>
        </row>
        <row r="1217">
          <cell r="F1217">
            <v>75023</v>
          </cell>
          <cell r="Z1217" t="str">
            <v>LIPMD</v>
          </cell>
          <cell r="AN1217" t="str">
            <v>MDO C&amp;M</v>
          </cell>
          <cell r="AO1217" t="str">
            <v>MDO OH/KEN C&amp;M</v>
          </cell>
        </row>
        <row r="1218">
          <cell r="F1218">
            <v>75023</v>
          </cell>
          <cell r="Z1218" t="str">
            <v>LIPMD</v>
          </cell>
          <cell r="AN1218" t="str">
            <v>MDO C&amp;M</v>
          </cell>
          <cell r="AO1218" t="str">
            <v>MDO OH/KEN C&amp;M</v>
          </cell>
        </row>
        <row r="1219">
          <cell r="F1219">
            <v>75023</v>
          </cell>
          <cell r="Z1219" t="str">
            <v>LIPMD</v>
          </cell>
          <cell r="AN1219" t="str">
            <v>MDO C&amp;M</v>
          </cell>
          <cell r="AO1219" t="str">
            <v>MDO OH/KEN C&amp;M</v>
          </cell>
        </row>
        <row r="1220">
          <cell r="F1220">
            <v>75023</v>
          </cell>
          <cell r="Z1220" t="str">
            <v>LIPMD</v>
          </cell>
          <cell r="AN1220" t="str">
            <v>MDO C&amp;M</v>
          </cell>
          <cell r="AO1220" t="str">
            <v>MDO OH/KEN C&amp;M</v>
          </cell>
        </row>
        <row r="1221">
          <cell r="F1221">
            <v>75023</v>
          </cell>
          <cell r="Z1221" t="str">
            <v>LIPMD</v>
          </cell>
          <cell r="AN1221" t="str">
            <v>MDO C&amp;M</v>
          </cell>
          <cell r="AO1221" t="str">
            <v>MDO OH/KEN C&amp;M</v>
          </cell>
        </row>
        <row r="1222">
          <cell r="F1222">
            <v>75023</v>
          </cell>
          <cell r="Z1222" t="str">
            <v>LIPMD</v>
          </cell>
          <cell r="AN1222" t="str">
            <v>MDO C&amp;M</v>
          </cell>
          <cell r="AO1222" t="str">
            <v>MDO OH/KEN C&amp;M</v>
          </cell>
        </row>
        <row r="1223">
          <cell r="F1223">
            <v>75023</v>
          </cell>
          <cell r="Z1223" t="str">
            <v>LIPMD</v>
          </cell>
          <cell r="AN1223" t="str">
            <v>MDO C&amp;M</v>
          </cell>
          <cell r="AO1223" t="str">
            <v>MDO OH/KEN C&amp;M</v>
          </cell>
        </row>
        <row r="1224">
          <cell r="F1224">
            <v>75023</v>
          </cell>
          <cell r="Z1224" t="str">
            <v>LIPMD</v>
          </cell>
          <cell r="AN1224" t="str">
            <v>MDO C&amp;M</v>
          </cell>
          <cell r="AO1224" t="str">
            <v>MDO OH/KEN C&amp;M</v>
          </cell>
        </row>
        <row r="1225">
          <cell r="F1225">
            <v>75023</v>
          </cell>
          <cell r="Z1225" t="str">
            <v>LIPMD</v>
          </cell>
          <cell r="AN1225" t="str">
            <v>MDO C&amp;M</v>
          </cell>
          <cell r="AO1225" t="str">
            <v>MDO OH/KEN C&amp;M</v>
          </cell>
        </row>
        <row r="1226">
          <cell r="F1226">
            <v>75023</v>
          </cell>
          <cell r="Z1226" t="str">
            <v>LIPMD</v>
          </cell>
          <cell r="AN1226" t="str">
            <v>MDO C&amp;M</v>
          </cell>
          <cell r="AO1226" t="str">
            <v>MDO OH/KEN C&amp;M</v>
          </cell>
        </row>
        <row r="1227">
          <cell r="F1227">
            <v>75023</v>
          </cell>
          <cell r="Z1227" t="str">
            <v>LIPMD</v>
          </cell>
          <cell r="AN1227" t="str">
            <v>MDO C&amp;M</v>
          </cell>
          <cell r="AO1227" t="str">
            <v>MDO OH/KEN C&amp;M</v>
          </cell>
        </row>
        <row r="1228">
          <cell r="F1228">
            <v>75023</v>
          </cell>
          <cell r="Z1228" t="str">
            <v>LIPMD</v>
          </cell>
          <cell r="AN1228" t="str">
            <v>MDO C&amp;M</v>
          </cell>
          <cell r="AO1228" t="str">
            <v>MDO OH/KEN C&amp;M</v>
          </cell>
        </row>
        <row r="1229">
          <cell r="F1229">
            <v>75023</v>
          </cell>
          <cell r="Z1229" t="str">
            <v>LIPMD</v>
          </cell>
          <cell r="AN1229" t="str">
            <v>MDO C&amp;M</v>
          </cell>
          <cell r="AO1229" t="str">
            <v>MDO OH/KEN C&amp;M</v>
          </cell>
        </row>
        <row r="1230">
          <cell r="F1230">
            <v>75023</v>
          </cell>
          <cell r="Z1230" t="str">
            <v>LIPMD</v>
          </cell>
          <cell r="AN1230" t="str">
            <v>MDO C&amp;M</v>
          </cell>
          <cell r="AO1230" t="str">
            <v>MDO OH/KEN C&amp;M</v>
          </cell>
        </row>
        <row r="1231">
          <cell r="F1231">
            <v>75023</v>
          </cell>
          <cell r="Z1231" t="str">
            <v>LIPMD</v>
          </cell>
          <cell r="AN1231" t="str">
            <v>MDO C&amp;M</v>
          </cell>
          <cell r="AO1231" t="str">
            <v>MDO OH/KEN C&amp;M</v>
          </cell>
        </row>
        <row r="1232">
          <cell r="F1232">
            <v>75023</v>
          </cell>
          <cell r="Z1232" t="str">
            <v>LIPMD</v>
          </cell>
          <cell r="AN1232" t="str">
            <v>MDO C&amp;M</v>
          </cell>
          <cell r="AO1232" t="str">
            <v>MDO OH/KEN C&amp;M</v>
          </cell>
        </row>
        <row r="1233">
          <cell r="F1233">
            <v>75023</v>
          </cell>
          <cell r="Z1233" t="str">
            <v>LIPMD</v>
          </cell>
          <cell r="AN1233" t="str">
            <v>MDO C&amp;M</v>
          </cell>
          <cell r="AO1233" t="str">
            <v>MDO OH/KEN C&amp;M</v>
          </cell>
        </row>
        <row r="1234">
          <cell r="F1234">
            <v>75023</v>
          </cell>
          <cell r="Z1234" t="str">
            <v>LIPMD</v>
          </cell>
          <cell r="AN1234" t="str">
            <v>MDO C&amp;M</v>
          </cell>
          <cell r="AO1234" t="str">
            <v>MDO OH/KEN C&amp;M</v>
          </cell>
        </row>
        <row r="1235">
          <cell r="F1235">
            <v>75023</v>
          </cell>
          <cell r="Z1235" t="str">
            <v>LIPMD</v>
          </cell>
          <cell r="AN1235" t="str">
            <v>MDO C&amp;M</v>
          </cell>
          <cell r="AO1235" t="str">
            <v>MDO OH/KEN C&amp;M</v>
          </cell>
        </row>
        <row r="1236">
          <cell r="F1236">
            <v>75023</v>
          </cell>
          <cell r="Z1236" t="str">
            <v>LIPMD</v>
          </cell>
          <cell r="AN1236" t="str">
            <v>MDO C&amp;M</v>
          </cell>
          <cell r="AO1236" t="str">
            <v>MDO OH/KEN C&amp;M</v>
          </cell>
        </row>
        <row r="1237">
          <cell r="F1237">
            <v>75023</v>
          </cell>
          <cell r="Z1237" t="str">
            <v>LIPMD</v>
          </cell>
          <cell r="AN1237" t="str">
            <v>MDO C&amp;M</v>
          </cell>
          <cell r="AO1237" t="str">
            <v>MDO OH/KEN C&amp;M</v>
          </cell>
        </row>
        <row r="1238">
          <cell r="F1238">
            <v>75023</v>
          </cell>
          <cell r="Z1238" t="str">
            <v>LIPMD</v>
          </cell>
          <cell r="AN1238" t="str">
            <v>MDO C&amp;M</v>
          </cell>
          <cell r="AO1238" t="str">
            <v>MDO OH/KEN C&amp;M</v>
          </cell>
        </row>
        <row r="1239">
          <cell r="F1239">
            <v>75023</v>
          </cell>
          <cell r="Z1239" t="str">
            <v>LIPMD</v>
          </cell>
          <cell r="AN1239" t="str">
            <v>MDO C&amp;M</v>
          </cell>
          <cell r="AO1239" t="str">
            <v>MDO OH/KEN C&amp;M</v>
          </cell>
        </row>
        <row r="1240">
          <cell r="F1240">
            <v>75023</v>
          </cell>
          <cell r="Z1240" t="str">
            <v>LIPMD</v>
          </cell>
          <cell r="AN1240" t="str">
            <v>MDO C&amp;M</v>
          </cell>
          <cell r="AO1240" t="str">
            <v>MDO OH/KEN C&amp;M</v>
          </cell>
        </row>
        <row r="1241">
          <cell r="F1241">
            <v>75023</v>
          </cell>
          <cell r="Z1241" t="str">
            <v>LIPMD</v>
          </cell>
          <cell r="AN1241" t="str">
            <v>MDO C&amp;M</v>
          </cell>
          <cell r="AO1241" t="str">
            <v>MDO OH/KEN C&amp;M</v>
          </cell>
        </row>
        <row r="1242">
          <cell r="F1242">
            <v>75023</v>
          </cell>
          <cell r="Z1242" t="str">
            <v>LIPMD</v>
          </cell>
          <cell r="AN1242" t="str">
            <v>MDO C&amp;M</v>
          </cell>
          <cell r="AO1242" t="str">
            <v>MDO OH/KEN C&amp;M</v>
          </cell>
        </row>
        <row r="1243">
          <cell r="F1243">
            <v>75023</v>
          </cell>
          <cell r="Z1243" t="str">
            <v>LIPMD</v>
          </cell>
          <cell r="AN1243" t="str">
            <v>MDO C&amp;M</v>
          </cell>
          <cell r="AO1243" t="str">
            <v>MDO OH/KEN C&amp;M</v>
          </cell>
        </row>
        <row r="1244">
          <cell r="F1244">
            <v>75023</v>
          </cell>
          <cell r="Z1244" t="str">
            <v>LIPMD</v>
          </cell>
          <cell r="AN1244" t="str">
            <v>MDO C&amp;M</v>
          </cell>
          <cell r="AO1244" t="str">
            <v>MDO OH/KEN C&amp;M</v>
          </cell>
        </row>
        <row r="1245">
          <cell r="F1245">
            <v>75023</v>
          </cell>
          <cell r="Z1245" t="str">
            <v>LIPMD</v>
          </cell>
          <cell r="AN1245" t="str">
            <v>MDO C&amp;M</v>
          </cell>
          <cell r="AO1245" t="str">
            <v>MDO OH/KEN C&amp;M</v>
          </cell>
        </row>
        <row r="1246">
          <cell r="F1246">
            <v>75023</v>
          </cell>
          <cell r="Z1246" t="str">
            <v>LIPMD</v>
          </cell>
          <cell r="AN1246" t="str">
            <v>MDO C&amp;M</v>
          </cell>
          <cell r="AO1246" t="str">
            <v>MDO OH/KEN C&amp;M</v>
          </cell>
        </row>
        <row r="1247">
          <cell r="F1247">
            <v>75023</v>
          </cell>
          <cell r="Z1247" t="str">
            <v>LIPMD</v>
          </cell>
          <cell r="AN1247" t="str">
            <v>MDO C&amp;M</v>
          </cell>
          <cell r="AO1247" t="str">
            <v>MDO OH/KEN C&amp;M</v>
          </cell>
        </row>
        <row r="1248">
          <cell r="F1248">
            <v>75023</v>
          </cell>
          <cell r="Z1248" t="str">
            <v>LIPMD</v>
          </cell>
          <cell r="AN1248" t="str">
            <v>MDO C&amp;M</v>
          </cell>
          <cell r="AO1248" t="str">
            <v>MDO OH/KEN C&amp;M</v>
          </cell>
        </row>
        <row r="1249">
          <cell r="F1249">
            <v>75023</v>
          </cell>
          <cell r="Z1249" t="str">
            <v>LIPMD</v>
          </cell>
          <cell r="AN1249" t="str">
            <v>MDO C&amp;M</v>
          </cell>
          <cell r="AO1249" t="str">
            <v>MDO OH/KEN C&amp;M</v>
          </cell>
        </row>
        <row r="1250">
          <cell r="F1250">
            <v>75023</v>
          </cell>
          <cell r="Z1250" t="str">
            <v>LIPMD</v>
          </cell>
          <cell r="AN1250" t="str">
            <v>MDO C&amp;M</v>
          </cell>
          <cell r="AO1250" t="str">
            <v>MDO OH/KEN C&amp;M</v>
          </cell>
        </row>
        <row r="1251">
          <cell r="F1251">
            <v>75023</v>
          </cell>
          <cell r="Z1251" t="str">
            <v>LIPMD</v>
          </cell>
          <cell r="AN1251" t="str">
            <v>MDO C&amp;M</v>
          </cell>
          <cell r="AO1251" t="str">
            <v>MDO OH/KEN C&amp;M</v>
          </cell>
        </row>
        <row r="1252">
          <cell r="F1252">
            <v>75023</v>
          </cell>
          <cell r="Z1252" t="str">
            <v>LIPMD</v>
          </cell>
          <cell r="AN1252" t="str">
            <v>MDO C&amp;M</v>
          </cell>
          <cell r="AO1252" t="str">
            <v>MDO OH/KEN C&amp;M</v>
          </cell>
        </row>
        <row r="1253">
          <cell r="F1253">
            <v>75023</v>
          </cell>
          <cell r="Z1253" t="str">
            <v>LIPMD</v>
          </cell>
          <cell r="AN1253" t="str">
            <v>MDO C&amp;M</v>
          </cell>
          <cell r="AO1253" t="str">
            <v>MDO OH/KEN C&amp;M</v>
          </cell>
        </row>
        <row r="1254">
          <cell r="F1254">
            <v>75023</v>
          </cell>
          <cell r="Z1254" t="str">
            <v>LIPMD</v>
          </cell>
          <cell r="AN1254" t="str">
            <v>MDO C&amp;M</v>
          </cell>
          <cell r="AO1254" t="str">
            <v>MDO OH/KEN C&amp;M</v>
          </cell>
        </row>
        <row r="1255">
          <cell r="F1255">
            <v>75023</v>
          </cell>
          <cell r="Z1255" t="str">
            <v>LIPMD</v>
          </cell>
          <cell r="AN1255" t="str">
            <v>MDO C&amp;M</v>
          </cell>
          <cell r="AO1255" t="str">
            <v>MDO OH/KEN C&amp;M</v>
          </cell>
        </row>
        <row r="1256">
          <cell r="F1256">
            <v>75023</v>
          </cell>
          <cell r="Z1256" t="str">
            <v>LIPMD</v>
          </cell>
          <cell r="AN1256" t="str">
            <v>MDO C&amp;M</v>
          </cell>
          <cell r="AO1256" t="str">
            <v>MDO OH/KEN C&amp;M</v>
          </cell>
        </row>
        <row r="1257">
          <cell r="F1257">
            <v>75023</v>
          </cell>
          <cell r="Z1257" t="str">
            <v>LIPMD</v>
          </cell>
          <cell r="AN1257" t="str">
            <v>MDO C&amp;M</v>
          </cell>
          <cell r="AO1257" t="str">
            <v>MDO OH/KEN C&amp;M</v>
          </cell>
        </row>
        <row r="1258">
          <cell r="F1258">
            <v>75023</v>
          </cell>
          <cell r="Z1258" t="str">
            <v>LIPMD</v>
          </cell>
          <cell r="AN1258" t="str">
            <v>MDO C&amp;M</v>
          </cell>
          <cell r="AO1258" t="str">
            <v>MDO OH/KEN C&amp;M</v>
          </cell>
        </row>
        <row r="1259">
          <cell r="F1259">
            <v>75023</v>
          </cell>
          <cell r="Z1259" t="str">
            <v>LIPMD</v>
          </cell>
          <cell r="AN1259" t="str">
            <v>MDO C&amp;M</v>
          </cell>
          <cell r="AO1259" t="str">
            <v>MDO OH/KEN C&amp;M</v>
          </cell>
        </row>
        <row r="1260">
          <cell r="F1260">
            <v>75023</v>
          </cell>
          <cell r="Z1260" t="str">
            <v>LIPMD</v>
          </cell>
          <cell r="AN1260" t="str">
            <v>MDO C&amp;M</v>
          </cell>
          <cell r="AO1260" t="str">
            <v>MDO OH/KEN C&amp;M</v>
          </cell>
        </row>
        <row r="1261">
          <cell r="F1261">
            <v>75023</v>
          </cell>
          <cell r="Z1261" t="str">
            <v>LIPMD</v>
          </cell>
          <cell r="AN1261" t="str">
            <v>MDO C&amp;M</v>
          </cell>
          <cell r="AO1261" t="str">
            <v>MDO OH/KEN C&amp;M</v>
          </cell>
        </row>
        <row r="1262">
          <cell r="F1262">
            <v>75023</v>
          </cell>
          <cell r="Z1262" t="str">
            <v>LIPMD</v>
          </cell>
          <cell r="AN1262" t="str">
            <v>MDO C&amp;M</v>
          </cell>
          <cell r="AO1262" t="str">
            <v>MDO OH/KEN C&amp;M</v>
          </cell>
        </row>
        <row r="1263">
          <cell r="F1263">
            <v>75023</v>
          </cell>
          <cell r="Z1263" t="str">
            <v>LIPMD</v>
          </cell>
          <cell r="AN1263" t="str">
            <v>MDO C&amp;M</v>
          </cell>
          <cell r="AO1263" t="str">
            <v>MDO OH/KEN C&amp;M</v>
          </cell>
        </row>
        <row r="1264">
          <cell r="F1264">
            <v>75023</v>
          </cell>
          <cell r="Z1264" t="str">
            <v>LIPMD</v>
          </cell>
          <cell r="AN1264" t="str">
            <v>MDO C&amp;M</v>
          </cell>
          <cell r="AO1264" t="str">
            <v>MDO OH/KEN C&amp;M</v>
          </cell>
        </row>
        <row r="1265">
          <cell r="F1265">
            <v>75023</v>
          </cell>
          <cell r="Z1265" t="str">
            <v>LIPMD</v>
          </cell>
          <cell r="AN1265" t="str">
            <v>MDO C&amp;M</v>
          </cell>
          <cell r="AO1265" t="str">
            <v>MDO OH/KEN C&amp;M</v>
          </cell>
        </row>
        <row r="1266">
          <cell r="F1266">
            <v>75023</v>
          </cell>
          <cell r="Z1266" t="str">
            <v>LIPMD</v>
          </cell>
          <cell r="AN1266" t="str">
            <v>MDO C&amp;M</v>
          </cell>
          <cell r="AO1266" t="str">
            <v>MDO OH/KEN C&amp;M</v>
          </cell>
        </row>
        <row r="1267">
          <cell r="F1267">
            <v>75023</v>
          </cell>
          <cell r="Z1267" t="str">
            <v>LIPMD</v>
          </cell>
          <cell r="AN1267" t="str">
            <v>MDO C&amp;M</v>
          </cell>
          <cell r="AO1267" t="str">
            <v>MDO OH/KEN C&amp;M</v>
          </cell>
        </row>
        <row r="1268">
          <cell r="F1268">
            <v>75023</v>
          </cell>
          <cell r="Z1268" t="str">
            <v>LIPMD</v>
          </cell>
          <cell r="AN1268" t="str">
            <v>MDO C&amp;M</v>
          </cell>
          <cell r="AO1268" t="str">
            <v>MDO OH/KEN C&amp;M</v>
          </cell>
        </row>
        <row r="1269">
          <cell r="F1269">
            <v>75023</v>
          </cell>
          <cell r="Z1269" t="str">
            <v>LIPMD</v>
          </cell>
          <cell r="AN1269" t="str">
            <v>MDO C&amp;M</v>
          </cell>
          <cell r="AO1269" t="str">
            <v>MDO OH/KEN C&amp;M</v>
          </cell>
        </row>
        <row r="1270">
          <cell r="F1270">
            <v>75023</v>
          </cell>
          <cell r="Z1270" t="str">
            <v>LIPMD</v>
          </cell>
          <cell r="AN1270" t="str">
            <v>MDO C&amp;M</v>
          </cell>
          <cell r="AO1270" t="str">
            <v>MDO OH/KEN C&amp;M</v>
          </cell>
        </row>
        <row r="1271">
          <cell r="F1271">
            <v>75023</v>
          </cell>
          <cell r="Z1271" t="str">
            <v>LIPMD</v>
          </cell>
          <cell r="AN1271" t="str">
            <v>MDO C&amp;M</v>
          </cell>
          <cell r="AO1271" t="str">
            <v>MDO OH/KEN C&amp;M</v>
          </cell>
        </row>
        <row r="1272">
          <cell r="F1272">
            <v>75023</v>
          </cell>
          <cell r="Z1272" t="str">
            <v>LIPMD</v>
          </cell>
          <cell r="AN1272" t="str">
            <v>MDO C&amp;M</v>
          </cell>
          <cell r="AO1272" t="str">
            <v>MDO OH/KEN C&amp;M</v>
          </cell>
        </row>
        <row r="1273">
          <cell r="F1273">
            <v>75023</v>
          </cell>
          <cell r="Z1273" t="str">
            <v>LIPMD</v>
          </cell>
          <cell r="AN1273" t="str">
            <v>MDO C&amp;M</v>
          </cell>
          <cell r="AO1273" t="str">
            <v>MDO OH/KEN C&amp;M</v>
          </cell>
        </row>
        <row r="1274">
          <cell r="F1274">
            <v>75023</v>
          </cell>
          <cell r="Z1274" t="str">
            <v>LIPMD</v>
          </cell>
          <cell r="AN1274" t="str">
            <v>MDO C&amp;M</v>
          </cell>
          <cell r="AO1274" t="str">
            <v>MDO OH/KEN C&amp;M</v>
          </cell>
        </row>
        <row r="1275">
          <cell r="F1275">
            <v>75023</v>
          </cell>
          <cell r="Z1275" t="str">
            <v>LIPMD</v>
          </cell>
          <cell r="AN1275" t="str">
            <v>MDO C&amp;M</v>
          </cell>
          <cell r="AO1275" t="str">
            <v>MDO OH/KEN C&amp;M</v>
          </cell>
        </row>
        <row r="1276">
          <cell r="F1276">
            <v>75023</v>
          </cell>
          <cell r="Z1276" t="str">
            <v>LIPMD</v>
          </cell>
          <cell r="AN1276" t="str">
            <v>MDO C&amp;M</v>
          </cell>
          <cell r="AO1276" t="str">
            <v>MDO OH/KEN C&amp;M</v>
          </cell>
        </row>
        <row r="1277">
          <cell r="F1277">
            <v>75023</v>
          </cell>
          <cell r="Z1277" t="str">
            <v>LIPMD</v>
          </cell>
          <cell r="AN1277" t="str">
            <v>MDO C&amp;M</v>
          </cell>
          <cell r="AO1277" t="str">
            <v>MDO OH/KEN C&amp;M</v>
          </cell>
        </row>
        <row r="1278">
          <cell r="F1278">
            <v>75023</v>
          </cell>
          <cell r="Z1278" t="str">
            <v>LIPMD</v>
          </cell>
          <cell r="AN1278" t="str">
            <v>MDO C&amp;M</v>
          </cell>
          <cell r="AO1278" t="str">
            <v>MDO OH/KEN C&amp;M</v>
          </cell>
        </row>
        <row r="1279">
          <cell r="F1279">
            <v>75023</v>
          </cell>
          <cell r="Z1279" t="str">
            <v>LIPMD</v>
          </cell>
          <cell r="AN1279" t="str">
            <v>MDO C&amp;M</v>
          </cell>
          <cell r="AO1279" t="str">
            <v>MDO OH/KEN C&amp;M</v>
          </cell>
        </row>
        <row r="1280">
          <cell r="F1280">
            <v>75023</v>
          </cell>
          <cell r="Z1280" t="str">
            <v>LIPMD</v>
          </cell>
          <cell r="AN1280" t="str">
            <v>MDO C&amp;M</v>
          </cell>
          <cell r="AO1280" t="str">
            <v>MDO OH/KEN C&amp;M</v>
          </cell>
        </row>
        <row r="1281">
          <cell r="F1281">
            <v>75023</v>
          </cell>
          <cell r="Z1281" t="str">
            <v>LIPMD</v>
          </cell>
          <cell r="AN1281" t="str">
            <v>MDO C&amp;M</v>
          </cell>
          <cell r="AO1281" t="str">
            <v>MDO OH/KEN C&amp;M</v>
          </cell>
        </row>
        <row r="1282">
          <cell r="F1282">
            <v>75023</v>
          </cell>
          <cell r="Z1282" t="str">
            <v>LIPMD</v>
          </cell>
          <cell r="AN1282" t="str">
            <v>MDO C&amp;M</v>
          </cell>
          <cell r="AO1282" t="str">
            <v>MDO OH/KEN C&amp;M</v>
          </cell>
        </row>
        <row r="1283">
          <cell r="F1283">
            <v>75023</v>
          </cell>
          <cell r="Z1283" t="str">
            <v>LIPMD</v>
          </cell>
          <cell r="AN1283" t="str">
            <v>MDO C&amp;M</v>
          </cell>
          <cell r="AO1283" t="str">
            <v>MDO OH/KEN C&amp;M</v>
          </cell>
        </row>
        <row r="1284">
          <cell r="F1284">
            <v>75023</v>
          </cell>
          <cell r="Z1284" t="str">
            <v>LIPMD</v>
          </cell>
          <cell r="AN1284" t="str">
            <v>MDO C&amp;M</v>
          </cell>
          <cell r="AO1284" t="str">
            <v>MDO OH/KEN C&amp;M</v>
          </cell>
        </row>
        <row r="1285">
          <cell r="F1285">
            <v>75023</v>
          </cell>
          <cell r="Z1285" t="str">
            <v>LIPMD</v>
          </cell>
          <cell r="AN1285" t="str">
            <v>MDO C&amp;M</v>
          </cell>
          <cell r="AO1285" t="str">
            <v>MDO OH/KEN C&amp;M</v>
          </cell>
        </row>
        <row r="1286">
          <cell r="F1286">
            <v>75023</v>
          </cell>
          <cell r="Z1286" t="str">
            <v>LIPMD</v>
          </cell>
          <cell r="AN1286" t="str">
            <v>MDO C&amp;M</v>
          </cell>
          <cell r="AO1286" t="str">
            <v>MDO OH/KEN C&amp;M</v>
          </cell>
        </row>
        <row r="1287">
          <cell r="F1287">
            <v>75023</v>
          </cell>
          <cell r="Z1287" t="str">
            <v>LIPMD</v>
          </cell>
          <cell r="AN1287" t="str">
            <v>MDO C&amp;M</v>
          </cell>
          <cell r="AO1287" t="str">
            <v>MDO OH/KEN C&amp;M</v>
          </cell>
        </row>
        <row r="1288">
          <cell r="F1288">
            <v>75023</v>
          </cell>
          <cell r="Z1288" t="str">
            <v>LIPMD</v>
          </cell>
          <cell r="AN1288" t="str">
            <v>MDO C&amp;M</v>
          </cell>
          <cell r="AO1288" t="str">
            <v>MDO OH/KEN C&amp;M</v>
          </cell>
        </row>
        <row r="1289">
          <cell r="F1289">
            <v>75023</v>
          </cell>
          <cell r="Z1289" t="str">
            <v>LIPMD</v>
          </cell>
          <cell r="AN1289" t="str">
            <v>MDO C&amp;M</v>
          </cell>
          <cell r="AO1289" t="str">
            <v>MDO OH/KEN C&amp;M</v>
          </cell>
        </row>
        <row r="1290">
          <cell r="F1290">
            <v>75023</v>
          </cell>
          <cell r="Z1290" t="str">
            <v>LIPMD</v>
          </cell>
          <cell r="AN1290" t="str">
            <v>MDO C&amp;M</v>
          </cell>
          <cell r="AO1290" t="str">
            <v>MDO OH/KEN C&amp;M</v>
          </cell>
        </row>
        <row r="1291">
          <cell r="F1291">
            <v>75023</v>
          </cell>
          <cell r="Z1291" t="str">
            <v>LIPMD</v>
          </cell>
          <cell r="AN1291" t="str">
            <v>MDO C&amp;M</v>
          </cell>
          <cell r="AO1291" t="str">
            <v>MDO OH/KEN C&amp;M</v>
          </cell>
        </row>
        <row r="1292">
          <cell r="F1292">
            <v>75023</v>
          </cell>
          <cell r="Z1292" t="str">
            <v>LIPMD</v>
          </cell>
          <cell r="AN1292" t="str">
            <v>MDO C&amp;M</v>
          </cell>
          <cell r="AO1292" t="str">
            <v>MDO OH/KEN C&amp;M</v>
          </cell>
        </row>
        <row r="1293">
          <cell r="F1293">
            <v>75023</v>
          </cell>
          <cell r="Z1293" t="str">
            <v>LIPMD</v>
          </cell>
          <cell r="AN1293" t="str">
            <v>MDO C&amp;M</v>
          </cell>
          <cell r="AO1293" t="str">
            <v>MDO OH/KEN C&amp;M</v>
          </cell>
        </row>
        <row r="1294">
          <cell r="F1294">
            <v>75023</v>
          </cell>
          <cell r="Z1294" t="str">
            <v>LIPMD</v>
          </cell>
          <cell r="AN1294" t="str">
            <v>MDO C&amp;M</v>
          </cell>
          <cell r="AO1294" t="str">
            <v>MDO OH/KEN C&amp;M</v>
          </cell>
        </row>
        <row r="1295">
          <cell r="F1295">
            <v>75023</v>
          </cell>
          <cell r="Z1295" t="str">
            <v>LIPMD</v>
          </cell>
          <cell r="AN1295" t="str">
            <v>MDO C&amp;M</v>
          </cell>
          <cell r="AO1295" t="str">
            <v>MDO OH/KEN C&amp;M</v>
          </cell>
        </row>
        <row r="1296">
          <cell r="F1296">
            <v>75023</v>
          </cell>
          <cell r="Z1296" t="str">
            <v>LIPMD</v>
          </cell>
          <cell r="AN1296" t="str">
            <v>MDO C&amp;M</v>
          </cell>
          <cell r="AO1296" t="str">
            <v>MDO OH/KEN C&amp;M</v>
          </cell>
        </row>
        <row r="1297">
          <cell r="F1297">
            <v>75023</v>
          </cell>
          <cell r="Z1297" t="str">
            <v>LIPMD</v>
          </cell>
          <cell r="AN1297" t="str">
            <v>MDO C&amp;M</v>
          </cell>
          <cell r="AO1297" t="str">
            <v>MDO OH/KEN C&amp;M</v>
          </cell>
        </row>
        <row r="1298">
          <cell r="F1298">
            <v>75023</v>
          </cell>
          <cell r="Z1298" t="str">
            <v>LIPMD</v>
          </cell>
          <cell r="AN1298" t="str">
            <v>MDO C&amp;M</v>
          </cell>
          <cell r="AO1298" t="str">
            <v>MDO OH/KEN C&amp;M</v>
          </cell>
        </row>
        <row r="1299">
          <cell r="F1299">
            <v>75023</v>
          </cell>
          <cell r="Z1299" t="str">
            <v>LIPMD</v>
          </cell>
          <cell r="AN1299" t="str">
            <v>MDO C&amp;M</v>
          </cell>
          <cell r="AO1299" t="str">
            <v>MDO OH/KEN C&amp;M</v>
          </cell>
        </row>
        <row r="1300">
          <cell r="F1300">
            <v>75084</v>
          </cell>
          <cell r="Z1300" t="str">
            <v>LIPMD</v>
          </cell>
          <cell r="AN1300" t="str">
            <v>MDO C&amp;M</v>
          </cell>
          <cell r="AO1300" t="str">
            <v>MDO OH/KEN C&amp;M</v>
          </cell>
        </row>
        <row r="1301">
          <cell r="F1301">
            <v>75084</v>
          </cell>
          <cell r="Z1301" t="str">
            <v>LIPMD</v>
          </cell>
          <cell r="AN1301" t="str">
            <v>MDO C&amp;M</v>
          </cell>
          <cell r="AO1301" t="str">
            <v>MDO OH/KEN C&amp;M</v>
          </cell>
        </row>
        <row r="1302">
          <cell r="F1302">
            <v>75084</v>
          </cell>
          <cell r="Z1302" t="str">
            <v>LIPMD</v>
          </cell>
          <cell r="AN1302" t="str">
            <v>MDO C&amp;M</v>
          </cell>
          <cell r="AO1302" t="str">
            <v>MDO OH/KEN C&amp;M</v>
          </cell>
        </row>
        <row r="1303">
          <cell r="F1303">
            <v>75084</v>
          </cell>
          <cell r="Z1303" t="str">
            <v>LIPMD</v>
          </cell>
          <cell r="AN1303" t="str">
            <v>MDO C&amp;M</v>
          </cell>
          <cell r="AO1303" t="str">
            <v>MDO OH/KEN C&amp;M</v>
          </cell>
        </row>
        <row r="1304">
          <cell r="F1304">
            <v>75084</v>
          </cell>
          <cell r="Z1304" t="str">
            <v>LIPMD</v>
          </cell>
          <cell r="AN1304" t="str">
            <v>MDO C&amp;M</v>
          </cell>
          <cell r="AO1304" t="str">
            <v>MDO OH/KEN C&amp;M</v>
          </cell>
        </row>
        <row r="1305">
          <cell r="F1305">
            <v>75084</v>
          </cell>
          <cell r="Z1305" t="str">
            <v>LIPMD</v>
          </cell>
          <cell r="AN1305" t="str">
            <v>MDO C&amp;M</v>
          </cell>
          <cell r="AO1305" t="str">
            <v>MDO OH/KEN C&amp;M</v>
          </cell>
        </row>
        <row r="1306">
          <cell r="F1306">
            <v>75084</v>
          </cell>
          <cell r="Z1306" t="str">
            <v>LIPMD</v>
          </cell>
          <cell r="AN1306" t="str">
            <v>MDO C&amp;M</v>
          </cell>
          <cell r="AO1306" t="str">
            <v>MDO OH/KEN C&amp;M</v>
          </cell>
        </row>
        <row r="1307">
          <cell r="F1307">
            <v>75084</v>
          </cell>
          <cell r="Z1307" t="str">
            <v>LIPMD</v>
          </cell>
          <cell r="AN1307" t="str">
            <v>MDO C&amp;M</v>
          </cell>
          <cell r="AO1307" t="str">
            <v>MDO OH/KEN C&amp;M</v>
          </cell>
        </row>
        <row r="1308">
          <cell r="F1308">
            <v>75084</v>
          </cell>
          <cell r="Z1308" t="str">
            <v>LIPMD</v>
          </cell>
          <cell r="AN1308" t="str">
            <v>MDO C&amp;M</v>
          </cell>
          <cell r="AO1308" t="str">
            <v>MDO OH/KEN C&amp;M</v>
          </cell>
        </row>
        <row r="1309">
          <cell r="F1309">
            <v>75084</v>
          </cell>
          <cell r="Z1309" t="str">
            <v>LIPMD</v>
          </cell>
          <cell r="AN1309" t="str">
            <v>MDO C&amp;M</v>
          </cell>
          <cell r="AO1309" t="str">
            <v>MDO OH/KEN C&amp;M</v>
          </cell>
        </row>
        <row r="1310">
          <cell r="F1310">
            <v>75084</v>
          </cell>
          <cell r="Z1310" t="str">
            <v>LIPMD</v>
          </cell>
          <cell r="AN1310" t="str">
            <v>MDO C&amp;M</v>
          </cell>
          <cell r="AO1310" t="str">
            <v>MDO OH/KEN C&amp;M</v>
          </cell>
        </row>
        <row r="1311">
          <cell r="F1311">
            <v>75084</v>
          </cell>
          <cell r="Z1311" t="str">
            <v>LIPMD</v>
          </cell>
          <cell r="AN1311" t="str">
            <v>MDO C&amp;M</v>
          </cell>
          <cell r="AO1311" t="str">
            <v>MDO OH/KEN C&amp;M</v>
          </cell>
        </row>
        <row r="1312">
          <cell r="F1312">
            <v>75084</v>
          </cell>
          <cell r="Z1312" t="str">
            <v>LIPMD</v>
          </cell>
          <cell r="AN1312" t="str">
            <v>MDO C&amp;M</v>
          </cell>
          <cell r="AO1312" t="str">
            <v>MDO OH/KEN C&amp;M</v>
          </cell>
        </row>
        <row r="1313">
          <cell r="F1313">
            <v>75084</v>
          </cell>
          <cell r="Z1313" t="str">
            <v>LIPMD</v>
          </cell>
          <cell r="AN1313" t="str">
            <v>MDO C&amp;M</v>
          </cell>
          <cell r="AO1313" t="str">
            <v>MDO OH/KEN C&amp;M</v>
          </cell>
        </row>
        <row r="1314">
          <cell r="F1314">
            <v>75084</v>
          </cell>
          <cell r="Z1314" t="str">
            <v>LIPMD</v>
          </cell>
          <cell r="AN1314" t="str">
            <v>MDO C&amp;M</v>
          </cell>
          <cell r="AO1314" t="str">
            <v>MDO OH/KEN C&amp;M</v>
          </cell>
        </row>
        <row r="1315">
          <cell r="F1315">
            <v>75084</v>
          </cell>
          <cell r="Z1315" t="str">
            <v>LIPMD</v>
          </cell>
          <cell r="AN1315" t="str">
            <v>MDO C&amp;M</v>
          </cell>
          <cell r="AO1315" t="str">
            <v>MDO OH/KEN C&amp;M</v>
          </cell>
        </row>
        <row r="1316">
          <cell r="F1316">
            <v>75084</v>
          </cell>
          <cell r="Z1316" t="str">
            <v>LIPMD</v>
          </cell>
          <cell r="AN1316" t="str">
            <v>MDO C&amp;M</v>
          </cell>
          <cell r="AO1316" t="str">
            <v>MDO OH/KEN C&amp;M</v>
          </cell>
        </row>
        <row r="1317">
          <cell r="F1317">
            <v>75084</v>
          </cell>
          <cell r="Z1317" t="str">
            <v>LIPMD</v>
          </cell>
          <cell r="AN1317" t="str">
            <v>MDO C&amp;M</v>
          </cell>
          <cell r="AO1317" t="str">
            <v>MDO OH/KEN C&amp;M</v>
          </cell>
        </row>
        <row r="1318">
          <cell r="F1318">
            <v>75084</v>
          </cell>
          <cell r="Z1318" t="str">
            <v>LIPMD</v>
          </cell>
          <cell r="AN1318" t="str">
            <v>MDO C&amp;M</v>
          </cell>
          <cell r="AO1318" t="str">
            <v>MDO OH/KEN C&amp;M</v>
          </cell>
        </row>
        <row r="1319">
          <cell r="F1319">
            <v>75084</v>
          </cell>
          <cell r="Z1319" t="str">
            <v>LIPMD</v>
          </cell>
          <cell r="AN1319" t="str">
            <v>MDO C&amp;M</v>
          </cell>
          <cell r="AO1319" t="str">
            <v>MDO OH/KEN C&amp;M</v>
          </cell>
        </row>
        <row r="1320">
          <cell r="F1320">
            <v>75084</v>
          </cell>
          <cell r="Z1320" t="str">
            <v>LIPMD</v>
          </cell>
          <cell r="AN1320" t="str">
            <v>MDO C&amp;M</v>
          </cell>
          <cell r="AO1320" t="str">
            <v>MDO OH/KEN C&amp;M</v>
          </cell>
        </row>
        <row r="1321">
          <cell r="F1321">
            <v>75084</v>
          </cell>
          <cell r="Z1321" t="str">
            <v>LIPMD</v>
          </cell>
          <cell r="AN1321" t="str">
            <v>MDO C&amp;M</v>
          </cell>
          <cell r="AO1321" t="str">
            <v>MDO OH/KEN C&amp;M</v>
          </cell>
        </row>
        <row r="1322">
          <cell r="F1322">
            <v>75084</v>
          </cell>
          <cell r="Z1322" t="str">
            <v>LIPMD</v>
          </cell>
          <cell r="AN1322" t="str">
            <v>MDO C&amp;M</v>
          </cell>
          <cell r="AO1322" t="str">
            <v>MDO OH/KEN C&amp;M</v>
          </cell>
        </row>
        <row r="1323">
          <cell r="F1323">
            <v>75084</v>
          </cell>
          <cell r="Z1323" t="str">
            <v>LIPMD</v>
          </cell>
          <cell r="AN1323" t="str">
            <v>MDO C&amp;M</v>
          </cell>
          <cell r="AO1323" t="str">
            <v>MDO OH/KEN C&amp;M</v>
          </cell>
        </row>
        <row r="1324">
          <cell r="F1324">
            <v>75084</v>
          </cell>
          <cell r="Z1324" t="str">
            <v>LIPMD</v>
          </cell>
          <cell r="AN1324" t="str">
            <v>MDO C&amp;M</v>
          </cell>
          <cell r="AO1324" t="str">
            <v>MDO OH/KEN C&amp;M</v>
          </cell>
        </row>
        <row r="1325">
          <cell r="F1325">
            <v>75084</v>
          </cell>
          <cell r="Z1325" t="str">
            <v>LIPMD</v>
          </cell>
          <cell r="AN1325" t="str">
            <v>MDO C&amp;M</v>
          </cell>
          <cell r="AO1325" t="str">
            <v>MDO OH/KEN C&amp;M</v>
          </cell>
        </row>
        <row r="1326">
          <cell r="F1326">
            <v>75084</v>
          </cell>
          <cell r="Z1326" t="str">
            <v>LIPMD</v>
          </cell>
          <cell r="AN1326" t="str">
            <v>MDO C&amp;M</v>
          </cell>
          <cell r="AO1326" t="str">
            <v>MDO OH/KEN C&amp;M</v>
          </cell>
        </row>
        <row r="1327">
          <cell r="F1327">
            <v>75084</v>
          </cell>
          <cell r="Z1327" t="str">
            <v>LIPMD</v>
          </cell>
          <cell r="AN1327" t="str">
            <v>MDO C&amp;M</v>
          </cell>
          <cell r="AO1327" t="str">
            <v>MDO OH/KEN C&amp;M</v>
          </cell>
        </row>
        <row r="1328">
          <cell r="F1328">
            <v>75084</v>
          </cell>
          <cell r="Z1328" t="str">
            <v>LIPMD</v>
          </cell>
          <cell r="AN1328" t="str">
            <v>MDO C&amp;M</v>
          </cell>
          <cell r="AO1328" t="str">
            <v>MDO OH/KEN C&amp;M</v>
          </cell>
        </row>
        <row r="1329">
          <cell r="F1329">
            <v>75084</v>
          </cell>
          <cell r="Z1329" t="str">
            <v>LIPMD</v>
          </cell>
          <cell r="AN1329" t="str">
            <v>MDO C&amp;M</v>
          </cell>
          <cell r="AO1329" t="str">
            <v>MDO OH/KEN C&amp;M</v>
          </cell>
        </row>
        <row r="1330">
          <cell r="F1330">
            <v>75084</v>
          </cell>
          <cell r="Z1330" t="str">
            <v>LIPMD</v>
          </cell>
          <cell r="AN1330" t="str">
            <v>MDO C&amp;M</v>
          </cell>
          <cell r="AO1330" t="str">
            <v>MDO OH/KEN C&amp;M</v>
          </cell>
        </row>
        <row r="1331">
          <cell r="F1331">
            <v>75084</v>
          </cell>
          <cell r="Z1331" t="str">
            <v>LIPMD</v>
          </cell>
          <cell r="AN1331" t="str">
            <v>MDO C&amp;M</v>
          </cell>
          <cell r="AO1331" t="str">
            <v>MDO OH/KEN C&amp;M</v>
          </cell>
        </row>
        <row r="1332">
          <cell r="F1332">
            <v>75084</v>
          </cell>
          <cell r="Z1332" t="str">
            <v>LIPMD</v>
          </cell>
          <cell r="AN1332" t="str">
            <v>MDO C&amp;M</v>
          </cell>
          <cell r="AO1332" t="str">
            <v>MDO OH/KEN C&amp;M</v>
          </cell>
        </row>
        <row r="1333">
          <cell r="F1333">
            <v>75084</v>
          </cell>
          <cell r="Z1333" t="str">
            <v>LIPMD</v>
          </cell>
          <cell r="AN1333" t="str">
            <v>MDO C&amp;M</v>
          </cell>
          <cell r="AO1333" t="str">
            <v>MDO OH/KEN C&amp;M</v>
          </cell>
        </row>
        <row r="1334">
          <cell r="F1334">
            <v>75084</v>
          </cell>
          <cell r="Z1334" t="str">
            <v>LIPMD</v>
          </cell>
          <cell r="AN1334" t="str">
            <v>MDO C&amp;M</v>
          </cell>
          <cell r="AO1334" t="str">
            <v>MDO OH/KEN C&amp;M</v>
          </cell>
        </row>
        <row r="1335">
          <cell r="F1335">
            <v>75084</v>
          </cell>
          <cell r="Z1335" t="str">
            <v>LIPMD</v>
          </cell>
          <cell r="AN1335" t="str">
            <v>MDO C&amp;M</v>
          </cell>
          <cell r="AO1335" t="str">
            <v>MDO OH/KEN C&amp;M</v>
          </cell>
        </row>
        <row r="1336">
          <cell r="F1336">
            <v>75084</v>
          </cell>
          <cell r="Z1336" t="str">
            <v>LIPMD</v>
          </cell>
          <cell r="AN1336" t="str">
            <v>MDO C&amp;M</v>
          </cell>
          <cell r="AO1336" t="str">
            <v>MDO OH/KEN C&amp;M</v>
          </cell>
        </row>
        <row r="1337">
          <cell r="F1337">
            <v>75084</v>
          </cell>
          <cell r="Z1337" t="str">
            <v>LIPMD</v>
          </cell>
          <cell r="AN1337" t="str">
            <v>MDO C&amp;M</v>
          </cell>
          <cell r="AO1337" t="str">
            <v>MDO OH/KEN C&amp;M</v>
          </cell>
        </row>
        <row r="1338">
          <cell r="F1338">
            <v>75084</v>
          </cell>
          <cell r="Z1338" t="str">
            <v>LIPMD</v>
          </cell>
          <cell r="AN1338" t="str">
            <v>MDO C&amp;M</v>
          </cell>
          <cell r="AO1338" t="str">
            <v>MDO OH/KEN C&amp;M</v>
          </cell>
        </row>
        <row r="1339">
          <cell r="F1339">
            <v>75084</v>
          </cell>
          <cell r="Z1339" t="str">
            <v>LIPMD</v>
          </cell>
          <cell r="AN1339" t="str">
            <v>MDO C&amp;M</v>
          </cell>
          <cell r="AO1339" t="str">
            <v>MDO OH/KEN C&amp;M</v>
          </cell>
        </row>
        <row r="1340">
          <cell r="F1340">
            <v>75084</v>
          </cell>
          <cell r="Z1340" t="str">
            <v>LIPMD</v>
          </cell>
          <cell r="AN1340" t="str">
            <v>MDO C&amp;M</v>
          </cell>
          <cell r="AO1340" t="str">
            <v>MDO OH/KEN C&amp;M</v>
          </cell>
        </row>
        <row r="1341">
          <cell r="F1341">
            <v>75084</v>
          </cell>
          <cell r="Z1341" t="str">
            <v>LIPMD</v>
          </cell>
          <cell r="AN1341" t="str">
            <v>MDO C&amp;M</v>
          </cell>
          <cell r="AO1341" t="str">
            <v>MDO OH/KEN C&amp;M</v>
          </cell>
        </row>
        <row r="1342">
          <cell r="F1342">
            <v>75084</v>
          </cell>
          <cell r="Z1342" t="str">
            <v>LIPMD</v>
          </cell>
          <cell r="AN1342" t="str">
            <v>MDO C&amp;M</v>
          </cell>
          <cell r="AO1342" t="str">
            <v>MDO OH/KEN C&amp;M</v>
          </cell>
        </row>
        <row r="1343">
          <cell r="F1343">
            <v>75084</v>
          </cell>
          <cell r="Z1343" t="str">
            <v>LIPMD</v>
          </cell>
          <cell r="AN1343" t="str">
            <v>MDO C&amp;M</v>
          </cell>
          <cell r="AO1343" t="str">
            <v>MDO OH/KEN C&amp;M</v>
          </cell>
        </row>
        <row r="1344">
          <cell r="F1344">
            <v>75084</v>
          </cell>
          <cell r="Z1344" t="str">
            <v>LIPMD</v>
          </cell>
          <cell r="AN1344" t="str">
            <v>MDO C&amp;M</v>
          </cell>
          <cell r="AO1344" t="str">
            <v>MDO OH/KEN C&amp;M</v>
          </cell>
        </row>
        <row r="1345">
          <cell r="F1345">
            <v>75084</v>
          </cell>
          <cell r="Z1345" t="str">
            <v>LIPMD</v>
          </cell>
          <cell r="AN1345" t="str">
            <v>MDO C&amp;M</v>
          </cell>
          <cell r="AO1345" t="str">
            <v>MDO OH/KEN C&amp;M</v>
          </cell>
        </row>
        <row r="1346">
          <cell r="F1346">
            <v>75084</v>
          </cell>
          <cell r="Z1346" t="str">
            <v>LIPMD</v>
          </cell>
          <cell r="AN1346" t="str">
            <v>MDO C&amp;M</v>
          </cell>
          <cell r="AO1346" t="str">
            <v>MDO OH/KEN C&amp;M</v>
          </cell>
        </row>
        <row r="1347">
          <cell r="F1347">
            <v>75084</v>
          </cell>
          <cell r="Z1347" t="str">
            <v>LIPMD</v>
          </cell>
          <cell r="AN1347" t="str">
            <v>MDO C&amp;M</v>
          </cell>
          <cell r="AO1347" t="str">
            <v>MDO OH/KEN C&amp;M</v>
          </cell>
        </row>
        <row r="1348">
          <cell r="F1348">
            <v>75084</v>
          </cell>
          <cell r="Z1348" t="str">
            <v>LIPMD</v>
          </cell>
          <cell r="AN1348" t="str">
            <v>MDO C&amp;M</v>
          </cell>
          <cell r="AO1348" t="str">
            <v>MDO OH/KEN C&amp;M</v>
          </cell>
        </row>
        <row r="1349">
          <cell r="F1349">
            <v>75084</v>
          </cell>
          <cell r="Z1349" t="str">
            <v>LIPMD</v>
          </cell>
          <cell r="AN1349" t="str">
            <v>MDO C&amp;M</v>
          </cell>
          <cell r="AO1349" t="str">
            <v>MDO OH/KEN C&amp;M</v>
          </cell>
        </row>
        <row r="1350">
          <cell r="F1350">
            <v>75084</v>
          </cell>
          <cell r="Z1350" t="str">
            <v>LIPMD</v>
          </cell>
          <cell r="AN1350" t="str">
            <v>MDO C&amp;M</v>
          </cell>
          <cell r="AO1350" t="str">
            <v>MDO OH/KEN C&amp;M</v>
          </cell>
        </row>
        <row r="1351">
          <cell r="F1351">
            <v>75084</v>
          </cell>
          <cell r="Z1351" t="str">
            <v>LIPMD</v>
          </cell>
          <cell r="AN1351" t="str">
            <v>MDO C&amp;M</v>
          </cell>
          <cell r="AO1351" t="str">
            <v>MDO OH/KEN C&amp;M</v>
          </cell>
        </row>
        <row r="1352">
          <cell r="F1352">
            <v>75084</v>
          </cell>
          <cell r="Z1352" t="str">
            <v>LIPMD</v>
          </cell>
          <cell r="AN1352" t="str">
            <v>MDO C&amp;M</v>
          </cell>
          <cell r="AO1352" t="str">
            <v>MDO OH/KEN C&amp;M</v>
          </cell>
        </row>
        <row r="1353">
          <cell r="F1353">
            <v>75084</v>
          </cell>
          <cell r="Z1353" t="str">
            <v>LIPMD</v>
          </cell>
          <cell r="AN1353" t="str">
            <v>MDO C&amp;M</v>
          </cell>
          <cell r="AO1353" t="str">
            <v>MDO OH/KEN C&amp;M</v>
          </cell>
        </row>
        <row r="1354">
          <cell r="F1354">
            <v>75084</v>
          </cell>
          <cell r="Z1354" t="str">
            <v>LIPMD</v>
          </cell>
          <cell r="AN1354" t="str">
            <v>MDO C&amp;M</v>
          </cell>
          <cell r="AO1354" t="str">
            <v>MDO OH/KEN C&amp;M</v>
          </cell>
        </row>
        <row r="1355">
          <cell r="F1355">
            <v>75084</v>
          </cell>
          <cell r="Z1355" t="str">
            <v>LIPMD</v>
          </cell>
          <cell r="AN1355" t="str">
            <v>MDO C&amp;M</v>
          </cell>
          <cell r="AO1355" t="str">
            <v>MDO OH/KEN C&amp;M</v>
          </cell>
        </row>
        <row r="1356">
          <cell r="F1356">
            <v>75084</v>
          </cell>
          <cell r="Z1356" t="str">
            <v>LIPMD</v>
          </cell>
          <cell r="AN1356" t="str">
            <v>MDO C&amp;M</v>
          </cell>
          <cell r="AO1356" t="str">
            <v>MDO OH/KEN C&amp;M</v>
          </cell>
        </row>
        <row r="1357">
          <cell r="F1357">
            <v>75084</v>
          </cell>
          <cell r="Z1357" t="str">
            <v>LIPMD</v>
          </cell>
          <cell r="AN1357" t="str">
            <v>MDO C&amp;M</v>
          </cell>
          <cell r="AO1357" t="str">
            <v>MDO OH/KEN C&amp;M</v>
          </cell>
        </row>
        <row r="1358">
          <cell r="F1358">
            <v>75084</v>
          </cell>
          <cell r="Z1358" t="str">
            <v>LIPMD</v>
          </cell>
          <cell r="AN1358" t="str">
            <v>MDO C&amp;M</v>
          </cell>
          <cell r="AO1358" t="str">
            <v>MDO OH/KEN C&amp;M</v>
          </cell>
        </row>
        <row r="1359">
          <cell r="F1359">
            <v>75084</v>
          </cell>
          <cell r="Z1359" t="str">
            <v>LIPMD</v>
          </cell>
          <cell r="AN1359" t="str">
            <v>MDO C&amp;M</v>
          </cell>
          <cell r="AO1359" t="str">
            <v>MDO OH/KEN C&amp;M</v>
          </cell>
        </row>
        <row r="1360">
          <cell r="F1360">
            <v>75084</v>
          </cell>
          <cell r="Z1360" t="str">
            <v>LIPMD</v>
          </cell>
          <cell r="AN1360" t="str">
            <v>MDO C&amp;M</v>
          </cell>
          <cell r="AO1360" t="str">
            <v>MDO OH/KEN C&amp;M</v>
          </cell>
        </row>
        <row r="1361">
          <cell r="F1361">
            <v>75084</v>
          </cell>
          <cell r="Z1361" t="str">
            <v>LIPMD</v>
          </cell>
          <cell r="AN1361" t="str">
            <v>MDO C&amp;M</v>
          </cell>
          <cell r="AO1361" t="str">
            <v>MDO OH/KEN C&amp;M</v>
          </cell>
        </row>
        <row r="1362">
          <cell r="F1362">
            <v>75084</v>
          </cell>
          <cell r="Z1362" t="str">
            <v>LIPMD</v>
          </cell>
          <cell r="AN1362" t="str">
            <v>MDO C&amp;M</v>
          </cell>
          <cell r="AO1362" t="str">
            <v>MDO OH/KEN C&amp;M</v>
          </cell>
        </row>
        <row r="1363">
          <cell r="F1363">
            <v>75084</v>
          </cell>
          <cell r="Z1363" t="str">
            <v>LIPMD</v>
          </cell>
          <cell r="AN1363" t="str">
            <v>MDO C&amp;M</v>
          </cell>
          <cell r="AO1363" t="str">
            <v>MDO OH/KEN C&amp;M</v>
          </cell>
        </row>
        <row r="1364">
          <cell r="F1364">
            <v>75084</v>
          </cell>
          <cell r="Z1364" t="str">
            <v>LIPMD</v>
          </cell>
          <cell r="AN1364" t="str">
            <v>MDO C&amp;M</v>
          </cell>
          <cell r="AO1364" t="str">
            <v>MDO OH/KEN C&amp;M</v>
          </cell>
        </row>
        <row r="1365">
          <cell r="F1365">
            <v>75084</v>
          </cell>
          <cell r="Z1365" t="str">
            <v>LIPMD</v>
          </cell>
          <cell r="AN1365" t="str">
            <v>MDO C&amp;M</v>
          </cell>
          <cell r="AO1365" t="str">
            <v>MDO OH/KEN C&amp;M</v>
          </cell>
        </row>
        <row r="1366">
          <cell r="F1366">
            <v>75084</v>
          </cell>
          <cell r="Z1366" t="str">
            <v>LIPMD</v>
          </cell>
          <cell r="AN1366" t="str">
            <v>MDO C&amp;M</v>
          </cell>
          <cell r="AO1366" t="str">
            <v>MDO OH/KEN C&amp;M</v>
          </cell>
        </row>
        <row r="1367">
          <cell r="F1367">
            <v>75084</v>
          </cell>
          <cell r="Z1367" t="str">
            <v>LIPMD</v>
          </cell>
          <cell r="AN1367" t="str">
            <v>MDO C&amp;M</v>
          </cell>
          <cell r="AO1367" t="str">
            <v>MDO OH/KEN C&amp;M</v>
          </cell>
        </row>
        <row r="1368">
          <cell r="F1368">
            <v>75084</v>
          </cell>
          <cell r="Z1368" t="str">
            <v>LIPMD</v>
          </cell>
          <cell r="AN1368" t="str">
            <v>MDO C&amp;M</v>
          </cell>
          <cell r="AO1368" t="str">
            <v>MDO OH/KEN C&amp;M</v>
          </cell>
        </row>
        <row r="1369">
          <cell r="F1369">
            <v>75084</v>
          </cell>
          <cell r="Z1369" t="str">
            <v>LIPMD</v>
          </cell>
          <cell r="AN1369" t="str">
            <v>MDO C&amp;M</v>
          </cell>
          <cell r="AO1369" t="str">
            <v>MDO OH/KEN C&amp;M</v>
          </cell>
        </row>
        <row r="1370">
          <cell r="F1370">
            <v>75023</v>
          </cell>
          <cell r="Z1370" t="str">
            <v>LIPINS</v>
          </cell>
          <cell r="AN1370" t="str">
            <v>MDO Resource/ProjMgt</v>
          </cell>
          <cell r="AO1370" t="str">
            <v xml:space="preserve"> </v>
          </cell>
        </row>
        <row r="1371">
          <cell r="F1371">
            <v>75023</v>
          </cell>
          <cell r="Z1371" t="str">
            <v>LIPINS</v>
          </cell>
          <cell r="AN1371" t="str">
            <v>MDO Resource/ProjMgt</v>
          </cell>
          <cell r="AO1371" t="str">
            <v xml:space="preserve"> </v>
          </cell>
        </row>
        <row r="1372">
          <cell r="F1372">
            <v>75023</v>
          </cell>
          <cell r="Z1372" t="str">
            <v>LIPINS</v>
          </cell>
          <cell r="AN1372" t="str">
            <v>MDO Resource/ProjMgt</v>
          </cell>
          <cell r="AO1372" t="str">
            <v xml:space="preserve"> </v>
          </cell>
        </row>
        <row r="1373">
          <cell r="F1373">
            <v>75023</v>
          </cell>
          <cell r="Z1373" t="str">
            <v>LIPINS</v>
          </cell>
          <cell r="AN1373" t="str">
            <v>MDO Resource/ProjMgt</v>
          </cell>
          <cell r="AO1373" t="str">
            <v xml:space="preserve"> </v>
          </cell>
        </row>
        <row r="1374">
          <cell r="F1374">
            <v>75023</v>
          </cell>
          <cell r="Z1374" t="str">
            <v>LIPINS</v>
          </cell>
          <cell r="AN1374" t="str">
            <v>MDO Resource/ProjMgt</v>
          </cell>
          <cell r="AO1374" t="str">
            <v xml:space="preserve"> </v>
          </cell>
        </row>
        <row r="1375">
          <cell r="F1375">
            <v>75023</v>
          </cell>
          <cell r="Z1375" t="str">
            <v>LIPINS</v>
          </cell>
          <cell r="AN1375" t="str">
            <v>MDO C&amp;M</v>
          </cell>
          <cell r="AO1375" t="str">
            <v>MDO OH/KEN C&amp;M</v>
          </cell>
        </row>
        <row r="1376">
          <cell r="F1376">
            <v>75023</v>
          </cell>
          <cell r="Z1376" t="str">
            <v>LIPINS</v>
          </cell>
          <cell r="AN1376" t="str">
            <v>MDO C&amp;M</v>
          </cell>
          <cell r="AO1376" t="str">
            <v>MDO OH/KEN C&amp;M</v>
          </cell>
        </row>
        <row r="1377">
          <cell r="F1377">
            <v>75023</v>
          </cell>
          <cell r="Z1377" t="str">
            <v>LIPINS</v>
          </cell>
          <cell r="AN1377" t="str">
            <v>MDO C&amp;M</v>
          </cell>
          <cell r="AO1377" t="str">
            <v>MDO OH/KEN C&amp;M</v>
          </cell>
        </row>
        <row r="1378">
          <cell r="F1378">
            <v>75023</v>
          </cell>
          <cell r="Z1378" t="str">
            <v>LIPINS</v>
          </cell>
          <cell r="AN1378" t="str">
            <v>MDO C&amp;M</v>
          </cell>
          <cell r="AO1378" t="str">
            <v>MDO OH/KEN C&amp;M</v>
          </cell>
        </row>
        <row r="1379">
          <cell r="F1379">
            <v>75023</v>
          </cell>
          <cell r="Z1379" t="str">
            <v>LIPINS</v>
          </cell>
          <cell r="AN1379" t="str">
            <v>MDO C&amp;M</v>
          </cell>
          <cell r="AO1379" t="str">
            <v>MDO OH/KEN C&amp;M</v>
          </cell>
        </row>
        <row r="1380">
          <cell r="F1380">
            <v>75023</v>
          </cell>
          <cell r="Z1380" t="str">
            <v>LIPINS</v>
          </cell>
          <cell r="AN1380" t="str">
            <v>MDO C&amp;M</v>
          </cell>
          <cell r="AO1380" t="str">
            <v>MDO OH/KEN C&amp;M</v>
          </cell>
        </row>
        <row r="1381">
          <cell r="F1381">
            <v>75023</v>
          </cell>
          <cell r="Z1381" t="str">
            <v>LIPINS</v>
          </cell>
          <cell r="AN1381" t="str">
            <v>MDO C&amp;M</v>
          </cell>
          <cell r="AO1381" t="str">
            <v>MDO OH/KEN C&amp;M</v>
          </cell>
        </row>
        <row r="1382">
          <cell r="F1382">
            <v>75023</v>
          </cell>
          <cell r="Z1382" t="str">
            <v>LIPINS</v>
          </cell>
          <cell r="AN1382" t="str">
            <v>MDO C&amp;M</v>
          </cell>
          <cell r="AO1382" t="str">
            <v>MDO OH/KEN C&amp;M</v>
          </cell>
        </row>
        <row r="1383">
          <cell r="F1383">
            <v>75023</v>
          </cell>
          <cell r="Z1383" t="str">
            <v>LIPINS</v>
          </cell>
          <cell r="AN1383" t="str">
            <v>MDO C&amp;M</v>
          </cell>
          <cell r="AO1383" t="str">
            <v>MDO OH/KEN C&amp;M</v>
          </cell>
        </row>
        <row r="1384">
          <cell r="F1384">
            <v>75023</v>
          </cell>
          <cell r="Z1384" t="str">
            <v>LIPINS</v>
          </cell>
          <cell r="AN1384" t="str">
            <v>MDO C&amp;M</v>
          </cell>
          <cell r="AO1384" t="str">
            <v>MDO OH/KEN C&amp;M</v>
          </cell>
        </row>
        <row r="1385">
          <cell r="F1385">
            <v>75023</v>
          </cell>
          <cell r="Z1385" t="str">
            <v>LIPINS</v>
          </cell>
          <cell r="AN1385" t="str">
            <v>MDO C&amp;M</v>
          </cell>
          <cell r="AO1385" t="str">
            <v>MDO OH/KEN C&amp;M</v>
          </cell>
        </row>
        <row r="1386">
          <cell r="F1386">
            <v>75023</v>
          </cell>
          <cell r="Z1386" t="str">
            <v>LIPINS</v>
          </cell>
          <cell r="AN1386" t="str">
            <v>MDO C&amp;M</v>
          </cell>
          <cell r="AO1386" t="str">
            <v>MDO OH/KEN C&amp;M</v>
          </cell>
        </row>
        <row r="1387">
          <cell r="F1387">
            <v>75023</v>
          </cell>
          <cell r="Z1387" t="str">
            <v>LIPINS</v>
          </cell>
          <cell r="AN1387" t="str">
            <v>MDO C&amp;M</v>
          </cell>
          <cell r="AO1387" t="str">
            <v>MDO OH/KEN C&amp;M</v>
          </cell>
        </row>
        <row r="1388">
          <cell r="F1388">
            <v>75023</v>
          </cell>
          <cell r="Z1388" t="str">
            <v>LIPINS</v>
          </cell>
          <cell r="AN1388" t="str">
            <v>MDO C&amp;M</v>
          </cell>
          <cell r="AO1388" t="str">
            <v>MDO OH/KEN C&amp;M</v>
          </cell>
        </row>
        <row r="1389">
          <cell r="F1389">
            <v>75023</v>
          </cell>
          <cell r="Z1389" t="str">
            <v>LIPINS</v>
          </cell>
          <cell r="AN1389" t="str">
            <v>MDO C&amp;M</v>
          </cell>
          <cell r="AO1389" t="str">
            <v>MDO OH/KEN C&amp;M</v>
          </cell>
        </row>
        <row r="1390">
          <cell r="F1390">
            <v>75084</v>
          </cell>
          <cell r="Z1390" t="str">
            <v>LIPINS</v>
          </cell>
          <cell r="AN1390" t="str">
            <v>MDO C&amp;M</v>
          </cell>
          <cell r="AO1390" t="str">
            <v>MDO OH/KEN C&amp;M</v>
          </cell>
        </row>
        <row r="1391">
          <cell r="F1391">
            <v>75084</v>
          </cell>
          <cell r="Z1391" t="str">
            <v>LIPINS</v>
          </cell>
          <cell r="AN1391" t="str">
            <v>MDO C&amp;M</v>
          </cell>
          <cell r="AO1391" t="str">
            <v>MDO OH/KEN C&amp;M</v>
          </cell>
        </row>
        <row r="1392">
          <cell r="F1392">
            <v>75084</v>
          </cell>
          <cell r="Z1392" t="str">
            <v>LIPINS</v>
          </cell>
          <cell r="AN1392" t="str">
            <v>MDO C&amp;M</v>
          </cell>
          <cell r="AO1392" t="str">
            <v>MDO OH/KEN C&amp;M</v>
          </cell>
        </row>
        <row r="1393">
          <cell r="F1393">
            <v>75084</v>
          </cell>
          <cell r="Z1393" t="str">
            <v>LIPINS</v>
          </cell>
          <cell r="AN1393" t="str">
            <v>MDO C&amp;M</v>
          </cell>
          <cell r="AO1393" t="str">
            <v>MDO OH/KEN C&amp;M</v>
          </cell>
        </row>
        <row r="1394">
          <cell r="F1394">
            <v>75084</v>
          </cell>
          <cell r="Z1394" t="str">
            <v>LIPINS</v>
          </cell>
          <cell r="AN1394" t="str">
            <v>MDO C&amp;M</v>
          </cell>
          <cell r="AO1394" t="str">
            <v>MDO OH/KEN C&amp;M</v>
          </cell>
        </row>
        <row r="1395">
          <cell r="F1395">
            <v>75084</v>
          </cell>
          <cell r="Z1395" t="str">
            <v>LIPINS</v>
          </cell>
          <cell r="AN1395" t="str">
            <v>MDO C&amp;M</v>
          </cell>
          <cell r="AO1395" t="str">
            <v>MDO OH/KEN C&amp;M</v>
          </cell>
        </row>
        <row r="1396">
          <cell r="F1396">
            <v>75084</v>
          </cell>
          <cell r="Z1396" t="str">
            <v>LIPINS</v>
          </cell>
          <cell r="AN1396" t="str">
            <v>MDO C&amp;M</v>
          </cell>
          <cell r="AO1396" t="str">
            <v>MDO OH/KEN C&amp;M</v>
          </cell>
        </row>
        <row r="1397">
          <cell r="F1397">
            <v>75023</v>
          </cell>
          <cell r="Z1397" t="str">
            <v>LIPINS</v>
          </cell>
          <cell r="AN1397" t="str">
            <v>MDO C&amp;M</v>
          </cell>
          <cell r="AO1397" t="str">
            <v>MDO OH/KEN C&amp;M</v>
          </cell>
        </row>
        <row r="1398">
          <cell r="F1398">
            <v>75023</v>
          </cell>
          <cell r="Z1398" t="str">
            <v>MANHD</v>
          </cell>
          <cell r="AN1398" t="str">
            <v>MDO C&amp;M</v>
          </cell>
          <cell r="AO1398" t="str">
            <v>MDO OH/KEN C&amp;M</v>
          </cell>
        </row>
        <row r="1399">
          <cell r="F1399">
            <v>75023</v>
          </cell>
          <cell r="Z1399" t="str">
            <v>MANHD</v>
          </cell>
          <cell r="AN1399" t="str">
            <v>MDO C&amp;M</v>
          </cell>
          <cell r="AO1399" t="str">
            <v>MDO OH/KEN C&amp;M</v>
          </cell>
        </row>
        <row r="1400">
          <cell r="F1400">
            <v>75023</v>
          </cell>
          <cell r="Z1400" t="str">
            <v>MANHD</v>
          </cell>
          <cell r="AN1400" t="str">
            <v>MDO C&amp;M</v>
          </cell>
          <cell r="AO1400" t="str">
            <v>MDO OH/KEN C&amp;M</v>
          </cell>
        </row>
        <row r="1401">
          <cell r="F1401">
            <v>75023</v>
          </cell>
          <cell r="Z1401" t="str">
            <v>MANHD</v>
          </cell>
          <cell r="AN1401" t="str">
            <v>MDO C&amp;M</v>
          </cell>
          <cell r="AO1401" t="str">
            <v>MDO OH/KEN C&amp;M</v>
          </cell>
        </row>
        <row r="1402">
          <cell r="F1402">
            <v>75023</v>
          </cell>
          <cell r="Z1402" t="str">
            <v>MANHD</v>
          </cell>
          <cell r="AN1402" t="str">
            <v>MDO C&amp;M</v>
          </cell>
          <cell r="AO1402" t="str">
            <v>MDO OH/KEN C&amp;M</v>
          </cell>
        </row>
        <row r="1403">
          <cell r="F1403">
            <v>75023</v>
          </cell>
          <cell r="Z1403" t="str">
            <v>MANHD</v>
          </cell>
          <cell r="AN1403" t="str">
            <v>MDO C&amp;M</v>
          </cell>
          <cell r="AO1403" t="str">
            <v>MDO OH/KEN C&amp;M</v>
          </cell>
        </row>
        <row r="1404">
          <cell r="F1404">
            <v>75023</v>
          </cell>
          <cell r="Z1404" t="str">
            <v>MANHD</v>
          </cell>
          <cell r="AN1404" t="str">
            <v>MDO C&amp;M</v>
          </cell>
          <cell r="AO1404" t="str">
            <v>MDO OH/KEN C&amp;M</v>
          </cell>
        </row>
        <row r="1405">
          <cell r="F1405">
            <v>75023</v>
          </cell>
          <cell r="Z1405" t="str">
            <v>MANHD</v>
          </cell>
          <cell r="AN1405" t="str">
            <v>MDO C&amp;M</v>
          </cell>
          <cell r="AO1405" t="str">
            <v>MDO OH/KEN C&amp;M</v>
          </cell>
        </row>
        <row r="1406">
          <cell r="F1406">
            <v>75023</v>
          </cell>
          <cell r="Z1406" t="str">
            <v>MANHD</v>
          </cell>
          <cell r="AN1406" t="str">
            <v>MDO C&amp;M</v>
          </cell>
          <cell r="AO1406" t="str">
            <v>MDO OH/KEN C&amp;M</v>
          </cell>
        </row>
        <row r="1407">
          <cell r="F1407">
            <v>75023</v>
          </cell>
          <cell r="Z1407" t="str">
            <v>MANHD</v>
          </cell>
          <cell r="AN1407" t="str">
            <v>MDO C&amp;M</v>
          </cell>
          <cell r="AO1407" t="str">
            <v>MDO OH/KEN C&amp;M</v>
          </cell>
        </row>
        <row r="1408">
          <cell r="F1408">
            <v>75023</v>
          </cell>
          <cell r="Z1408" t="str">
            <v>MANHD</v>
          </cell>
          <cell r="AN1408" t="str">
            <v>MDO C&amp;M</v>
          </cell>
          <cell r="AO1408" t="str">
            <v>MDO OH/KEN C&amp;M</v>
          </cell>
        </row>
        <row r="1409">
          <cell r="F1409">
            <v>75023</v>
          </cell>
          <cell r="Z1409" t="str">
            <v>MANHD</v>
          </cell>
          <cell r="AN1409" t="str">
            <v>MDO C&amp;M</v>
          </cell>
          <cell r="AO1409" t="str">
            <v>MDO OH/KEN C&amp;M</v>
          </cell>
        </row>
        <row r="1410">
          <cell r="F1410">
            <v>75023</v>
          </cell>
          <cell r="Z1410" t="str">
            <v>MANHD</v>
          </cell>
          <cell r="AN1410" t="str">
            <v>MDO C&amp;M</v>
          </cell>
          <cell r="AO1410" t="str">
            <v>MDO OH/KEN C&amp;M</v>
          </cell>
        </row>
        <row r="1411">
          <cell r="F1411">
            <v>75023</v>
          </cell>
          <cell r="Z1411" t="str">
            <v>MANHD</v>
          </cell>
          <cell r="AN1411" t="str">
            <v>MDO C&amp;M</v>
          </cell>
          <cell r="AO1411" t="str">
            <v>MDO OH/KEN C&amp;M</v>
          </cell>
        </row>
        <row r="1412">
          <cell r="F1412">
            <v>75023</v>
          </cell>
          <cell r="Z1412" t="str">
            <v>MANHD</v>
          </cell>
          <cell r="AN1412" t="str">
            <v>MDO C&amp;M</v>
          </cell>
          <cell r="AO1412" t="str">
            <v>MDO OH/KEN C&amp;M</v>
          </cell>
        </row>
        <row r="1413">
          <cell r="F1413">
            <v>75023</v>
          </cell>
          <cell r="Z1413" t="str">
            <v>MANHD</v>
          </cell>
          <cell r="AN1413" t="str">
            <v>MDO C&amp;M</v>
          </cell>
          <cell r="AO1413" t="str">
            <v>MDO OH/KEN C&amp;M</v>
          </cell>
        </row>
        <row r="1414">
          <cell r="F1414">
            <v>75023</v>
          </cell>
          <cell r="Z1414" t="str">
            <v>MANHD</v>
          </cell>
          <cell r="AN1414" t="str">
            <v>MDO C&amp;M</v>
          </cell>
          <cell r="AO1414" t="str">
            <v>MDO OH/KEN C&amp;M</v>
          </cell>
        </row>
        <row r="1415">
          <cell r="F1415">
            <v>75023</v>
          </cell>
          <cell r="Z1415" t="str">
            <v>MANHD</v>
          </cell>
          <cell r="AN1415" t="str">
            <v>MDO C&amp;M</v>
          </cell>
          <cell r="AO1415" t="str">
            <v>MDO OH/KEN C&amp;M</v>
          </cell>
        </row>
        <row r="1416">
          <cell r="F1416">
            <v>75023</v>
          </cell>
          <cell r="Z1416" t="str">
            <v>MANHD</v>
          </cell>
          <cell r="AN1416" t="str">
            <v>MDO C&amp;M</v>
          </cell>
          <cell r="AO1416" t="str">
            <v>MDO OH/KEN C&amp;M</v>
          </cell>
        </row>
        <row r="1417">
          <cell r="F1417">
            <v>75023</v>
          </cell>
          <cell r="Z1417" t="str">
            <v>MANHD</v>
          </cell>
          <cell r="AN1417" t="str">
            <v>MDO C&amp;M</v>
          </cell>
          <cell r="AO1417" t="str">
            <v>MDO OH/KEN C&amp;M</v>
          </cell>
        </row>
        <row r="1418">
          <cell r="F1418">
            <v>75023</v>
          </cell>
          <cell r="Z1418" t="str">
            <v>MANHD</v>
          </cell>
          <cell r="AN1418" t="str">
            <v>MDO C&amp;M</v>
          </cell>
          <cell r="AO1418" t="str">
            <v>MDO OH/KEN C&amp;M</v>
          </cell>
        </row>
        <row r="1419">
          <cell r="F1419">
            <v>75023</v>
          </cell>
          <cell r="Z1419" t="str">
            <v>MANHD</v>
          </cell>
          <cell r="AN1419" t="str">
            <v>MDO C&amp;M</v>
          </cell>
          <cell r="AO1419" t="str">
            <v>MDO OH/KEN C&amp;M</v>
          </cell>
        </row>
        <row r="1420">
          <cell r="F1420">
            <v>75023</v>
          </cell>
          <cell r="Z1420" t="str">
            <v>MANHD</v>
          </cell>
          <cell r="AN1420" t="str">
            <v>MDO C&amp;M</v>
          </cell>
          <cell r="AO1420" t="str">
            <v>MDO OH/KEN C&amp;M</v>
          </cell>
        </row>
        <row r="1421">
          <cell r="F1421">
            <v>75084</v>
          </cell>
          <cell r="Z1421" t="str">
            <v>MANHD</v>
          </cell>
          <cell r="AN1421" t="str">
            <v>MDO C&amp;M</v>
          </cell>
          <cell r="AO1421" t="str">
            <v>MDO OH/KEN C&amp;M</v>
          </cell>
        </row>
        <row r="1422">
          <cell r="F1422">
            <v>75084</v>
          </cell>
          <cell r="Z1422" t="str">
            <v>MANHD</v>
          </cell>
          <cell r="AN1422" t="str">
            <v>MDO C&amp;M</v>
          </cell>
          <cell r="AO1422" t="str">
            <v>MDO OH/KEN C&amp;M</v>
          </cell>
        </row>
        <row r="1423">
          <cell r="F1423">
            <v>75084</v>
          </cell>
          <cell r="Z1423" t="str">
            <v>MANHD</v>
          </cell>
          <cell r="AN1423" t="str">
            <v>MDO C&amp;M</v>
          </cell>
          <cell r="AO1423" t="str">
            <v>MDO OH/KEN C&amp;M</v>
          </cell>
        </row>
        <row r="1424">
          <cell r="F1424">
            <v>75084</v>
          </cell>
          <cell r="Z1424" t="str">
            <v>MANHD</v>
          </cell>
          <cell r="AN1424" t="str">
            <v>MDO C&amp;M</v>
          </cell>
          <cell r="AO1424" t="str">
            <v>MDO OH/KEN C&amp;M</v>
          </cell>
        </row>
        <row r="1425">
          <cell r="F1425">
            <v>75084</v>
          </cell>
          <cell r="Z1425" t="str">
            <v>MANHD</v>
          </cell>
          <cell r="AN1425" t="str">
            <v>MDO C&amp;M</v>
          </cell>
          <cell r="AO1425" t="str">
            <v>MDO OH/KEN C&amp;M</v>
          </cell>
        </row>
        <row r="1426">
          <cell r="F1426">
            <v>75084</v>
          </cell>
          <cell r="Z1426" t="str">
            <v>MANHD</v>
          </cell>
          <cell r="AN1426" t="str">
            <v>MDO C&amp;M</v>
          </cell>
          <cell r="AO1426" t="str">
            <v>MDO OH/KEN C&amp;M</v>
          </cell>
        </row>
        <row r="1427">
          <cell r="F1427">
            <v>75023</v>
          </cell>
          <cell r="Z1427" t="str">
            <v>MANHT</v>
          </cell>
          <cell r="AN1427" t="str">
            <v>MDO C&amp;M</v>
          </cell>
          <cell r="AO1427" t="str">
            <v>MDO OH/KEN C&amp;M</v>
          </cell>
        </row>
        <row r="1428">
          <cell r="F1428">
            <v>75023</v>
          </cell>
          <cell r="Z1428" t="str">
            <v>MANHT</v>
          </cell>
          <cell r="AN1428" t="str">
            <v>MDO C&amp;M</v>
          </cell>
          <cell r="AO1428" t="str">
            <v>MDO OH/KEN C&amp;M</v>
          </cell>
        </row>
        <row r="1429">
          <cell r="F1429">
            <v>75023</v>
          </cell>
          <cell r="Z1429" t="str">
            <v>MANHT</v>
          </cell>
          <cell r="AN1429" t="str">
            <v>MDO C&amp;M</v>
          </cell>
          <cell r="AO1429" t="str">
            <v>MDO OH/KEN C&amp;M</v>
          </cell>
        </row>
        <row r="1430">
          <cell r="F1430">
            <v>75023</v>
          </cell>
          <cell r="Z1430" t="str">
            <v>MANHT</v>
          </cell>
          <cell r="AN1430" t="str">
            <v>MDO C&amp;M</v>
          </cell>
          <cell r="AO1430" t="str">
            <v>MDO OH/KEN C&amp;M</v>
          </cell>
        </row>
        <row r="1431">
          <cell r="F1431">
            <v>75023</v>
          </cell>
          <cell r="Z1431" t="str">
            <v>MANHT</v>
          </cell>
          <cell r="AN1431" t="str">
            <v>MDO C&amp;M</v>
          </cell>
          <cell r="AO1431" t="str">
            <v>MDO OH/KEN C&amp;M</v>
          </cell>
        </row>
        <row r="1432">
          <cell r="F1432">
            <v>75023</v>
          </cell>
          <cell r="Z1432" t="str">
            <v>MANHT</v>
          </cell>
          <cell r="AN1432" t="str">
            <v>MDO C&amp;M</v>
          </cell>
          <cell r="AO1432" t="str">
            <v>MDO OH/KEN C&amp;M</v>
          </cell>
        </row>
        <row r="1433">
          <cell r="F1433">
            <v>75023</v>
          </cell>
          <cell r="Z1433" t="str">
            <v>MANHT</v>
          </cell>
          <cell r="AN1433" t="str">
            <v>MDO C&amp;M</v>
          </cell>
          <cell r="AO1433" t="str">
            <v>MDO OH/KEN C&amp;M</v>
          </cell>
        </row>
        <row r="1434">
          <cell r="F1434">
            <v>75023</v>
          </cell>
          <cell r="Z1434" t="str">
            <v>MANHT</v>
          </cell>
          <cell r="AN1434" t="str">
            <v>MDO C&amp;M</v>
          </cell>
          <cell r="AO1434" t="str">
            <v>MDO OH/KEN C&amp;M</v>
          </cell>
        </row>
        <row r="1435">
          <cell r="F1435">
            <v>75023</v>
          </cell>
          <cell r="Z1435" t="str">
            <v>MANHT</v>
          </cell>
          <cell r="AN1435" t="str">
            <v>MDO C&amp;M</v>
          </cell>
          <cell r="AO1435" t="str">
            <v>MDO OH/KEN C&amp;M</v>
          </cell>
        </row>
        <row r="1436">
          <cell r="F1436">
            <v>75023</v>
          </cell>
          <cell r="Z1436" t="str">
            <v>MANHT</v>
          </cell>
          <cell r="AN1436" t="str">
            <v>MDO C&amp;M</v>
          </cell>
          <cell r="AO1436" t="str">
            <v>MDO OH/KEN C&amp;M</v>
          </cell>
        </row>
        <row r="1437">
          <cell r="F1437">
            <v>75023</v>
          </cell>
          <cell r="Z1437" t="str">
            <v>MANHT</v>
          </cell>
          <cell r="AN1437" t="str">
            <v>MDO C&amp;M</v>
          </cell>
          <cell r="AO1437" t="str">
            <v>MDO OH/KEN C&amp;M</v>
          </cell>
        </row>
        <row r="1438">
          <cell r="F1438">
            <v>75023</v>
          </cell>
          <cell r="Z1438" t="str">
            <v>MANHT</v>
          </cell>
          <cell r="AN1438" t="str">
            <v>MDO C&amp;M</v>
          </cell>
          <cell r="AO1438" t="str">
            <v>MDO OH/KEN C&amp;M</v>
          </cell>
        </row>
        <row r="1439">
          <cell r="F1439">
            <v>75023</v>
          </cell>
          <cell r="Z1439" t="str">
            <v>MANHT</v>
          </cell>
          <cell r="AN1439" t="str">
            <v>MDO C&amp;M</v>
          </cell>
          <cell r="AO1439" t="str">
            <v>MDO OH/KEN C&amp;M</v>
          </cell>
        </row>
        <row r="1440">
          <cell r="F1440">
            <v>75023</v>
          </cell>
          <cell r="Z1440" t="str">
            <v>VAULTI</v>
          </cell>
          <cell r="AN1440" t="str">
            <v>MDO C&amp;M</v>
          </cell>
          <cell r="AO1440" t="str">
            <v>MDO OH/KEN C&amp;M</v>
          </cell>
        </row>
        <row r="1441">
          <cell r="F1441">
            <v>75023</v>
          </cell>
          <cell r="Z1441" t="str">
            <v>VAULTI</v>
          </cell>
          <cell r="AN1441" t="str">
            <v>MDO C&amp;M</v>
          </cell>
          <cell r="AO1441" t="str">
            <v>MDO OH/KEN C&amp;M</v>
          </cell>
        </row>
        <row r="1442">
          <cell r="F1442">
            <v>75023</v>
          </cell>
          <cell r="Z1442" t="str">
            <v>VAULTI</v>
          </cell>
          <cell r="AN1442" t="str">
            <v>MDO C&amp;M</v>
          </cell>
          <cell r="AO1442" t="str">
            <v>MDO OH/KEN C&amp;M</v>
          </cell>
        </row>
        <row r="1443">
          <cell r="F1443">
            <v>75023</v>
          </cell>
          <cell r="Z1443" t="str">
            <v>VAULTI</v>
          </cell>
          <cell r="AN1443" t="str">
            <v>MDO C&amp;M</v>
          </cell>
          <cell r="AO1443" t="str">
            <v>MDO OH/KEN C&amp;M</v>
          </cell>
        </row>
        <row r="1444">
          <cell r="F1444">
            <v>75023</v>
          </cell>
          <cell r="Z1444" t="str">
            <v>VAULTI</v>
          </cell>
          <cell r="AN1444" t="str">
            <v>MDO C&amp;M</v>
          </cell>
          <cell r="AO1444" t="str">
            <v>MDO OH/KEN C&amp;M</v>
          </cell>
        </row>
        <row r="1445">
          <cell r="F1445">
            <v>75023</v>
          </cell>
          <cell r="Z1445" t="str">
            <v>VAULTI</v>
          </cell>
          <cell r="AN1445" t="str">
            <v>MDO C&amp;M</v>
          </cell>
          <cell r="AO1445" t="str">
            <v>MDO OH/KEN C&amp;M</v>
          </cell>
        </row>
        <row r="1446">
          <cell r="F1446">
            <v>75023</v>
          </cell>
          <cell r="Z1446" t="str">
            <v>VAULTI</v>
          </cell>
          <cell r="AN1446" t="str">
            <v>MDO C&amp;M</v>
          </cell>
          <cell r="AO1446" t="str">
            <v>MDO OH/KEN C&amp;M</v>
          </cell>
        </row>
        <row r="1447">
          <cell r="F1447">
            <v>75023</v>
          </cell>
          <cell r="Z1447" t="str">
            <v>VAULTI</v>
          </cell>
          <cell r="AN1447" t="str">
            <v>MDO C&amp;M</v>
          </cell>
          <cell r="AO1447" t="str">
            <v>MDO OH/KEN C&amp;M</v>
          </cell>
        </row>
        <row r="1448">
          <cell r="F1448">
            <v>75023</v>
          </cell>
          <cell r="Z1448" t="str">
            <v>VAULTI</v>
          </cell>
          <cell r="AN1448" t="str">
            <v>MDO C&amp;M</v>
          </cell>
          <cell r="AO1448" t="str">
            <v>MDO OH/KEN C&amp;M</v>
          </cell>
        </row>
        <row r="1449">
          <cell r="F1449">
            <v>75023</v>
          </cell>
          <cell r="Z1449" t="str">
            <v>VAULTI</v>
          </cell>
          <cell r="AN1449" t="str">
            <v>MDO C&amp;M</v>
          </cell>
          <cell r="AO1449" t="str">
            <v>MDO OH/KEN C&amp;M</v>
          </cell>
        </row>
        <row r="1450">
          <cell r="F1450">
            <v>75023</v>
          </cell>
          <cell r="Z1450" t="str">
            <v>VAULTI</v>
          </cell>
          <cell r="AN1450" t="str">
            <v>MDO C&amp;M</v>
          </cell>
          <cell r="AO1450" t="str">
            <v>MDO OH/KEN C&amp;M</v>
          </cell>
        </row>
        <row r="1451">
          <cell r="F1451">
            <v>75023</v>
          </cell>
          <cell r="Z1451" t="str">
            <v>VAULTM</v>
          </cell>
          <cell r="AN1451" t="str">
            <v>MDO C&amp;M</v>
          </cell>
          <cell r="AO1451" t="str">
            <v>MDO OH/KEN C&amp;M</v>
          </cell>
        </row>
        <row r="1452">
          <cell r="F1452">
            <v>75023</v>
          </cell>
          <cell r="Z1452" t="str">
            <v>VAULTM</v>
          </cell>
          <cell r="AN1452" t="str">
            <v>MDO C&amp;M</v>
          </cell>
          <cell r="AO1452" t="str">
            <v>MDO OH/KEN C&amp;M</v>
          </cell>
        </row>
        <row r="1453">
          <cell r="F1453">
            <v>75023</v>
          </cell>
          <cell r="Z1453" t="str">
            <v>VAULTM</v>
          </cell>
          <cell r="AN1453" t="str">
            <v>MDO C&amp;M</v>
          </cell>
          <cell r="AO1453" t="str">
            <v>MDO OH/KEN C&amp;M</v>
          </cell>
        </row>
        <row r="1454">
          <cell r="F1454">
            <v>75023</v>
          </cell>
          <cell r="Z1454" t="str">
            <v>VAULTM</v>
          </cell>
          <cell r="AN1454" t="str">
            <v>MDO C&amp;M</v>
          </cell>
          <cell r="AO1454" t="str">
            <v>MDO OH/KEN C&amp;M</v>
          </cell>
        </row>
        <row r="1455">
          <cell r="F1455">
            <v>75023</v>
          </cell>
          <cell r="Z1455" t="str">
            <v>VAULTM</v>
          </cell>
          <cell r="AN1455" t="str">
            <v>MDO C&amp;M</v>
          </cell>
          <cell r="AO1455" t="str">
            <v>MDO OH/KEN C&amp;M</v>
          </cell>
        </row>
        <row r="1456">
          <cell r="F1456">
            <v>75023</v>
          </cell>
          <cell r="Z1456" t="str">
            <v>VAULTM</v>
          </cell>
          <cell r="AN1456" t="str">
            <v>MDO C&amp;M</v>
          </cell>
          <cell r="AO1456" t="str">
            <v>MDO OH/KEN C&amp;M</v>
          </cell>
        </row>
        <row r="1457">
          <cell r="F1457">
            <v>75023</v>
          </cell>
          <cell r="Z1457" t="str">
            <v>VAULTM</v>
          </cell>
          <cell r="AN1457" t="str">
            <v>MDO C&amp;M</v>
          </cell>
          <cell r="AO1457" t="str">
            <v>MDO OH/KEN C&amp;M</v>
          </cell>
        </row>
        <row r="1458">
          <cell r="F1458">
            <v>75023</v>
          </cell>
          <cell r="Z1458" t="str">
            <v>VAULTM</v>
          </cell>
          <cell r="AN1458" t="str">
            <v>MDO C&amp;M</v>
          </cell>
          <cell r="AO1458" t="str">
            <v>MDO OH/KEN C&amp;M</v>
          </cell>
        </row>
        <row r="1459">
          <cell r="F1459">
            <v>75023</v>
          </cell>
          <cell r="Z1459" t="str">
            <v>VAULTM</v>
          </cell>
          <cell r="AN1459" t="str">
            <v>MDO C&amp;M</v>
          </cell>
          <cell r="AO1459" t="str">
            <v>MDO OH/KEN C&amp;M</v>
          </cell>
        </row>
        <row r="1460">
          <cell r="F1460">
            <v>75023</v>
          </cell>
          <cell r="Z1460" t="str">
            <v>VAULTM</v>
          </cell>
          <cell r="AN1460" t="str">
            <v>MDO C&amp;M</v>
          </cell>
          <cell r="AO1460" t="str">
            <v>MDO OH/KEN C&amp;M</v>
          </cell>
        </row>
        <row r="1461">
          <cell r="F1461">
            <v>75023</v>
          </cell>
          <cell r="Z1461" t="str">
            <v>VAULTM</v>
          </cell>
          <cell r="AN1461" t="str">
            <v>MDO C&amp;M</v>
          </cell>
          <cell r="AO1461" t="str">
            <v>MDO OH/KEN C&amp;M</v>
          </cell>
        </row>
        <row r="1462">
          <cell r="F1462">
            <v>75023</v>
          </cell>
          <cell r="Z1462" t="str">
            <v>VAULTM</v>
          </cell>
          <cell r="AN1462" t="str">
            <v>MDO C&amp;M</v>
          </cell>
          <cell r="AO1462" t="str">
            <v>MDO OH/KEN C&amp;M</v>
          </cell>
        </row>
        <row r="1463">
          <cell r="F1463">
            <v>75023</v>
          </cell>
          <cell r="Z1463" t="str">
            <v>VAULTM</v>
          </cell>
          <cell r="AN1463" t="str">
            <v>MDO C&amp;M</v>
          </cell>
          <cell r="AO1463" t="str">
            <v>MDO OH/KEN C&amp;M</v>
          </cell>
        </row>
        <row r="1464">
          <cell r="F1464">
            <v>75023</v>
          </cell>
          <cell r="Z1464" t="str">
            <v>VAULTM</v>
          </cell>
          <cell r="AN1464" t="str">
            <v>MDO C&amp;M</v>
          </cell>
          <cell r="AO1464" t="str">
            <v>MDO OH/KEN C&amp;M</v>
          </cell>
        </row>
        <row r="1465">
          <cell r="F1465">
            <v>75023</v>
          </cell>
          <cell r="Z1465" t="str">
            <v>VAULTM</v>
          </cell>
          <cell r="AN1465" t="str">
            <v>MDO C&amp;M</v>
          </cell>
          <cell r="AO1465" t="str">
            <v>MDO OH/KEN C&amp;M</v>
          </cell>
        </row>
        <row r="1466">
          <cell r="F1466">
            <v>75023</v>
          </cell>
          <cell r="Z1466" t="str">
            <v>VAULTM</v>
          </cell>
          <cell r="AN1466" t="str">
            <v>MDO C&amp;M</v>
          </cell>
          <cell r="AO1466" t="str">
            <v>MDO OH/KEN C&amp;M</v>
          </cell>
        </row>
        <row r="1467">
          <cell r="F1467">
            <v>75023</v>
          </cell>
          <cell r="Z1467" t="str">
            <v>VAULTM</v>
          </cell>
          <cell r="AN1467" t="str">
            <v>MDO C&amp;M</v>
          </cell>
          <cell r="AO1467" t="str">
            <v>MDO OH/KEN C&amp;M</v>
          </cell>
        </row>
        <row r="1468">
          <cell r="F1468">
            <v>75023</v>
          </cell>
          <cell r="Z1468" t="str">
            <v>VAULTM</v>
          </cell>
          <cell r="AN1468" t="str">
            <v>MDO C&amp;M</v>
          </cell>
          <cell r="AO1468" t="str">
            <v>MDO OH/KEN C&amp;M</v>
          </cell>
        </row>
        <row r="1469">
          <cell r="F1469">
            <v>75023</v>
          </cell>
          <cell r="Z1469" t="str">
            <v>VAULTM</v>
          </cell>
          <cell r="AN1469" t="str">
            <v>MDO C&amp;M</v>
          </cell>
          <cell r="AO1469" t="str">
            <v>MDO OH/KEN C&amp;M</v>
          </cell>
        </row>
        <row r="1470">
          <cell r="F1470">
            <v>75023</v>
          </cell>
          <cell r="Z1470" t="str">
            <v>VAULTM</v>
          </cell>
          <cell r="AN1470" t="str">
            <v>MDO C&amp;M</v>
          </cell>
          <cell r="AO1470" t="str">
            <v>MDO OH/KEN C&amp;M</v>
          </cell>
        </row>
        <row r="1471">
          <cell r="F1471">
            <v>75023</v>
          </cell>
          <cell r="Z1471" t="str">
            <v>VAULTM</v>
          </cell>
          <cell r="AN1471" t="str">
            <v>MDO C&amp;M</v>
          </cell>
          <cell r="AO1471" t="str">
            <v>MDO OH/KEN C&amp;M</v>
          </cell>
        </row>
        <row r="1472">
          <cell r="F1472">
            <v>75023</v>
          </cell>
          <cell r="Z1472" t="str">
            <v>VAULTM</v>
          </cell>
          <cell r="AN1472" t="str">
            <v>MDO C&amp;M</v>
          </cell>
          <cell r="AO1472" t="str">
            <v>MDO OH/KEN C&amp;M</v>
          </cell>
        </row>
        <row r="1473">
          <cell r="F1473">
            <v>75023</v>
          </cell>
          <cell r="Z1473" t="str">
            <v>VAULTM</v>
          </cell>
          <cell r="AN1473" t="str">
            <v>MDO C&amp;M</v>
          </cell>
          <cell r="AO1473" t="str">
            <v>MDO OH/KEN C&amp;M</v>
          </cell>
        </row>
        <row r="1474">
          <cell r="F1474">
            <v>75023</v>
          </cell>
          <cell r="Z1474" t="str">
            <v>VAULTM</v>
          </cell>
          <cell r="AN1474" t="str">
            <v>MDO C&amp;M</v>
          </cell>
          <cell r="AO1474" t="str">
            <v>MDO OH/KEN C&amp;M</v>
          </cell>
        </row>
        <row r="1475">
          <cell r="F1475">
            <v>75023</v>
          </cell>
          <cell r="Z1475" t="str">
            <v>VAULTM</v>
          </cell>
          <cell r="AN1475" t="str">
            <v>MDO C&amp;M</v>
          </cell>
          <cell r="AO1475" t="str">
            <v>MDO OH/KEN C&amp;M</v>
          </cell>
        </row>
        <row r="1476">
          <cell r="F1476">
            <v>75023</v>
          </cell>
          <cell r="Z1476" t="str">
            <v>VAULTM</v>
          </cell>
          <cell r="AN1476" t="str">
            <v>MDO C&amp;M</v>
          </cell>
          <cell r="AO1476" t="str">
            <v>MDO OH/KEN C&amp;M</v>
          </cell>
        </row>
        <row r="1477">
          <cell r="F1477">
            <v>75023</v>
          </cell>
          <cell r="Z1477" t="str">
            <v>VAULTM</v>
          </cell>
          <cell r="AN1477" t="str">
            <v>MDO C&amp;M</v>
          </cell>
          <cell r="AO1477" t="str">
            <v>MDO OH/KEN C&amp;M</v>
          </cell>
        </row>
        <row r="1478">
          <cell r="F1478">
            <v>75023</v>
          </cell>
          <cell r="Z1478" t="str">
            <v>VAULTM</v>
          </cell>
          <cell r="AN1478" t="str">
            <v>MDO C&amp;M</v>
          </cell>
          <cell r="AO1478" t="str">
            <v>MDO OH/KEN C&amp;M</v>
          </cell>
        </row>
        <row r="1479">
          <cell r="F1479">
            <v>75023</v>
          </cell>
          <cell r="Z1479" t="str">
            <v>VAULTM</v>
          </cell>
          <cell r="AN1479" t="str">
            <v>MDO C&amp;M</v>
          </cell>
          <cell r="AO1479" t="str">
            <v>MDO OH/KEN C&amp;M</v>
          </cell>
        </row>
        <row r="1480">
          <cell r="F1480">
            <v>75023</v>
          </cell>
          <cell r="Z1480" t="str">
            <v>VAULTM</v>
          </cell>
          <cell r="AN1480" t="str">
            <v>MDO C&amp;M</v>
          </cell>
          <cell r="AO1480" t="str">
            <v>MDO OH/KEN C&amp;M</v>
          </cell>
        </row>
        <row r="1481">
          <cell r="F1481">
            <v>75023</v>
          </cell>
          <cell r="Z1481" t="str">
            <v>VAULTM</v>
          </cell>
          <cell r="AN1481" t="str">
            <v>MDO C&amp;M</v>
          </cell>
          <cell r="AO1481" t="str">
            <v>MDO OH/KEN C&amp;M</v>
          </cell>
        </row>
        <row r="1482">
          <cell r="F1482">
            <v>75023</v>
          </cell>
          <cell r="Z1482" t="str">
            <v>VAULTM</v>
          </cell>
          <cell r="AN1482" t="str">
            <v>MDO C&amp;M</v>
          </cell>
          <cell r="AO1482" t="str">
            <v>MDO OH/KEN C&amp;M</v>
          </cell>
        </row>
        <row r="1483">
          <cell r="F1483">
            <v>75023</v>
          </cell>
          <cell r="Z1483" t="str">
            <v>VAULTM</v>
          </cell>
          <cell r="AN1483" t="str">
            <v>MDO C&amp;M</v>
          </cell>
          <cell r="AO1483" t="str">
            <v>MDO OH/KEN C&amp;M</v>
          </cell>
        </row>
        <row r="1484">
          <cell r="F1484">
            <v>75023</v>
          </cell>
          <cell r="Z1484" t="str">
            <v>VAULTM</v>
          </cell>
          <cell r="AN1484" t="str">
            <v>MDO C&amp;M</v>
          </cell>
          <cell r="AO1484" t="str">
            <v>MDO OH/KEN C&amp;M</v>
          </cell>
        </row>
        <row r="1485">
          <cell r="F1485">
            <v>75023</v>
          </cell>
          <cell r="Z1485" t="str">
            <v>VAULTM</v>
          </cell>
          <cell r="AN1485" t="str">
            <v>MDO C&amp;M</v>
          </cell>
          <cell r="AO1485" t="str">
            <v>MDO OH/KEN C&amp;M</v>
          </cell>
        </row>
        <row r="1486">
          <cell r="F1486">
            <v>75023</v>
          </cell>
          <cell r="Z1486" t="str">
            <v>VAULTM</v>
          </cell>
          <cell r="AN1486" t="str">
            <v>MDO C&amp;M</v>
          </cell>
          <cell r="AO1486" t="str">
            <v>MDO OH/KEN C&amp;M</v>
          </cell>
        </row>
        <row r="1487">
          <cell r="F1487">
            <v>75023</v>
          </cell>
          <cell r="Z1487" t="str">
            <v>VAULTM</v>
          </cell>
          <cell r="AN1487" t="str">
            <v>MDO C&amp;M</v>
          </cell>
          <cell r="AO1487" t="str">
            <v>MDO OH/KEN C&amp;M</v>
          </cell>
        </row>
        <row r="1488">
          <cell r="F1488">
            <v>75023</v>
          </cell>
          <cell r="Z1488" t="str">
            <v>VAULTM</v>
          </cell>
          <cell r="AN1488" t="str">
            <v>MDO C&amp;M</v>
          </cell>
          <cell r="AO1488" t="str">
            <v>MDO OH/KEN C&amp;M</v>
          </cell>
        </row>
        <row r="1489">
          <cell r="F1489">
            <v>75023</v>
          </cell>
          <cell r="Z1489" t="str">
            <v>VAULTM</v>
          </cell>
          <cell r="AN1489" t="str">
            <v>MDO C&amp;M</v>
          </cell>
          <cell r="AO1489" t="str">
            <v>MDO OH/KEN C&amp;M</v>
          </cell>
        </row>
        <row r="1490">
          <cell r="F1490">
            <v>75023</v>
          </cell>
          <cell r="Z1490" t="str">
            <v>VAULTM</v>
          </cell>
          <cell r="AN1490" t="str">
            <v>MDO C&amp;M</v>
          </cell>
          <cell r="AO1490" t="str">
            <v>MDO OH/KEN C&amp;M</v>
          </cell>
        </row>
        <row r="1491">
          <cell r="F1491">
            <v>75023</v>
          </cell>
          <cell r="Z1491" t="str">
            <v>VAULTM</v>
          </cell>
          <cell r="AN1491" t="str">
            <v>MDO C&amp;M</v>
          </cell>
          <cell r="AO1491" t="str">
            <v>MDO OH/KEN C&amp;M</v>
          </cell>
        </row>
        <row r="1492">
          <cell r="F1492">
            <v>75023</v>
          </cell>
          <cell r="Z1492" t="str">
            <v>VAULTM</v>
          </cell>
          <cell r="AN1492" t="str">
            <v>MDO C&amp;M</v>
          </cell>
          <cell r="AO1492" t="str">
            <v>MDO OH/KEN C&amp;M</v>
          </cell>
        </row>
        <row r="1493">
          <cell r="F1493">
            <v>75023</v>
          </cell>
          <cell r="Z1493" t="str">
            <v>VAULTM</v>
          </cell>
          <cell r="AN1493" t="str">
            <v>MDO C&amp;M</v>
          </cell>
          <cell r="AO1493" t="str">
            <v>MDO OH/KEN C&amp;M</v>
          </cell>
        </row>
        <row r="1494">
          <cell r="F1494">
            <v>75023</v>
          </cell>
          <cell r="Z1494" t="str">
            <v>VAULTM</v>
          </cell>
          <cell r="AN1494" t="str">
            <v>MDO C&amp;M</v>
          </cell>
          <cell r="AO1494" t="str">
            <v>MDO OH/KEN C&amp;M</v>
          </cell>
        </row>
        <row r="1495">
          <cell r="F1495">
            <v>75023</v>
          </cell>
          <cell r="Z1495" t="str">
            <v>VAULTM</v>
          </cell>
          <cell r="AN1495" t="str">
            <v>MDO C&amp;M</v>
          </cell>
          <cell r="AO1495" t="str">
            <v>MDO OH/KEN C&amp;M</v>
          </cell>
        </row>
        <row r="1496">
          <cell r="F1496">
            <v>75023</v>
          </cell>
          <cell r="Z1496" t="str">
            <v>NITCBL</v>
          </cell>
          <cell r="AN1496" t="str">
            <v>MDO C&amp;M</v>
          </cell>
          <cell r="AO1496" t="str">
            <v>MDO OH/KEN C&amp;M</v>
          </cell>
        </row>
        <row r="1497">
          <cell r="F1497">
            <v>75023</v>
          </cell>
          <cell r="Z1497" t="str">
            <v>NITCBL</v>
          </cell>
          <cell r="AN1497" t="str">
            <v>MDO C&amp;M</v>
          </cell>
          <cell r="AO1497" t="str">
            <v>MDO OH/KEN C&amp;M</v>
          </cell>
        </row>
        <row r="1498">
          <cell r="F1498">
            <v>75023</v>
          </cell>
          <cell r="Z1498" t="str">
            <v>NITCBL</v>
          </cell>
          <cell r="AN1498" t="str">
            <v>MDO C&amp;M</v>
          </cell>
          <cell r="AO1498" t="str">
            <v>MDO OH/KEN C&amp;M</v>
          </cell>
        </row>
        <row r="1499">
          <cell r="F1499">
            <v>75023</v>
          </cell>
          <cell r="Z1499" t="str">
            <v>NITCBL</v>
          </cell>
          <cell r="AN1499" t="str">
            <v>MDO C&amp;M</v>
          </cell>
          <cell r="AO1499" t="str">
            <v>MDO OH/KEN C&amp;M</v>
          </cell>
        </row>
        <row r="1500">
          <cell r="F1500">
            <v>75023</v>
          </cell>
          <cell r="Z1500" t="str">
            <v>NITCBL</v>
          </cell>
          <cell r="AN1500" t="str">
            <v>MDO C&amp;M</v>
          </cell>
          <cell r="AO1500" t="str">
            <v>MDO OH/KEN C&amp;M</v>
          </cell>
        </row>
        <row r="1501">
          <cell r="F1501">
            <v>75023</v>
          </cell>
          <cell r="Z1501" t="str">
            <v>NITCBL</v>
          </cell>
          <cell r="AN1501" t="str">
            <v>MDO C&amp;M</v>
          </cell>
          <cell r="AO1501" t="str">
            <v>MDO OH/KEN C&amp;M</v>
          </cell>
        </row>
        <row r="1502">
          <cell r="F1502">
            <v>75023</v>
          </cell>
          <cell r="Z1502" t="str">
            <v>NITCBL</v>
          </cell>
          <cell r="AN1502" t="str">
            <v>MDO C&amp;M</v>
          </cell>
          <cell r="AO1502" t="str">
            <v>MDO OH/KEN C&amp;M</v>
          </cell>
        </row>
        <row r="1503">
          <cell r="F1503">
            <v>75023</v>
          </cell>
          <cell r="Z1503" t="str">
            <v>NITCBL</v>
          </cell>
          <cell r="AN1503" t="str">
            <v>MDO C&amp;M</v>
          </cell>
          <cell r="AO1503" t="str">
            <v>MDO OH/KEN C&amp;M</v>
          </cell>
        </row>
        <row r="1504">
          <cell r="F1504">
            <v>75023</v>
          </cell>
          <cell r="Z1504" t="str">
            <v>NITCBL</v>
          </cell>
          <cell r="AN1504" t="str">
            <v>MDO C&amp;M</v>
          </cell>
          <cell r="AO1504" t="str">
            <v>MDO OH/KEN C&amp;M</v>
          </cell>
        </row>
        <row r="1505">
          <cell r="F1505">
            <v>75023</v>
          </cell>
          <cell r="Z1505" t="str">
            <v>NITCBL</v>
          </cell>
          <cell r="AN1505" t="str">
            <v>MDO C&amp;M</v>
          </cell>
          <cell r="AO1505" t="str">
            <v>MDO OH/KEN C&amp;M</v>
          </cell>
        </row>
        <row r="1506">
          <cell r="F1506">
            <v>75023</v>
          </cell>
          <cell r="Z1506" t="str">
            <v>NITCBL</v>
          </cell>
          <cell r="AN1506" t="str">
            <v>MDO C&amp;M</v>
          </cell>
          <cell r="AO1506" t="str">
            <v>MDO OH/KEN C&amp;M</v>
          </cell>
        </row>
        <row r="1507">
          <cell r="F1507">
            <v>75023</v>
          </cell>
          <cell r="Z1507" t="str">
            <v>DOLMRPR</v>
          </cell>
          <cell r="AN1507" t="str">
            <v>MDO C&amp;M</v>
          </cell>
          <cell r="AO1507" t="str">
            <v>MDO OH/KEN C&amp;M</v>
          </cell>
        </row>
        <row r="1508">
          <cell r="F1508">
            <v>75023</v>
          </cell>
          <cell r="Z1508" t="str">
            <v>DOLMRPR</v>
          </cell>
          <cell r="AN1508" t="str">
            <v>MDO C&amp;M</v>
          </cell>
          <cell r="AO1508" t="str">
            <v>MDO OH/KEN C&amp;M</v>
          </cell>
        </row>
        <row r="1509">
          <cell r="F1509">
            <v>75023</v>
          </cell>
          <cell r="Z1509" t="str">
            <v>DOLMRPR</v>
          </cell>
          <cell r="AN1509" t="str">
            <v>MDO C&amp;M</v>
          </cell>
          <cell r="AO1509" t="str">
            <v>MDO OH/KEN C&amp;M</v>
          </cell>
        </row>
        <row r="1510">
          <cell r="F1510">
            <v>75023</v>
          </cell>
          <cell r="Z1510" t="str">
            <v>DOLMRPR</v>
          </cell>
          <cell r="AN1510" t="str">
            <v>MDO C&amp;M</v>
          </cell>
          <cell r="AO1510" t="str">
            <v>MDO OH/KEN C&amp;M</v>
          </cell>
        </row>
        <row r="1511">
          <cell r="F1511">
            <v>75023</v>
          </cell>
          <cell r="Z1511" t="str">
            <v>DOLMRPR</v>
          </cell>
          <cell r="AN1511" t="str">
            <v>MDO C&amp;M</v>
          </cell>
          <cell r="AO1511" t="str">
            <v>MDO OH/KEN C&amp;M</v>
          </cell>
        </row>
        <row r="1512">
          <cell r="F1512">
            <v>75023</v>
          </cell>
          <cell r="Z1512" t="str">
            <v>DOLMRPR</v>
          </cell>
          <cell r="AN1512" t="str">
            <v>MDO C&amp;M</v>
          </cell>
          <cell r="AO1512" t="str">
            <v>MDO OH/KEN C&amp;M</v>
          </cell>
        </row>
        <row r="1513">
          <cell r="F1513">
            <v>75023</v>
          </cell>
          <cell r="Z1513" t="str">
            <v>DOLMRPR</v>
          </cell>
          <cell r="AN1513" t="str">
            <v>MDO C&amp;M</v>
          </cell>
          <cell r="AO1513" t="str">
            <v>MDO OH/KEN C&amp;M</v>
          </cell>
        </row>
        <row r="1514">
          <cell r="F1514">
            <v>75023</v>
          </cell>
          <cell r="Z1514" t="str">
            <v>DOLMRPR</v>
          </cell>
          <cell r="AN1514" t="str">
            <v>MDO C&amp;M</v>
          </cell>
          <cell r="AO1514" t="str">
            <v>MDO OH/KEN C&amp;M</v>
          </cell>
        </row>
        <row r="1515">
          <cell r="F1515">
            <v>75023</v>
          </cell>
          <cell r="Z1515" t="str">
            <v>DOLMRPR</v>
          </cell>
          <cell r="AN1515" t="str">
            <v>MDO C&amp;M</v>
          </cell>
          <cell r="AO1515" t="str">
            <v>MDO OH/KEN C&amp;M</v>
          </cell>
        </row>
        <row r="1516">
          <cell r="F1516">
            <v>75023</v>
          </cell>
          <cell r="Z1516" t="str">
            <v>DOLMRPR</v>
          </cell>
          <cell r="AN1516" t="str">
            <v>MDO C&amp;M</v>
          </cell>
          <cell r="AO1516" t="str">
            <v>MDO OH/KEN C&amp;M</v>
          </cell>
        </row>
        <row r="1517">
          <cell r="F1517">
            <v>75023</v>
          </cell>
          <cell r="Z1517" t="str">
            <v>DOLMRPR</v>
          </cell>
          <cell r="AN1517" t="str">
            <v>MDO C&amp;M</v>
          </cell>
          <cell r="AO1517" t="str">
            <v>MDO OH/KEN C&amp;M</v>
          </cell>
        </row>
        <row r="1518">
          <cell r="F1518">
            <v>75023</v>
          </cell>
          <cell r="Z1518" t="str">
            <v>DOLMRPR</v>
          </cell>
          <cell r="AN1518" t="str">
            <v>MDO C&amp;M</v>
          </cell>
          <cell r="AO1518" t="str">
            <v>MDO OH/KEN C&amp;M</v>
          </cell>
        </row>
        <row r="1519">
          <cell r="F1519">
            <v>75023</v>
          </cell>
          <cell r="Z1519" t="str">
            <v>DOLMRPR</v>
          </cell>
          <cell r="AN1519" t="str">
            <v>MDO C&amp;M</v>
          </cell>
          <cell r="AO1519" t="str">
            <v>MDO OH/KEN C&amp;M</v>
          </cell>
        </row>
        <row r="1520">
          <cell r="F1520">
            <v>75023</v>
          </cell>
          <cell r="Z1520" t="str">
            <v>DOLMRPR</v>
          </cell>
          <cell r="AN1520" t="str">
            <v>MDO C&amp;M</v>
          </cell>
          <cell r="AO1520" t="str">
            <v>MDO OH/KEN C&amp;M</v>
          </cell>
        </row>
        <row r="1521">
          <cell r="F1521">
            <v>75023</v>
          </cell>
          <cell r="Z1521" t="str">
            <v>DOLMRPR</v>
          </cell>
          <cell r="AN1521" t="str">
            <v>MDO C&amp;M</v>
          </cell>
          <cell r="AO1521" t="str">
            <v>MDO OH/KEN C&amp;M</v>
          </cell>
        </row>
        <row r="1522">
          <cell r="F1522">
            <v>75023</v>
          </cell>
          <cell r="Z1522" t="str">
            <v>DOLMRPR</v>
          </cell>
          <cell r="AN1522" t="str">
            <v>MDO C&amp;M</v>
          </cell>
          <cell r="AO1522" t="str">
            <v>MDO OH/KEN C&amp;M</v>
          </cell>
        </row>
        <row r="1523">
          <cell r="F1523">
            <v>75023</v>
          </cell>
          <cell r="Z1523" t="str">
            <v>DOLMRPR</v>
          </cell>
          <cell r="AN1523" t="str">
            <v>MDO C&amp;M</v>
          </cell>
          <cell r="AO1523" t="str">
            <v>MDO OH/KEN C&amp;M</v>
          </cell>
        </row>
        <row r="1524">
          <cell r="F1524">
            <v>75023</v>
          </cell>
          <cell r="Z1524" t="str">
            <v>DOLMRPR</v>
          </cell>
          <cell r="AN1524" t="str">
            <v>MDO C&amp;M</v>
          </cell>
          <cell r="AO1524" t="str">
            <v>MDO OH/KEN C&amp;M</v>
          </cell>
        </row>
        <row r="1525">
          <cell r="F1525">
            <v>75023</v>
          </cell>
          <cell r="Z1525" t="str">
            <v>DOLMRPR</v>
          </cell>
          <cell r="AN1525" t="str">
            <v>MDO C&amp;M</v>
          </cell>
          <cell r="AO1525" t="str">
            <v>MDO OH/KEN C&amp;M</v>
          </cell>
        </row>
        <row r="1526">
          <cell r="F1526">
            <v>75023</v>
          </cell>
          <cell r="Z1526" t="str">
            <v>DOLMRPR</v>
          </cell>
          <cell r="AN1526" t="str">
            <v>MDO C&amp;M</v>
          </cell>
          <cell r="AO1526" t="str">
            <v>MDO OH/KEN C&amp;M</v>
          </cell>
        </row>
        <row r="1527">
          <cell r="F1527">
            <v>75023</v>
          </cell>
          <cell r="Z1527" t="str">
            <v>DOLMRPR</v>
          </cell>
          <cell r="AN1527" t="str">
            <v>MDO C&amp;M</v>
          </cell>
          <cell r="AO1527" t="str">
            <v>MDO OH/KEN C&amp;M</v>
          </cell>
        </row>
        <row r="1528">
          <cell r="F1528">
            <v>75023</v>
          </cell>
          <cell r="Z1528" t="str">
            <v>DOLMRPR</v>
          </cell>
          <cell r="AN1528" t="str">
            <v>MDO C&amp;M</v>
          </cell>
          <cell r="AO1528" t="str">
            <v>MDO OH/KEN C&amp;M</v>
          </cell>
        </row>
        <row r="1529">
          <cell r="F1529">
            <v>75023</v>
          </cell>
          <cell r="Z1529" t="str">
            <v>DOLMRPR</v>
          </cell>
          <cell r="AN1529" t="str">
            <v>MDO C&amp;M</v>
          </cell>
          <cell r="AO1529" t="str">
            <v>MDO OH/KEN C&amp;M</v>
          </cell>
        </row>
        <row r="1530">
          <cell r="F1530">
            <v>75023</v>
          </cell>
          <cell r="Z1530" t="str">
            <v>DOLMRPR</v>
          </cell>
          <cell r="AN1530" t="str">
            <v>MDO C&amp;M</v>
          </cell>
          <cell r="AO1530" t="str">
            <v>MDO OH/KEN C&amp;M</v>
          </cell>
        </row>
        <row r="1531">
          <cell r="F1531">
            <v>75023</v>
          </cell>
          <cell r="Z1531" t="str">
            <v>DOLMRPR</v>
          </cell>
          <cell r="AN1531" t="str">
            <v>MDO C&amp;M</v>
          </cell>
          <cell r="AO1531" t="str">
            <v>MDO OH/KEN C&amp;M</v>
          </cell>
        </row>
        <row r="1532">
          <cell r="F1532">
            <v>75023</v>
          </cell>
          <cell r="Z1532" t="str">
            <v>DOLMRPR</v>
          </cell>
          <cell r="AN1532" t="str">
            <v>MDO C&amp;M</v>
          </cell>
          <cell r="AO1532" t="str">
            <v>MDO OH/KEN C&amp;M</v>
          </cell>
        </row>
        <row r="1533">
          <cell r="F1533">
            <v>75023</v>
          </cell>
          <cell r="Z1533" t="str">
            <v>DOLMRPR</v>
          </cell>
          <cell r="AN1533" t="str">
            <v>MDO C&amp;M</v>
          </cell>
          <cell r="AO1533" t="str">
            <v>MDO OH/KEN C&amp;M</v>
          </cell>
        </row>
        <row r="1534">
          <cell r="F1534">
            <v>75023</v>
          </cell>
          <cell r="Z1534" t="str">
            <v>DOLMRPR</v>
          </cell>
          <cell r="AN1534" t="str">
            <v>MDO C&amp;M</v>
          </cell>
          <cell r="AO1534" t="str">
            <v>MDO OH/KEN C&amp;M</v>
          </cell>
        </row>
        <row r="1535">
          <cell r="F1535">
            <v>75023</v>
          </cell>
          <cell r="Z1535" t="str">
            <v>DOLMRPR</v>
          </cell>
          <cell r="AN1535" t="str">
            <v>MDO C&amp;M</v>
          </cell>
          <cell r="AO1535" t="str">
            <v>MDO OH/KEN C&amp;M</v>
          </cell>
        </row>
        <row r="1536">
          <cell r="F1536">
            <v>75023</v>
          </cell>
          <cell r="Z1536" t="str">
            <v>DOLMRPR</v>
          </cell>
          <cell r="AN1536" t="str">
            <v>MDO C&amp;M</v>
          </cell>
          <cell r="AO1536" t="str">
            <v>MDO OH/KEN C&amp;M</v>
          </cell>
        </row>
        <row r="1537">
          <cell r="F1537">
            <v>75023</v>
          </cell>
          <cell r="Z1537" t="str">
            <v>DOLMRPR</v>
          </cell>
          <cell r="AN1537" t="str">
            <v>MDO C&amp;M</v>
          </cell>
          <cell r="AO1537" t="str">
            <v>MDO OH/KEN C&amp;M</v>
          </cell>
        </row>
        <row r="1538">
          <cell r="F1538">
            <v>75023</v>
          </cell>
          <cell r="Z1538" t="str">
            <v>DOLMRPR</v>
          </cell>
          <cell r="AN1538" t="str">
            <v>MDO C&amp;M</v>
          </cell>
          <cell r="AO1538" t="str">
            <v>MDO OH/KEN C&amp;M</v>
          </cell>
        </row>
        <row r="1539">
          <cell r="F1539">
            <v>75023</v>
          </cell>
          <cell r="Z1539" t="str">
            <v>DOLMRPR</v>
          </cell>
          <cell r="AN1539" t="str">
            <v>MDO C&amp;M</v>
          </cell>
          <cell r="AO1539" t="str">
            <v>MDO OH/KEN C&amp;M</v>
          </cell>
        </row>
        <row r="1540">
          <cell r="F1540">
            <v>75023</v>
          </cell>
          <cell r="Z1540" t="str">
            <v>DOLMRPR</v>
          </cell>
          <cell r="AN1540" t="str">
            <v>MDO C&amp;M</v>
          </cell>
          <cell r="AO1540" t="str">
            <v>MDO OH/KEN C&amp;M</v>
          </cell>
        </row>
        <row r="1541">
          <cell r="F1541">
            <v>75023</v>
          </cell>
          <cell r="Z1541" t="str">
            <v>DOLMRPR</v>
          </cell>
          <cell r="AN1541" t="str">
            <v>MDO C&amp;M</v>
          </cell>
          <cell r="AO1541" t="str">
            <v>MDO OH/KEN C&amp;M</v>
          </cell>
        </row>
        <row r="1542">
          <cell r="F1542">
            <v>75023</v>
          </cell>
          <cell r="Z1542" t="str">
            <v>DOLMRPR</v>
          </cell>
          <cell r="AN1542" t="str">
            <v>MDO C&amp;M</v>
          </cell>
          <cell r="AO1542" t="str">
            <v>MDO OH/KEN C&amp;M</v>
          </cell>
        </row>
        <row r="1543">
          <cell r="F1543">
            <v>75023</v>
          </cell>
          <cell r="Z1543" t="str">
            <v>DOLMRPR</v>
          </cell>
          <cell r="AN1543" t="str">
            <v>MDO C&amp;M</v>
          </cell>
          <cell r="AO1543" t="str">
            <v>MDO OH/KEN C&amp;M</v>
          </cell>
        </row>
        <row r="1544">
          <cell r="F1544">
            <v>75023</v>
          </cell>
          <cell r="Z1544" t="str">
            <v>DOLMRPR</v>
          </cell>
          <cell r="AN1544" t="str">
            <v>MDO C&amp;M</v>
          </cell>
          <cell r="AO1544" t="str">
            <v>MDO OH/KEN C&amp;M</v>
          </cell>
        </row>
        <row r="1545">
          <cell r="F1545">
            <v>75023</v>
          </cell>
          <cell r="Z1545" t="str">
            <v>DOLMRPR</v>
          </cell>
          <cell r="AN1545" t="str">
            <v>MDO C&amp;M</v>
          </cell>
          <cell r="AO1545" t="str">
            <v>MDO OH/KEN C&amp;M</v>
          </cell>
        </row>
        <row r="1546">
          <cell r="F1546">
            <v>75023</v>
          </cell>
          <cell r="Z1546" t="str">
            <v>DOLMRPR</v>
          </cell>
          <cell r="AN1546" t="str">
            <v>MDO C&amp;M</v>
          </cell>
          <cell r="AO1546" t="str">
            <v>MDO OH/KEN C&amp;M</v>
          </cell>
        </row>
        <row r="1547">
          <cell r="F1547">
            <v>75023</v>
          </cell>
          <cell r="Z1547" t="str">
            <v>DOLMRPR</v>
          </cell>
          <cell r="AN1547" t="str">
            <v>MDO C&amp;M</v>
          </cell>
          <cell r="AO1547" t="str">
            <v>MDO OH/KEN C&amp;M</v>
          </cell>
        </row>
        <row r="1548">
          <cell r="F1548">
            <v>75023</v>
          </cell>
          <cell r="Z1548" t="str">
            <v>DOLMRPR</v>
          </cell>
          <cell r="AN1548" t="str">
            <v>MDO C&amp;M</v>
          </cell>
          <cell r="AO1548" t="str">
            <v>MDO OH/KEN C&amp;M</v>
          </cell>
        </row>
        <row r="1549">
          <cell r="F1549">
            <v>75023</v>
          </cell>
          <cell r="Z1549" t="str">
            <v>DOLMRPR</v>
          </cell>
          <cell r="AN1549" t="str">
            <v>MDO C&amp;M</v>
          </cell>
          <cell r="AO1549" t="str">
            <v>MDO OH/KEN C&amp;M</v>
          </cell>
        </row>
        <row r="1550">
          <cell r="F1550">
            <v>75023</v>
          </cell>
          <cell r="Z1550" t="str">
            <v>DOLMRPR</v>
          </cell>
          <cell r="AN1550" t="str">
            <v>MDO C&amp;M</v>
          </cell>
          <cell r="AO1550" t="str">
            <v>MDO OH/KEN C&amp;M</v>
          </cell>
        </row>
        <row r="1551">
          <cell r="F1551">
            <v>75023</v>
          </cell>
          <cell r="Z1551" t="str">
            <v>DOLMRPR</v>
          </cell>
          <cell r="AN1551" t="str">
            <v>MDO C&amp;M</v>
          </cell>
          <cell r="AO1551" t="str">
            <v>MDO OH/KEN C&amp;M</v>
          </cell>
        </row>
        <row r="1552">
          <cell r="F1552">
            <v>75023</v>
          </cell>
          <cell r="Z1552" t="str">
            <v>DOLMRPR</v>
          </cell>
          <cell r="AN1552" t="str">
            <v>MDO C&amp;M</v>
          </cell>
          <cell r="AO1552" t="str">
            <v>MDO OH/KEN C&amp;M</v>
          </cell>
        </row>
        <row r="1553">
          <cell r="F1553">
            <v>75023</v>
          </cell>
          <cell r="Z1553" t="str">
            <v>DOLMRPR</v>
          </cell>
          <cell r="AN1553" t="str">
            <v>MDO C&amp;M</v>
          </cell>
          <cell r="AO1553" t="str">
            <v>MDO OH/KEN C&amp;M</v>
          </cell>
        </row>
        <row r="1554">
          <cell r="F1554">
            <v>75023</v>
          </cell>
          <cell r="Z1554" t="str">
            <v>DOLMRPR</v>
          </cell>
          <cell r="AN1554" t="str">
            <v>MDO C&amp;M</v>
          </cell>
          <cell r="AO1554" t="str">
            <v>MDO OH/KEN C&amp;M</v>
          </cell>
        </row>
        <row r="1555">
          <cell r="F1555">
            <v>75023</v>
          </cell>
          <cell r="Z1555" t="str">
            <v>DOLMRPR</v>
          </cell>
          <cell r="AN1555" t="str">
            <v>MDO C&amp;M</v>
          </cell>
          <cell r="AO1555" t="str">
            <v>MDO OH/KEN C&amp;M</v>
          </cell>
        </row>
        <row r="1556">
          <cell r="F1556">
            <v>75023</v>
          </cell>
          <cell r="Z1556" t="str">
            <v>DOLMRPR</v>
          </cell>
          <cell r="AN1556" t="str">
            <v>MDO C&amp;M</v>
          </cell>
          <cell r="AO1556" t="str">
            <v>MDO OH/KEN C&amp;M</v>
          </cell>
        </row>
        <row r="1557">
          <cell r="F1557">
            <v>75023</v>
          </cell>
          <cell r="Z1557" t="str">
            <v>DOLMRPR</v>
          </cell>
          <cell r="AN1557" t="str">
            <v>MDO C&amp;M</v>
          </cell>
          <cell r="AO1557" t="str">
            <v>MDO OH/KEN C&amp;M</v>
          </cell>
        </row>
        <row r="1558">
          <cell r="F1558">
            <v>75023</v>
          </cell>
          <cell r="Z1558" t="str">
            <v>DOLMRPR</v>
          </cell>
          <cell r="AN1558" t="str">
            <v>MDO C&amp;M</v>
          </cell>
          <cell r="AO1558" t="str">
            <v>MDO OH/KEN C&amp;M</v>
          </cell>
        </row>
        <row r="1559">
          <cell r="F1559">
            <v>75023</v>
          </cell>
          <cell r="Z1559" t="str">
            <v>DOLMRPR</v>
          </cell>
          <cell r="AN1559" t="str">
            <v>MDO C&amp;M</v>
          </cell>
          <cell r="AO1559" t="str">
            <v>MDO OH/KEN C&amp;M</v>
          </cell>
        </row>
        <row r="1560">
          <cell r="F1560">
            <v>75023</v>
          </cell>
          <cell r="Z1560" t="str">
            <v>DOLMRPR</v>
          </cell>
          <cell r="AN1560" t="str">
            <v>MDO C&amp;M</v>
          </cell>
          <cell r="AO1560" t="str">
            <v>MDO OH/KEN C&amp;M</v>
          </cell>
        </row>
        <row r="1561">
          <cell r="F1561">
            <v>75023</v>
          </cell>
          <cell r="Z1561" t="str">
            <v>DOLMRPR</v>
          </cell>
          <cell r="AN1561" t="str">
            <v>MDO C&amp;M</v>
          </cell>
          <cell r="AO1561" t="str">
            <v>MDO OH/KEN C&amp;M</v>
          </cell>
        </row>
        <row r="1562">
          <cell r="F1562">
            <v>75023</v>
          </cell>
          <cell r="Z1562" t="str">
            <v>DOLMRPR</v>
          </cell>
          <cell r="AN1562" t="str">
            <v>MDO C&amp;M</v>
          </cell>
          <cell r="AO1562" t="str">
            <v>MDO OH/KEN C&amp;M</v>
          </cell>
        </row>
        <row r="1563">
          <cell r="F1563">
            <v>75023</v>
          </cell>
          <cell r="Z1563" t="str">
            <v>DOLMRPR</v>
          </cell>
          <cell r="AN1563" t="str">
            <v>MDO C&amp;M</v>
          </cell>
          <cell r="AO1563" t="str">
            <v>MDO OH/KEN C&amp;M</v>
          </cell>
        </row>
        <row r="1564">
          <cell r="F1564">
            <v>75023</v>
          </cell>
          <cell r="Z1564" t="str">
            <v>DOLMRPR</v>
          </cell>
          <cell r="AN1564" t="str">
            <v>MDO C&amp;M</v>
          </cell>
          <cell r="AO1564" t="str">
            <v>MDO OH/KEN C&amp;M</v>
          </cell>
        </row>
        <row r="1565">
          <cell r="F1565">
            <v>75023</v>
          </cell>
          <cell r="Z1565" t="str">
            <v>DOLMRPR</v>
          </cell>
          <cell r="AN1565" t="str">
            <v>MDO C&amp;M</v>
          </cell>
          <cell r="AO1565" t="str">
            <v>MDO OH/KEN C&amp;M</v>
          </cell>
        </row>
        <row r="1566">
          <cell r="F1566">
            <v>75023</v>
          </cell>
          <cell r="Z1566" t="str">
            <v>DOLMRPR</v>
          </cell>
          <cell r="AN1566" t="str">
            <v>MDO C&amp;M</v>
          </cell>
          <cell r="AO1566" t="str">
            <v>MDO OH/KEN C&amp;M</v>
          </cell>
        </row>
        <row r="1567">
          <cell r="F1567">
            <v>75023</v>
          </cell>
          <cell r="Z1567" t="str">
            <v>DOLMRPR</v>
          </cell>
          <cell r="AN1567" t="str">
            <v>MDO C&amp;M</v>
          </cell>
          <cell r="AO1567" t="str">
            <v>MDO OH/KEN C&amp;M</v>
          </cell>
        </row>
        <row r="1568">
          <cell r="F1568">
            <v>75023</v>
          </cell>
          <cell r="Z1568" t="str">
            <v>DOLMRPR</v>
          </cell>
          <cell r="AN1568" t="str">
            <v>MDO C&amp;M</v>
          </cell>
          <cell r="AO1568" t="str">
            <v>MDO OH/KEN C&amp;M</v>
          </cell>
        </row>
        <row r="1569">
          <cell r="F1569">
            <v>75023</v>
          </cell>
          <cell r="Z1569" t="str">
            <v>DOLMRPR</v>
          </cell>
          <cell r="AN1569" t="str">
            <v>MDO C&amp;M</v>
          </cell>
          <cell r="AO1569" t="str">
            <v>MDO OH/KEN C&amp;M</v>
          </cell>
        </row>
        <row r="1570">
          <cell r="F1570">
            <v>75023</v>
          </cell>
          <cell r="Z1570" t="str">
            <v>DOLMRPR</v>
          </cell>
          <cell r="AN1570" t="str">
            <v>MDO C&amp;M</v>
          </cell>
          <cell r="AO1570" t="str">
            <v>MDO OH/KEN C&amp;M</v>
          </cell>
        </row>
        <row r="1571">
          <cell r="F1571">
            <v>75023</v>
          </cell>
          <cell r="Z1571" t="str">
            <v>DOLMRPR</v>
          </cell>
          <cell r="AN1571" t="str">
            <v>MDO C&amp;M</v>
          </cell>
          <cell r="AO1571" t="str">
            <v>MDO OH/KEN C&amp;M</v>
          </cell>
        </row>
        <row r="1572">
          <cell r="F1572">
            <v>75023</v>
          </cell>
          <cell r="Z1572" t="str">
            <v>DOLMRPR</v>
          </cell>
          <cell r="AN1572" t="str">
            <v>MDO C&amp;M</v>
          </cell>
          <cell r="AO1572" t="str">
            <v>MDO OH/KEN C&amp;M</v>
          </cell>
        </row>
        <row r="1573">
          <cell r="F1573">
            <v>75023</v>
          </cell>
          <cell r="Z1573" t="str">
            <v>DOLMRPR</v>
          </cell>
          <cell r="AN1573" t="str">
            <v>MDO C&amp;M</v>
          </cell>
          <cell r="AO1573" t="str">
            <v>MDO OH/KEN C&amp;M</v>
          </cell>
        </row>
        <row r="1574">
          <cell r="F1574">
            <v>75023</v>
          </cell>
          <cell r="Z1574" t="str">
            <v>DOLMRPR</v>
          </cell>
          <cell r="AN1574" t="str">
            <v>MDO C&amp;M</v>
          </cell>
          <cell r="AO1574" t="str">
            <v>MDO OH/KEN C&amp;M</v>
          </cell>
        </row>
        <row r="1575">
          <cell r="F1575">
            <v>75023</v>
          </cell>
          <cell r="Z1575" t="str">
            <v>DOLMRPR</v>
          </cell>
          <cell r="AN1575" t="str">
            <v>MDO C&amp;M</v>
          </cell>
          <cell r="AO1575" t="str">
            <v>MDO OH/KEN C&amp;M</v>
          </cell>
        </row>
        <row r="1576">
          <cell r="F1576">
            <v>75023</v>
          </cell>
          <cell r="Z1576" t="str">
            <v>DOLMRPR</v>
          </cell>
          <cell r="AN1576" t="str">
            <v>MDO C&amp;M</v>
          </cell>
          <cell r="AO1576" t="str">
            <v>MDO OH/KEN C&amp;M</v>
          </cell>
        </row>
        <row r="1577">
          <cell r="F1577">
            <v>75023</v>
          </cell>
          <cell r="Z1577" t="str">
            <v>DOLMRPR</v>
          </cell>
          <cell r="AN1577" t="str">
            <v>MDO C&amp;M</v>
          </cell>
          <cell r="AO1577" t="str">
            <v>MDO OH/KEN C&amp;M</v>
          </cell>
        </row>
        <row r="1578">
          <cell r="F1578">
            <v>75023</v>
          </cell>
          <cell r="Z1578" t="str">
            <v>DOLMRPR</v>
          </cell>
          <cell r="AN1578" t="str">
            <v>MDO C&amp;M</v>
          </cell>
          <cell r="AO1578" t="str">
            <v>MDO OH/KEN C&amp;M</v>
          </cell>
        </row>
        <row r="1579">
          <cell r="F1579">
            <v>75023</v>
          </cell>
          <cell r="Z1579" t="str">
            <v>DOLMRPR</v>
          </cell>
          <cell r="AN1579" t="str">
            <v>MDO C&amp;M</v>
          </cell>
          <cell r="AO1579" t="str">
            <v>MDO OH/KEN C&amp;M</v>
          </cell>
        </row>
        <row r="1580">
          <cell r="F1580">
            <v>75023</v>
          </cell>
          <cell r="Z1580" t="str">
            <v>DOLMRPR</v>
          </cell>
          <cell r="AN1580" t="str">
            <v>MDO C&amp;M</v>
          </cell>
          <cell r="AO1580" t="str">
            <v>MDO OH/KEN C&amp;M</v>
          </cell>
        </row>
        <row r="1581">
          <cell r="F1581">
            <v>75023</v>
          </cell>
          <cell r="Z1581" t="str">
            <v>DOLMRPR</v>
          </cell>
          <cell r="AN1581" t="str">
            <v>MDO C&amp;M</v>
          </cell>
          <cell r="AO1581" t="str">
            <v>MDO OH/KEN C&amp;M</v>
          </cell>
        </row>
        <row r="1582">
          <cell r="F1582">
            <v>75023</v>
          </cell>
          <cell r="Z1582" t="str">
            <v>DOLMRPR</v>
          </cell>
          <cell r="AN1582" t="str">
            <v>MDO C&amp;M</v>
          </cell>
          <cell r="AO1582" t="str">
            <v>MDO OH/KEN C&amp;M</v>
          </cell>
        </row>
        <row r="1583">
          <cell r="F1583">
            <v>75023</v>
          </cell>
          <cell r="Z1583" t="str">
            <v>DOLMRPR</v>
          </cell>
          <cell r="AN1583" t="str">
            <v>MDO C&amp;M</v>
          </cell>
          <cell r="AO1583" t="str">
            <v>MDO OH/KEN C&amp;M</v>
          </cell>
        </row>
        <row r="1584">
          <cell r="F1584">
            <v>75023</v>
          </cell>
          <cell r="Z1584" t="str">
            <v>DOLMRPR</v>
          </cell>
          <cell r="AN1584" t="str">
            <v>MDO C&amp;M</v>
          </cell>
          <cell r="AO1584" t="str">
            <v>MDO OH/KEN C&amp;M</v>
          </cell>
        </row>
        <row r="1585">
          <cell r="F1585">
            <v>75023</v>
          </cell>
          <cell r="Z1585" t="str">
            <v>DOLMRPR</v>
          </cell>
          <cell r="AN1585" t="str">
            <v>MDO C&amp;M</v>
          </cell>
          <cell r="AO1585" t="str">
            <v>MDO OH/KEN C&amp;M</v>
          </cell>
        </row>
        <row r="1586">
          <cell r="F1586">
            <v>75023</v>
          </cell>
          <cell r="Z1586" t="str">
            <v>DOLMRPR</v>
          </cell>
          <cell r="AN1586" t="str">
            <v>MDO C&amp;M</v>
          </cell>
          <cell r="AO1586" t="str">
            <v>MDO OH/KEN C&amp;M</v>
          </cell>
        </row>
        <row r="1587">
          <cell r="F1587">
            <v>75023</v>
          </cell>
          <cell r="Z1587" t="str">
            <v>DOLMRPR</v>
          </cell>
          <cell r="AN1587" t="str">
            <v>MDO C&amp;M</v>
          </cell>
          <cell r="AO1587" t="str">
            <v>MDO OH/KEN C&amp;M</v>
          </cell>
        </row>
        <row r="1588">
          <cell r="F1588">
            <v>75023</v>
          </cell>
          <cell r="Z1588" t="str">
            <v>DOLMRPR</v>
          </cell>
          <cell r="AN1588" t="str">
            <v>MDO C&amp;M</v>
          </cell>
          <cell r="AO1588" t="str">
            <v>MDO OH/KEN C&amp;M</v>
          </cell>
        </row>
        <row r="1589">
          <cell r="F1589">
            <v>75023</v>
          </cell>
          <cell r="Z1589" t="str">
            <v>DOLMRPR</v>
          </cell>
          <cell r="AN1589" t="str">
            <v>MDO C&amp;M</v>
          </cell>
          <cell r="AO1589" t="str">
            <v>MDO OH/KEN C&amp;M</v>
          </cell>
        </row>
        <row r="1590">
          <cell r="F1590">
            <v>75023</v>
          </cell>
          <cell r="Z1590" t="str">
            <v>DOLMRPR</v>
          </cell>
          <cell r="AN1590" t="str">
            <v>MDO C&amp;M</v>
          </cell>
          <cell r="AO1590" t="str">
            <v>MDO OH/KEN C&amp;M</v>
          </cell>
        </row>
        <row r="1591">
          <cell r="F1591">
            <v>75023</v>
          </cell>
          <cell r="Z1591" t="str">
            <v>DOLMRPR</v>
          </cell>
          <cell r="AN1591" t="str">
            <v>MDO C&amp;M</v>
          </cell>
          <cell r="AO1591" t="str">
            <v>MDO OH/KEN C&amp;M</v>
          </cell>
        </row>
        <row r="1592">
          <cell r="F1592">
            <v>75023</v>
          </cell>
          <cell r="Z1592" t="str">
            <v>DOLMRPR</v>
          </cell>
          <cell r="AN1592" t="str">
            <v>MDO C&amp;M</v>
          </cell>
          <cell r="AO1592" t="str">
            <v>MDO OH/KEN C&amp;M</v>
          </cell>
        </row>
        <row r="1593">
          <cell r="F1593">
            <v>75023</v>
          </cell>
          <cell r="Z1593" t="str">
            <v>DOLMRPR</v>
          </cell>
          <cell r="AN1593" t="str">
            <v>MDO C&amp;M</v>
          </cell>
          <cell r="AO1593" t="str">
            <v>MDO OH/KEN C&amp;M</v>
          </cell>
        </row>
        <row r="1594">
          <cell r="F1594">
            <v>75023</v>
          </cell>
          <cell r="Z1594" t="str">
            <v>DOLMRPR</v>
          </cell>
          <cell r="AN1594" t="str">
            <v>MDO C&amp;M</v>
          </cell>
          <cell r="AO1594" t="str">
            <v>MDO OH/KEN C&amp;M</v>
          </cell>
        </row>
        <row r="1595">
          <cell r="F1595">
            <v>75023</v>
          </cell>
          <cell r="Z1595" t="str">
            <v>DOLMRPR</v>
          </cell>
          <cell r="AN1595" t="str">
            <v>MDO C&amp;M</v>
          </cell>
          <cell r="AO1595" t="str">
            <v>MDO OH/KEN C&amp;M</v>
          </cell>
        </row>
        <row r="1596">
          <cell r="F1596">
            <v>75023</v>
          </cell>
          <cell r="Z1596" t="str">
            <v>DOLMRPR</v>
          </cell>
          <cell r="AN1596" t="str">
            <v>MDO C&amp;M</v>
          </cell>
          <cell r="AO1596" t="str">
            <v>MDO OH/KEN C&amp;M</v>
          </cell>
        </row>
        <row r="1597">
          <cell r="F1597">
            <v>75023</v>
          </cell>
          <cell r="Z1597" t="str">
            <v>DOLMRPR</v>
          </cell>
          <cell r="AN1597" t="str">
            <v>MDO C&amp;M</v>
          </cell>
          <cell r="AO1597" t="str">
            <v>MDO OH/KEN C&amp;M</v>
          </cell>
        </row>
        <row r="1598">
          <cell r="F1598">
            <v>75023</v>
          </cell>
          <cell r="Z1598" t="str">
            <v>DOLMRPR</v>
          </cell>
          <cell r="AN1598" t="str">
            <v>MDO C&amp;M</v>
          </cell>
          <cell r="AO1598" t="str">
            <v>MDO OH/KEN C&amp;M</v>
          </cell>
        </row>
        <row r="1599">
          <cell r="F1599">
            <v>75023</v>
          </cell>
          <cell r="Z1599" t="str">
            <v>DOLMRPR</v>
          </cell>
          <cell r="AN1599" t="str">
            <v>MDO C&amp;M</v>
          </cell>
          <cell r="AO1599" t="str">
            <v>MDO OH/KEN C&amp;M</v>
          </cell>
        </row>
        <row r="1600">
          <cell r="F1600">
            <v>75023</v>
          </cell>
          <cell r="Z1600" t="str">
            <v>DOLMRPR</v>
          </cell>
          <cell r="AN1600" t="str">
            <v>MDO C&amp;M</v>
          </cell>
          <cell r="AO1600" t="str">
            <v>MDO OH/KEN C&amp;M</v>
          </cell>
        </row>
        <row r="1601">
          <cell r="F1601">
            <v>75023</v>
          </cell>
          <cell r="Z1601" t="str">
            <v>DOLMRPR</v>
          </cell>
          <cell r="AN1601" t="str">
            <v>MDO C&amp;M</v>
          </cell>
          <cell r="AO1601" t="str">
            <v>MDO OH/KEN C&amp;M</v>
          </cell>
        </row>
        <row r="1602">
          <cell r="F1602">
            <v>75023</v>
          </cell>
          <cell r="Z1602" t="str">
            <v>DOLMRPR</v>
          </cell>
          <cell r="AN1602" t="str">
            <v>MDO C&amp;M</v>
          </cell>
          <cell r="AO1602" t="str">
            <v>MDO OH/KEN C&amp;M</v>
          </cell>
        </row>
        <row r="1603">
          <cell r="F1603">
            <v>75023</v>
          </cell>
          <cell r="Z1603" t="str">
            <v>DOLMRPR</v>
          </cell>
          <cell r="AN1603" t="str">
            <v>MDO C&amp;M</v>
          </cell>
          <cell r="AO1603" t="str">
            <v>MDO OH/KEN C&amp;M</v>
          </cell>
        </row>
        <row r="1604">
          <cell r="F1604">
            <v>75023</v>
          </cell>
          <cell r="Z1604" t="str">
            <v>DOLMRPR</v>
          </cell>
          <cell r="AN1604" t="str">
            <v>MDO C&amp;M</v>
          </cell>
          <cell r="AO1604" t="str">
            <v>MDO OH/KEN C&amp;M</v>
          </cell>
        </row>
        <row r="1605">
          <cell r="F1605">
            <v>75023</v>
          </cell>
          <cell r="Z1605" t="str">
            <v>DOLMRPR</v>
          </cell>
          <cell r="AN1605" t="str">
            <v>MDO C&amp;M</v>
          </cell>
          <cell r="AO1605" t="str">
            <v>MDO OH/KEN C&amp;M</v>
          </cell>
        </row>
        <row r="1606">
          <cell r="F1606">
            <v>75023</v>
          </cell>
          <cell r="Z1606" t="str">
            <v>DOLMRPR</v>
          </cell>
          <cell r="AN1606" t="str">
            <v>MDO C&amp;M</v>
          </cell>
          <cell r="AO1606" t="str">
            <v>MDO OH/KEN C&amp;M</v>
          </cell>
        </row>
        <row r="1607">
          <cell r="F1607">
            <v>75023</v>
          </cell>
          <cell r="Z1607" t="str">
            <v>DOLMRPR</v>
          </cell>
          <cell r="AN1607" t="str">
            <v>MDO C&amp;M</v>
          </cell>
          <cell r="AO1607" t="str">
            <v>MDO OH/KEN C&amp;M</v>
          </cell>
        </row>
        <row r="1608">
          <cell r="F1608">
            <v>75023</v>
          </cell>
          <cell r="Z1608" t="str">
            <v>DOLMRPR</v>
          </cell>
          <cell r="AN1608" t="str">
            <v>MDO C&amp;M</v>
          </cell>
          <cell r="AO1608" t="str">
            <v>MDO OH/KEN C&amp;M</v>
          </cell>
        </row>
        <row r="1609">
          <cell r="F1609">
            <v>75023</v>
          </cell>
          <cell r="Z1609" t="str">
            <v>DOLMRPR</v>
          </cell>
          <cell r="AN1609" t="str">
            <v>MDO C&amp;M</v>
          </cell>
          <cell r="AO1609" t="str">
            <v>MDO OH/KEN C&amp;M</v>
          </cell>
        </row>
        <row r="1610">
          <cell r="F1610">
            <v>75023</v>
          </cell>
          <cell r="Z1610" t="str">
            <v>DOLMRPR</v>
          </cell>
          <cell r="AN1610" t="str">
            <v>MDO C&amp;M</v>
          </cell>
          <cell r="AO1610" t="str">
            <v>MDO OH/KEN C&amp;M</v>
          </cell>
        </row>
        <row r="1611">
          <cell r="F1611">
            <v>75023</v>
          </cell>
          <cell r="Z1611" t="str">
            <v>DOLMRPR</v>
          </cell>
          <cell r="AN1611" t="str">
            <v>MDO C&amp;M</v>
          </cell>
          <cell r="AO1611" t="str">
            <v>MDO OH/KEN C&amp;M</v>
          </cell>
        </row>
        <row r="1612">
          <cell r="F1612">
            <v>75023</v>
          </cell>
          <cell r="Z1612" t="str">
            <v>DOLMRPR</v>
          </cell>
          <cell r="AN1612" t="str">
            <v>MDO C&amp;M</v>
          </cell>
          <cell r="AO1612" t="str">
            <v>MDO OH/KEN C&amp;M</v>
          </cell>
        </row>
        <row r="1613">
          <cell r="F1613">
            <v>75023</v>
          </cell>
          <cell r="Z1613" t="str">
            <v>DOLMRPR</v>
          </cell>
          <cell r="AN1613" t="str">
            <v>MDO C&amp;M</v>
          </cell>
          <cell r="AO1613" t="str">
            <v>MDO OH/KEN C&amp;M</v>
          </cell>
        </row>
        <row r="1614">
          <cell r="F1614">
            <v>75023</v>
          </cell>
          <cell r="Z1614" t="str">
            <v>DOLMRPR</v>
          </cell>
          <cell r="AN1614" t="str">
            <v>MDO C&amp;M</v>
          </cell>
          <cell r="AO1614" t="str">
            <v>MDO OH/KEN C&amp;M</v>
          </cell>
        </row>
        <row r="1615">
          <cell r="F1615">
            <v>75023</v>
          </cell>
          <cell r="Z1615" t="str">
            <v>DOLMRPR</v>
          </cell>
          <cell r="AN1615" t="str">
            <v>MDO C&amp;M</v>
          </cell>
          <cell r="AO1615" t="str">
            <v>MDO OH/KEN C&amp;M</v>
          </cell>
        </row>
        <row r="1616">
          <cell r="F1616">
            <v>75023</v>
          </cell>
          <cell r="Z1616" t="str">
            <v>DOLMRPR</v>
          </cell>
          <cell r="AN1616" t="str">
            <v>MDO C&amp;M</v>
          </cell>
          <cell r="AO1616" t="str">
            <v>MDO OH/KEN C&amp;M</v>
          </cell>
        </row>
        <row r="1617">
          <cell r="F1617">
            <v>75023</v>
          </cell>
          <cell r="Z1617" t="str">
            <v>DOLMRPR</v>
          </cell>
          <cell r="AN1617" t="str">
            <v>MDO C&amp;M</v>
          </cell>
          <cell r="AO1617" t="str">
            <v>MDO OH/KEN C&amp;M</v>
          </cell>
        </row>
        <row r="1618">
          <cell r="F1618">
            <v>75023</v>
          </cell>
          <cell r="Z1618" t="str">
            <v>DOLMRPR</v>
          </cell>
          <cell r="AN1618" t="str">
            <v>MDO C&amp;M</v>
          </cell>
          <cell r="AO1618" t="str">
            <v>MDO OH/KEN C&amp;M</v>
          </cell>
        </row>
        <row r="1619">
          <cell r="F1619">
            <v>75023</v>
          </cell>
          <cell r="Z1619" t="str">
            <v>DOLMRPR</v>
          </cell>
          <cell r="AN1619" t="str">
            <v>MDO C&amp;M</v>
          </cell>
          <cell r="AO1619" t="str">
            <v>MDO OH/KEN C&amp;M</v>
          </cell>
        </row>
        <row r="1620">
          <cell r="F1620">
            <v>75023</v>
          </cell>
          <cell r="Z1620" t="str">
            <v>DOLMRPR</v>
          </cell>
          <cell r="AN1620" t="str">
            <v>MDO C&amp;M</v>
          </cell>
          <cell r="AO1620" t="str">
            <v>MDO OH/KEN C&amp;M</v>
          </cell>
        </row>
        <row r="1621">
          <cell r="F1621">
            <v>75023</v>
          </cell>
          <cell r="Z1621" t="str">
            <v>DOLMRPR</v>
          </cell>
          <cell r="AN1621" t="str">
            <v>MDO C&amp;M</v>
          </cell>
          <cell r="AO1621" t="str">
            <v>MDO OH/KEN C&amp;M</v>
          </cell>
        </row>
        <row r="1622">
          <cell r="F1622">
            <v>75023</v>
          </cell>
          <cell r="Z1622" t="str">
            <v>DOLMRPR</v>
          </cell>
          <cell r="AN1622" t="str">
            <v>MDO C&amp;M</v>
          </cell>
          <cell r="AO1622" t="str">
            <v>MDO OH/KEN C&amp;M</v>
          </cell>
        </row>
        <row r="1623">
          <cell r="F1623">
            <v>75023</v>
          </cell>
          <cell r="Z1623" t="str">
            <v>DOLMRPR</v>
          </cell>
          <cell r="AN1623" t="str">
            <v>MDO C&amp;M</v>
          </cell>
          <cell r="AO1623" t="str">
            <v>MDO OH/KEN C&amp;M</v>
          </cell>
        </row>
        <row r="1624">
          <cell r="F1624">
            <v>75023</v>
          </cell>
          <cell r="Z1624" t="str">
            <v>DOLMRPR</v>
          </cell>
          <cell r="AN1624" t="str">
            <v>MDO C&amp;M</v>
          </cell>
          <cell r="AO1624" t="str">
            <v>MDO OH/KEN C&amp;M</v>
          </cell>
        </row>
        <row r="1625">
          <cell r="F1625">
            <v>75023</v>
          </cell>
          <cell r="Z1625" t="str">
            <v>DOLMRPR</v>
          </cell>
          <cell r="AN1625" t="str">
            <v>MDO C&amp;M</v>
          </cell>
          <cell r="AO1625" t="str">
            <v>MDO OH/KEN C&amp;M</v>
          </cell>
        </row>
        <row r="1626">
          <cell r="F1626">
            <v>75023</v>
          </cell>
          <cell r="Z1626" t="str">
            <v>DOLMRPR</v>
          </cell>
          <cell r="AN1626" t="str">
            <v>MDO C&amp;M</v>
          </cell>
          <cell r="AO1626" t="str">
            <v>MDO OH/KEN C&amp;M</v>
          </cell>
        </row>
        <row r="1627">
          <cell r="F1627">
            <v>75023</v>
          </cell>
          <cell r="Z1627" t="str">
            <v>DOLMRPR</v>
          </cell>
          <cell r="AN1627" t="str">
            <v>MDO C&amp;M</v>
          </cell>
          <cell r="AO1627" t="str">
            <v>MDO OH/KEN C&amp;M</v>
          </cell>
        </row>
        <row r="1628">
          <cell r="F1628">
            <v>75023</v>
          </cell>
          <cell r="Z1628" t="str">
            <v>DOLMRPR</v>
          </cell>
          <cell r="AN1628" t="str">
            <v>MDO C&amp;M</v>
          </cell>
          <cell r="AO1628" t="str">
            <v>MDO OH/KEN C&amp;M</v>
          </cell>
        </row>
        <row r="1629">
          <cell r="F1629">
            <v>75023</v>
          </cell>
          <cell r="Z1629" t="str">
            <v>DOLMRPR</v>
          </cell>
          <cell r="AN1629" t="str">
            <v>MDO C&amp;M</v>
          </cell>
          <cell r="AO1629" t="str">
            <v>MDO OH/KEN C&amp;M</v>
          </cell>
        </row>
        <row r="1630">
          <cell r="F1630">
            <v>75023</v>
          </cell>
          <cell r="Z1630" t="str">
            <v>DOLMRPR</v>
          </cell>
          <cell r="AN1630" t="str">
            <v>MDO C&amp;M</v>
          </cell>
          <cell r="AO1630" t="str">
            <v>MDO OH/KEN C&amp;M</v>
          </cell>
        </row>
        <row r="1631">
          <cell r="F1631">
            <v>75023</v>
          </cell>
          <cell r="Z1631" t="str">
            <v>DOLMRPR</v>
          </cell>
          <cell r="AN1631" t="str">
            <v>MDO C&amp;M</v>
          </cell>
          <cell r="AO1631" t="str">
            <v>MDO OH/KEN C&amp;M</v>
          </cell>
        </row>
        <row r="1632">
          <cell r="F1632">
            <v>75023</v>
          </cell>
          <cell r="Z1632" t="str">
            <v>DOLMRPR</v>
          </cell>
          <cell r="AN1632" t="str">
            <v>MDO C&amp;M</v>
          </cell>
          <cell r="AO1632" t="str">
            <v>MDO OH/KEN C&amp;M</v>
          </cell>
        </row>
        <row r="1633">
          <cell r="F1633">
            <v>75023</v>
          </cell>
          <cell r="Z1633" t="str">
            <v>DOLMRPR</v>
          </cell>
          <cell r="AN1633" t="str">
            <v>MDO C&amp;M</v>
          </cell>
          <cell r="AO1633" t="str">
            <v>MDO OH/KEN C&amp;M</v>
          </cell>
        </row>
        <row r="1634">
          <cell r="F1634">
            <v>75023</v>
          </cell>
          <cell r="Z1634" t="str">
            <v>DOLMRPR</v>
          </cell>
          <cell r="AN1634" t="str">
            <v>MDO C&amp;M</v>
          </cell>
          <cell r="AO1634" t="str">
            <v>MDO OH/KEN C&amp;M</v>
          </cell>
        </row>
        <row r="1635">
          <cell r="F1635">
            <v>75023</v>
          </cell>
          <cell r="Z1635" t="str">
            <v>DOLMRPR</v>
          </cell>
          <cell r="AN1635" t="str">
            <v>MDO C&amp;M</v>
          </cell>
          <cell r="AO1635" t="str">
            <v>MDO OH/KEN C&amp;M</v>
          </cell>
        </row>
        <row r="1636">
          <cell r="F1636">
            <v>75023</v>
          </cell>
          <cell r="Z1636" t="str">
            <v>DOLMRPR</v>
          </cell>
          <cell r="AN1636" t="str">
            <v>MDO C&amp;M</v>
          </cell>
          <cell r="AO1636" t="str">
            <v>MDO OH/KEN C&amp;M</v>
          </cell>
        </row>
        <row r="1637">
          <cell r="F1637">
            <v>75023</v>
          </cell>
          <cell r="Z1637" t="str">
            <v>DOLMRPR</v>
          </cell>
          <cell r="AN1637" t="str">
            <v>MDO C&amp;M</v>
          </cell>
          <cell r="AO1637" t="str">
            <v>MDO OH/KEN C&amp;M</v>
          </cell>
        </row>
        <row r="1638">
          <cell r="F1638">
            <v>75023</v>
          </cell>
          <cell r="Z1638" t="str">
            <v>DOLMRPR</v>
          </cell>
          <cell r="AN1638" t="str">
            <v>MDO C&amp;M</v>
          </cell>
          <cell r="AO1638" t="str">
            <v>MDO OH/KEN C&amp;M</v>
          </cell>
        </row>
        <row r="1639">
          <cell r="F1639">
            <v>75023</v>
          </cell>
          <cell r="Z1639" t="str">
            <v>DOLMRPR</v>
          </cell>
          <cell r="AN1639" t="str">
            <v>MDO C&amp;M</v>
          </cell>
          <cell r="AO1639" t="str">
            <v>MDO OH/KEN C&amp;M</v>
          </cell>
        </row>
        <row r="1640">
          <cell r="F1640">
            <v>75023</v>
          </cell>
          <cell r="Z1640" t="str">
            <v>DOLMRPR</v>
          </cell>
          <cell r="AN1640" t="str">
            <v>MDO C&amp;M</v>
          </cell>
          <cell r="AO1640" t="str">
            <v>MDO OH/KEN C&amp;M</v>
          </cell>
        </row>
        <row r="1641">
          <cell r="F1641">
            <v>75023</v>
          </cell>
          <cell r="Z1641" t="str">
            <v>DOLMRPR</v>
          </cell>
          <cell r="AN1641" t="str">
            <v>MDO C&amp;M</v>
          </cell>
          <cell r="AO1641" t="str">
            <v>MDO OH/KEN C&amp;M</v>
          </cell>
        </row>
        <row r="1642">
          <cell r="F1642">
            <v>75023</v>
          </cell>
          <cell r="Z1642" t="str">
            <v>DOLMRPR</v>
          </cell>
          <cell r="AN1642" t="str">
            <v>MDO C&amp;M</v>
          </cell>
          <cell r="AO1642" t="str">
            <v>MDO OH/KEN C&amp;M</v>
          </cell>
        </row>
        <row r="1643">
          <cell r="F1643">
            <v>75023</v>
          </cell>
          <cell r="Z1643" t="str">
            <v>DOLMRPR</v>
          </cell>
          <cell r="AN1643" t="str">
            <v>MDO C&amp;M</v>
          </cell>
          <cell r="AO1643" t="str">
            <v>MDO OH/KEN C&amp;M</v>
          </cell>
        </row>
        <row r="1644">
          <cell r="F1644">
            <v>75023</v>
          </cell>
          <cell r="Z1644" t="str">
            <v>DOLMRPR</v>
          </cell>
          <cell r="AN1644" t="str">
            <v>MDO C&amp;M</v>
          </cell>
          <cell r="AO1644" t="str">
            <v>MDO OH/KEN C&amp;M</v>
          </cell>
        </row>
        <row r="1645">
          <cell r="F1645">
            <v>75023</v>
          </cell>
          <cell r="Z1645" t="str">
            <v>DOLMRPR</v>
          </cell>
          <cell r="AN1645" t="str">
            <v>MDO C&amp;M</v>
          </cell>
          <cell r="AO1645" t="str">
            <v>MDO OH/KEN C&amp;M</v>
          </cell>
        </row>
        <row r="1646">
          <cell r="F1646">
            <v>75023</v>
          </cell>
          <cell r="Z1646" t="str">
            <v>DOLMRPR</v>
          </cell>
          <cell r="AN1646" t="str">
            <v>MDO C&amp;M</v>
          </cell>
          <cell r="AO1646" t="str">
            <v>MDO OH/KEN C&amp;M</v>
          </cell>
        </row>
        <row r="1647">
          <cell r="F1647">
            <v>75023</v>
          </cell>
          <cell r="Z1647" t="str">
            <v>DOLMRPR</v>
          </cell>
          <cell r="AN1647" t="str">
            <v>MDO C&amp;M</v>
          </cell>
          <cell r="AO1647" t="str">
            <v>MDO OH/KEN C&amp;M</v>
          </cell>
        </row>
        <row r="1648">
          <cell r="F1648">
            <v>75023</v>
          </cell>
          <cell r="Z1648" t="str">
            <v>DOLMRPR</v>
          </cell>
          <cell r="AN1648" t="str">
            <v>MDO C&amp;M</v>
          </cell>
          <cell r="AO1648" t="str">
            <v>MDO OH/KEN C&amp;M</v>
          </cell>
        </row>
        <row r="1649">
          <cell r="F1649">
            <v>75023</v>
          </cell>
          <cell r="Z1649" t="str">
            <v>DOLMRPR</v>
          </cell>
          <cell r="AN1649" t="str">
            <v>MDO C&amp;M</v>
          </cell>
          <cell r="AO1649" t="str">
            <v>MDO OH/KEN C&amp;M</v>
          </cell>
        </row>
        <row r="1650">
          <cell r="F1650">
            <v>75023</v>
          </cell>
          <cell r="Z1650" t="str">
            <v>DOLMRPR</v>
          </cell>
          <cell r="AN1650" t="str">
            <v>MDO C&amp;M</v>
          </cell>
          <cell r="AO1650" t="str">
            <v>MDO OH/KEN C&amp;M</v>
          </cell>
        </row>
        <row r="1651">
          <cell r="F1651">
            <v>75023</v>
          </cell>
          <cell r="Z1651" t="str">
            <v>DOLMRPR</v>
          </cell>
          <cell r="AN1651" t="str">
            <v>MDO C&amp;M</v>
          </cell>
          <cell r="AO1651" t="str">
            <v>MDO OH/KEN C&amp;M</v>
          </cell>
        </row>
        <row r="1652">
          <cell r="F1652">
            <v>75023</v>
          </cell>
          <cell r="Z1652" t="str">
            <v>DOLMRPR</v>
          </cell>
          <cell r="AN1652" t="str">
            <v>MDO C&amp;M</v>
          </cell>
          <cell r="AO1652" t="str">
            <v>MDO OH/KEN C&amp;M</v>
          </cell>
        </row>
        <row r="1653">
          <cell r="F1653">
            <v>75023</v>
          </cell>
          <cell r="Z1653" t="str">
            <v>DOLMRPR</v>
          </cell>
          <cell r="AN1653" t="str">
            <v>MDO C&amp;M</v>
          </cell>
          <cell r="AO1653" t="str">
            <v>MDO OH/KEN C&amp;M</v>
          </cell>
        </row>
        <row r="1654">
          <cell r="F1654">
            <v>75023</v>
          </cell>
          <cell r="Z1654" t="str">
            <v>DOLMRPR</v>
          </cell>
          <cell r="AN1654" t="str">
            <v>MDO C&amp;M</v>
          </cell>
          <cell r="AO1654" t="str">
            <v>MDO OH/KEN C&amp;M</v>
          </cell>
        </row>
        <row r="1655">
          <cell r="F1655">
            <v>75023</v>
          </cell>
          <cell r="Z1655" t="str">
            <v>DOLMRPR</v>
          </cell>
          <cell r="AN1655" t="str">
            <v>MDO C&amp;M</v>
          </cell>
          <cell r="AO1655" t="str">
            <v>MDO OH/KEN C&amp;M</v>
          </cell>
        </row>
        <row r="1656">
          <cell r="F1656">
            <v>75023</v>
          </cell>
          <cell r="Z1656" t="str">
            <v>DOLMRPR</v>
          </cell>
          <cell r="AN1656" t="str">
            <v>MDO C&amp;M</v>
          </cell>
          <cell r="AO1656" t="str">
            <v>MDO OH/KEN C&amp;M</v>
          </cell>
        </row>
        <row r="1657">
          <cell r="F1657">
            <v>75023</v>
          </cell>
          <cell r="Z1657" t="str">
            <v>DOLMRPR</v>
          </cell>
          <cell r="AN1657" t="str">
            <v>MDO C&amp;M</v>
          </cell>
          <cell r="AO1657" t="str">
            <v>MDO OH/KEN C&amp;M</v>
          </cell>
        </row>
        <row r="1658">
          <cell r="F1658">
            <v>75023</v>
          </cell>
          <cell r="Z1658" t="str">
            <v>DOLMRPR</v>
          </cell>
          <cell r="AN1658" t="str">
            <v>MDO C&amp;M</v>
          </cell>
          <cell r="AO1658" t="str">
            <v>MDO OH/KEN C&amp;M</v>
          </cell>
        </row>
        <row r="1659">
          <cell r="F1659">
            <v>75023</v>
          </cell>
          <cell r="Z1659" t="str">
            <v>DOLMRPR</v>
          </cell>
          <cell r="AN1659" t="str">
            <v>MDO C&amp;M</v>
          </cell>
          <cell r="AO1659" t="str">
            <v>MDO OH/KEN C&amp;M</v>
          </cell>
        </row>
        <row r="1660">
          <cell r="F1660">
            <v>75023</v>
          </cell>
          <cell r="Z1660" t="str">
            <v>DOLMRPR</v>
          </cell>
          <cell r="AN1660" t="str">
            <v>MDO C&amp;M</v>
          </cell>
          <cell r="AO1660" t="str">
            <v>MDO OH/KEN C&amp;M</v>
          </cell>
        </row>
        <row r="1661">
          <cell r="F1661">
            <v>75023</v>
          </cell>
          <cell r="Z1661" t="str">
            <v>DOLMRPR</v>
          </cell>
          <cell r="AN1661" t="str">
            <v>MDO C&amp;M</v>
          </cell>
          <cell r="AO1661" t="str">
            <v>MDO OH/KEN C&amp;M</v>
          </cell>
        </row>
        <row r="1662">
          <cell r="F1662">
            <v>75023</v>
          </cell>
          <cell r="Z1662" t="str">
            <v>DOLMRPR</v>
          </cell>
          <cell r="AN1662" t="str">
            <v>MDO C&amp;M</v>
          </cell>
          <cell r="AO1662" t="str">
            <v>MDO OH/KEN C&amp;M</v>
          </cell>
        </row>
        <row r="1663">
          <cell r="F1663">
            <v>75023</v>
          </cell>
          <cell r="Z1663" t="str">
            <v>DOLMRPR</v>
          </cell>
          <cell r="AN1663" t="str">
            <v>MDO C&amp;M</v>
          </cell>
          <cell r="AO1663" t="str">
            <v>MDO OH/KEN C&amp;M</v>
          </cell>
        </row>
        <row r="1664">
          <cell r="F1664">
            <v>75023</v>
          </cell>
          <cell r="Z1664" t="str">
            <v>DOLMRPR</v>
          </cell>
          <cell r="AN1664" t="str">
            <v>MDO C&amp;M</v>
          </cell>
          <cell r="AO1664" t="str">
            <v>MDO OH/KEN C&amp;M</v>
          </cell>
        </row>
        <row r="1665">
          <cell r="F1665">
            <v>75023</v>
          </cell>
          <cell r="Z1665" t="str">
            <v>DOLMRPR</v>
          </cell>
          <cell r="AN1665" t="str">
            <v>MDO C&amp;M</v>
          </cell>
          <cell r="AO1665" t="str">
            <v>MDO OH/KEN C&amp;M</v>
          </cell>
        </row>
        <row r="1666">
          <cell r="F1666">
            <v>75023</v>
          </cell>
          <cell r="Z1666" t="str">
            <v>DOLMRPR</v>
          </cell>
          <cell r="AN1666" t="str">
            <v>MDO C&amp;M</v>
          </cell>
          <cell r="AO1666" t="str">
            <v>MDO OH/KEN C&amp;M</v>
          </cell>
        </row>
        <row r="1667">
          <cell r="F1667">
            <v>75023</v>
          </cell>
          <cell r="Z1667" t="str">
            <v>DOLMRPR</v>
          </cell>
          <cell r="AN1667" t="str">
            <v>MDO C&amp;M</v>
          </cell>
          <cell r="AO1667" t="str">
            <v>MDO OH/KEN C&amp;M</v>
          </cell>
        </row>
        <row r="1668">
          <cell r="F1668">
            <v>75023</v>
          </cell>
          <cell r="Z1668" t="str">
            <v>DOLMRPR</v>
          </cell>
          <cell r="AN1668" t="str">
            <v>MDO C&amp;M</v>
          </cell>
          <cell r="AO1668" t="str">
            <v>MDO OH/KEN C&amp;M</v>
          </cell>
        </row>
        <row r="1669">
          <cell r="F1669">
            <v>75023</v>
          </cell>
          <cell r="Z1669" t="str">
            <v>DOLMRPR</v>
          </cell>
          <cell r="AN1669" t="str">
            <v>MDO C&amp;M</v>
          </cell>
          <cell r="AO1669" t="str">
            <v>MDO OH/KEN C&amp;M</v>
          </cell>
        </row>
        <row r="1670">
          <cell r="F1670">
            <v>75023</v>
          </cell>
          <cell r="Z1670" t="str">
            <v>DOLMRPR</v>
          </cell>
          <cell r="AN1670" t="str">
            <v>MDO C&amp;M</v>
          </cell>
          <cell r="AO1670" t="str">
            <v>MDO OH/KEN C&amp;M</v>
          </cell>
        </row>
        <row r="1671">
          <cell r="F1671">
            <v>75023</v>
          </cell>
          <cell r="Z1671" t="str">
            <v>DOLMRPR</v>
          </cell>
          <cell r="AN1671" t="str">
            <v>MDO C&amp;M</v>
          </cell>
          <cell r="AO1671" t="str">
            <v>MDO OH/KEN C&amp;M</v>
          </cell>
        </row>
        <row r="1672">
          <cell r="F1672">
            <v>75023</v>
          </cell>
          <cell r="Z1672" t="str">
            <v>DOLMRPR</v>
          </cell>
          <cell r="AN1672" t="str">
            <v>MDO C&amp;M</v>
          </cell>
          <cell r="AO1672" t="str">
            <v>MDO OH/KEN C&amp;M</v>
          </cell>
        </row>
        <row r="1673">
          <cell r="F1673">
            <v>75023</v>
          </cell>
          <cell r="Z1673" t="str">
            <v>DOLMRPR</v>
          </cell>
          <cell r="AN1673" t="str">
            <v>MDO C&amp;M</v>
          </cell>
          <cell r="AO1673" t="str">
            <v>MDO OH/KEN C&amp;M</v>
          </cell>
        </row>
        <row r="1674">
          <cell r="F1674">
            <v>75084</v>
          </cell>
          <cell r="Z1674" t="str">
            <v>DOLMRPR</v>
          </cell>
          <cell r="AN1674" t="str">
            <v>MDO C&amp;M</v>
          </cell>
          <cell r="AO1674" t="str">
            <v>MDO OH/KEN C&amp;M</v>
          </cell>
        </row>
        <row r="1675">
          <cell r="F1675">
            <v>75084</v>
          </cell>
          <cell r="Z1675" t="str">
            <v>DOLMRPR</v>
          </cell>
          <cell r="AN1675" t="str">
            <v>MDO C&amp;M</v>
          </cell>
          <cell r="AO1675" t="str">
            <v>MDO OH/KEN C&amp;M</v>
          </cell>
        </row>
        <row r="1676">
          <cell r="F1676">
            <v>75084</v>
          </cell>
          <cell r="Z1676" t="str">
            <v>DOLMRPR</v>
          </cell>
          <cell r="AN1676" t="str">
            <v>MDO C&amp;M</v>
          </cell>
          <cell r="AO1676" t="str">
            <v>MDO OH/KEN C&amp;M</v>
          </cell>
        </row>
        <row r="1677">
          <cell r="F1677">
            <v>75084</v>
          </cell>
          <cell r="Z1677" t="str">
            <v>DOLMRPR</v>
          </cell>
          <cell r="AN1677" t="str">
            <v>MDO C&amp;M</v>
          </cell>
          <cell r="AO1677" t="str">
            <v>MDO OH/KEN C&amp;M</v>
          </cell>
        </row>
        <row r="1678">
          <cell r="F1678">
            <v>75084</v>
          </cell>
          <cell r="Z1678" t="str">
            <v>DOLMRPR</v>
          </cell>
          <cell r="AN1678" t="str">
            <v>MDO C&amp;M</v>
          </cell>
          <cell r="AO1678" t="str">
            <v>MDO OH/KEN C&amp;M</v>
          </cell>
        </row>
        <row r="1679">
          <cell r="F1679">
            <v>75084</v>
          </cell>
          <cell r="Z1679" t="str">
            <v>DOLMRPR</v>
          </cell>
          <cell r="AN1679" t="str">
            <v>MDO C&amp;M</v>
          </cell>
          <cell r="AO1679" t="str">
            <v>MDO OH/KEN C&amp;M</v>
          </cell>
        </row>
        <row r="1680">
          <cell r="F1680">
            <v>75084</v>
          </cell>
          <cell r="Z1680" t="str">
            <v>DOLMRPR</v>
          </cell>
          <cell r="AN1680" t="str">
            <v>MDO C&amp;M</v>
          </cell>
          <cell r="AO1680" t="str">
            <v>MDO OH/KEN C&amp;M</v>
          </cell>
        </row>
        <row r="1681">
          <cell r="F1681">
            <v>75084</v>
          </cell>
          <cell r="Z1681" t="str">
            <v>DOLMRPR</v>
          </cell>
          <cell r="AN1681" t="str">
            <v>MDO C&amp;M</v>
          </cell>
          <cell r="AO1681" t="str">
            <v>MDO OH/KEN C&amp;M</v>
          </cell>
        </row>
        <row r="1682">
          <cell r="F1682">
            <v>75084</v>
          </cell>
          <cell r="Z1682" t="str">
            <v>DOLMRPR</v>
          </cell>
          <cell r="AN1682" t="str">
            <v>MDO C&amp;M</v>
          </cell>
          <cell r="AO1682" t="str">
            <v>MDO OH/KEN C&amp;M</v>
          </cell>
        </row>
        <row r="1683">
          <cell r="F1683">
            <v>75084</v>
          </cell>
          <cell r="Z1683" t="str">
            <v>DOLMRPR</v>
          </cell>
          <cell r="AN1683" t="str">
            <v>MDO C&amp;M</v>
          </cell>
          <cell r="AO1683" t="str">
            <v>MDO OH/KEN C&amp;M</v>
          </cell>
        </row>
        <row r="1684">
          <cell r="F1684">
            <v>75084</v>
          </cell>
          <cell r="Z1684" t="str">
            <v>DOLMRPR</v>
          </cell>
          <cell r="AN1684" t="str">
            <v>MDO C&amp;M</v>
          </cell>
          <cell r="AO1684" t="str">
            <v>MDO OH/KEN C&amp;M</v>
          </cell>
        </row>
        <row r="1685">
          <cell r="F1685">
            <v>75084</v>
          </cell>
          <cell r="Z1685" t="str">
            <v>DOLMRPR</v>
          </cell>
          <cell r="AN1685" t="str">
            <v>MDO C&amp;M</v>
          </cell>
          <cell r="AO1685" t="str">
            <v>MDO OH/KEN C&amp;M</v>
          </cell>
        </row>
        <row r="1686">
          <cell r="F1686">
            <v>75084</v>
          </cell>
          <cell r="Z1686" t="str">
            <v>DOLMRPR</v>
          </cell>
          <cell r="AN1686" t="str">
            <v>MDO C&amp;M</v>
          </cell>
          <cell r="AO1686" t="str">
            <v>MDO OH/KEN C&amp;M</v>
          </cell>
        </row>
        <row r="1687">
          <cell r="F1687">
            <v>75084</v>
          </cell>
          <cell r="Z1687" t="str">
            <v>DOLMRPR</v>
          </cell>
          <cell r="AN1687" t="str">
            <v>MDO C&amp;M</v>
          </cell>
          <cell r="AO1687" t="str">
            <v>MDO OH/KEN C&amp;M</v>
          </cell>
        </row>
        <row r="1688">
          <cell r="F1688">
            <v>75084</v>
          </cell>
          <cell r="Z1688" t="str">
            <v>DOLMRPR</v>
          </cell>
          <cell r="AN1688" t="str">
            <v>MDO C&amp;M</v>
          </cell>
          <cell r="AO1688" t="str">
            <v>MDO OH/KEN C&amp;M</v>
          </cell>
        </row>
        <row r="1689">
          <cell r="F1689">
            <v>75084</v>
          </cell>
          <cell r="Z1689" t="str">
            <v>DOLMRPR</v>
          </cell>
          <cell r="AN1689" t="str">
            <v>MDO C&amp;M</v>
          </cell>
          <cell r="AO1689" t="str">
            <v>MDO OH/KEN C&amp;M</v>
          </cell>
        </row>
        <row r="1690">
          <cell r="F1690">
            <v>75084</v>
          </cell>
          <cell r="Z1690" t="str">
            <v>DOLMRPR</v>
          </cell>
          <cell r="AN1690" t="str">
            <v>MDO C&amp;M</v>
          </cell>
          <cell r="AO1690" t="str">
            <v>MDO OH/KEN C&amp;M</v>
          </cell>
        </row>
        <row r="1691">
          <cell r="F1691">
            <v>75084</v>
          </cell>
          <cell r="Z1691" t="str">
            <v>DOLMRPR</v>
          </cell>
          <cell r="AN1691" t="str">
            <v>MDO C&amp;M</v>
          </cell>
          <cell r="AO1691" t="str">
            <v>MDO OH/KEN C&amp;M</v>
          </cell>
        </row>
        <row r="1692">
          <cell r="F1692">
            <v>75084</v>
          </cell>
          <cell r="Z1692" t="str">
            <v>DOLMRPR</v>
          </cell>
          <cell r="AN1692" t="str">
            <v>MDO C&amp;M</v>
          </cell>
          <cell r="AO1692" t="str">
            <v>MDO OH/KEN C&amp;M</v>
          </cell>
        </row>
        <row r="1693">
          <cell r="F1693">
            <v>75084</v>
          </cell>
          <cell r="Z1693" t="str">
            <v>DOLMRPR</v>
          </cell>
          <cell r="AN1693" t="str">
            <v>MDO C&amp;M</v>
          </cell>
          <cell r="AO1693" t="str">
            <v>MDO OH/KEN C&amp;M</v>
          </cell>
        </row>
        <row r="1694">
          <cell r="F1694">
            <v>75084</v>
          </cell>
          <cell r="Z1694" t="str">
            <v>DOLMRPR</v>
          </cell>
          <cell r="AN1694" t="str">
            <v>MDO C&amp;M</v>
          </cell>
          <cell r="AO1694" t="str">
            <v>MDO OH/KEN C&amp;M</v>
          </cell>
        </row>
        <row r="1695">
          <cell r="F1695">
            <v>75084</v>
          </cell>
          <cell r="Z1695" t="str">
            <v>DOLMRPR</v>
          </cell>
          <cell r="AN1695" t="str">
            <v>MDO C&amp;M</v>
          </cell>
          <cell r="AO1695" t="str">
            <v>MDO OH/KEN C&amp;M</v>
          </cell>
        </row>
        <row r="1696">
          <cell r="F1696">
            <v>75084</v>
          </cell>
          <cell r="Z1696" t="str">
            <v>DOLMRPR</v>
          </cell>
          <cell r="AN1696" t="str">
            <v>MDO C&amp;M</v>
          </cell>
          <cell r="AO1696" t="str">
            <v>MDO OH/KEN C&amp;M</v>
          </cell>
        </row>
        <row r="1697">
          <cell r="F1697">
            <v>75084</v>
          </cell>
          <cell r="Z1697" t="str">
            <v>DOLMRPR</v>
          </cell>
          <cell r="AN1697" t="str">
            <v>MDO C&amp;M</v>
          </cell>
          <cell r="AO1697" t="str">
            <v>MDO OH/KEN C&amp;M</v>
          </cell>
        </row>
        <row r="1698">
          <cell r="F1698">
            <v>75084</v>
          </cell>
          <cell r="Z1698" t="str">
            <v>DOLMRPR</v>
          </cell>
          <cell r="AN1698" t="str">
            <v>MDO C&amp;M</v>
          </cell>
          <cell r="AO1698" t="str">
            <v>MDO OH/KEN C&amp;M</v>
          </cell>
        </row>
        <row r="1699">
          <cell r="F1699">
            <v>75084</v>
          </cell>
          <cell r="Z1699" t="str">
            <v>DOLMRPR</v>
          </cell>
          <cell r="AN1699" t="str">
            <v>MDO C&amp;M</v>
          </cell>
          <cell r="AO1699" t="str">
            <v>MDO OH/KEN C&amp;M</v>
          </cell>
        </row>
        <row r="1700">
          <cell r="F1700">
            <v>75084</v>
          </cell>
          <cell r="Z1700" t="str">
            <v>DOLMRPR</v>
          </cell>
          <cell r="AN1700" t="str">
            <v>MDO C&amp;M</v>
          </cell>
          <cell r="AO1700" t="str">
            <v>MDO OH/KEN C&amp;M</v>
          </cell>
        </row>
        <row r="1701">
          <cell r="F1701">
            <v>75084</v>
          </cell>
          <cell r="Z1701" t="str">
            <v>DOLMRPR</v>
          </cell>
          <cell r="AN1701" t="str">
            <v>MDO C&amp;M</v>
          </cell>
          <cell r="AO1701" t="str">
            <v>MDO OH/KEN C&amp;M</v>
          </cell>
        </row>
        <row r="1702">
          <cell r="F1702">
            <v>75084</v>
          </cell>
          <cell r="Z1702" t="str">
            <v>DOLMRPR</v>
          </cell>
          <cell r="AN1702" t="str">
            <v>MDO C&amp;M</v>
          </cell>
          <cell r="AO1702" t="str">
            <v>MDO OH/KEN C&amp;M</v>
          </cell>
        </row>
        <row r="1703">
          <cell r="F1703">
            <v>75084</v>
          </cell>
          <cell r="Z1703" t="str">
            <v>DOLMRPR</v>
          </cell>
          <cell r="AN1703" t="str">
            <v>MDO C&amp;M</v>
          </cell>
          <cell r="AO1703" t="str">
            <v>MDO OH/KEN C&amp;M</v>
          </cell>
        </row>
        <row r="1704">
          <cell r="F1704">
            <v>75084</v>
          </cell>
          <cell r="Z1704" t="str">
            <v>DOLMRPR</v>
          </cell>
          <cell r="AN1704" t="str">
            <v>MDO C&amp;M</v>
          </cell>
          <cell r="AO1704" t="str">
            <v>MDO OH/KEN C&amp;M</v>
          </cell>
        </row>
        <row r="1705">
          <cell r="F1705">
            <v>75084</v>
          </cell>
          <cell r="Z1705" t="str">
            <v>DOLMRPR</v>
          </cell>
          <cell r="AN1705" t="str">
            <v>MDO C&amp;M</v>
          </cell>
          <cell r="AO1705" t="str">
            <v>MDO OH/KEN C&amp;M</v>
          </cell>
        </row>
        <row r="1706">
          <cell r="F1706">
            <v>75084</v>
          </cell>
          <cell r="Z1706" t="str">
            <v>DOLMRPR</v>
          </cell>
          <cell r="AN1706" t="str">
            <v>MDO C&amp;M</v>
          </cell>
          <cell r="AO1706" t="str">
            <v>MDO OH/KEN C&amp;M</v>
          </cell>
        </row>
        <row r="1707">
          <cell r="F1707">
            <v>75084</v>
          </cell>
          <cell r="Z1707" t="str">
            <v>DOLMRPR</v>
          </cell>
          <cell r="AN1707" t="str">
            <v>MDO C&amp;M</v>
          </cell>
          <cell r="AO1707" t="str">
            <v>MDO OH/KEN C&amp;M</v>
          </cell>
        </row>
        <row r="1708">
          <cell r="F1708">
            <v>75084</v>
          </cell>
          <cell r="Z1708" t="str">
            <v>DOLMRPR</v>
          </cell>
          <cell r="AN1708" t="str">
            <v>MDO C&amp;M</v>
          </cell>
          <cell r="AO1708" t="str">
            <v>MDO OH/KEN C&amp;M</v>
          </cell>
        </row>
        <row r="1709">
          <cell r="F1709">
            <v>75084</v>
          </cell>
          <cell r="Z1709" t="str">
            <v>DOLMRPR</v>
          </cell>
          <cell r="AN1709" t="str">
            <v>MDO C&amp;M</v>
          </cell>
          <cell r="AO1709" t="str">
            <v>MDO OH/KEN C&amp;M</v>
          </cell>
        </row>
        <row r="1710">
          <cell r="F1710">
            <v>75084</v>
          </cell>
          <cell r="Z1710" t="str">
            <v>DOLMRPR</v>
          </cell>
          <cell r="AN1710" t="str">
            <v>MDO C&amp;M</v>
          </cell>
          <cell r="AO1710" t="str">
            <v>MDO OH/KEN C&amp;M</v>
          </cell>
        </row>
        <row r="1711">
          <cell r="F1711">
            <v>75084</v>
          </cell>
          <cell r="Z1711" t="str">
            <v>DOLMRPR</v>
          </cell>
          <cell r="AN1711" t="str">
            <v>MDO C&amp;M</v>
          </cell>
          <cell r="AO1711" t="str">
            <v>MDO OH/KEN C&amp;M</v>
          </cell>
        </row>
        <row r="1712">
          <cell r="F1712">
            <v>75084</v>
          </cell>
          <cell r="Z1712" t="str">
            <v>DOLMRPR</v>
          </cell>
          <cell r="AN1712" t="str">
            <v>MDO C&amp;M</v>
          </cell>
          <cell r="AO1712" t="str">
            <v>MDO OH/KEN C&amp;M</v>
          </cell>
        </row>
        <row r="1713">
          <cell r="F1713">
            <v>75084</v>
          </cell>
          <cell r="Z1713" t="str">
            <v>DOLMRPR</v>
          </cell>
          <cell r="AN1713" t="str">
            <v>MDO C&amp;M</v>
          </cell>
          <cell r="AO1713" t="str">
            <v>MDO OH/KEN C&amp;M</v>
          </cell>
        </row>
        <row r="1714">
          <cell r="F1714">
            <v>75084</v>
          </cell>
          <cell r="Z1714" t="str">
            <v>DOLMRPR</v>
          </cell>
          <cell r="AN1714" t="str">
            <v>MDO C&amp;M</v>
          </cell>
          <cell r="AO1714" t="str">
            <v>MDO OH/KEN C&amp;M</v>
          </cell>
        </row>
        <row r="1715">
          <cell r="F1715">
            <v>75115</v>
          </cell>
          <cell r="Z1715" t="str">
            <v>DOLMRPR</v>
          </cell>
          <cell r="AN1715" t="str">
            <v>MDO C&amp;M</v>
          </cell>
          <cell r="AO1715" t="str">
            <v>MDO INDIANA SOUTHWEST C&amp;M</v>
          </cell>
        </row>
        <row r="1716">
          <cell r="F1716">
            <v>75115</v>
          </cell>
          <cell r="Z1716" t="str">
            <v>DOLMRPR</v>
          </cell>
          <cell r="AN1716" t="str">
            <v>MDO C&amp;M</v>
          </cell>
          <cell r="AO1716" t="str">
            <v>MDO INDIANA SOUTHWEST C&amp;M</v>
          </cell>
        </row>
        <row r="1717">
          <cell r="F1717">
            <v>75115</v>
          </cell>
          <cell r="Z1717" t="str">
            <v>DOLMRPR</v>
          </cell>
          <cell r="AN1717" t="str">
            <v>MDO C&amp;M</v>
          </cell>
          <cell r="AO1717" t="str">
            <v>MDO INDIANA SOUTHWEST C&amp;M</v>
          </cell>
        </row>
        <row r="1718">
          <cell r="F1718">
            <v>75115</v>
          </cell>
          <cell r="Z1718" t="str">
            <v>DOLMRPR</v>
          </cell>
          <cell r="AN1718" t="str">
            <v>MDO C&amp;M</v>
          </cell>
          <cell r="AO1718" t="str">
            <v>MDO INDIANA SOUTHWEST C&amp;M</v>
          </cell>
        </row>
        <row r="1719">
          <cell r="F1719">
            <v>75115</v>
          </cell>
          <cell r="Z1719" t="str">
            <v>DOLMRPR</v>
          </cell>
          <cell r="AN1719" t="str">
            <v>MDO C&amp;M</v>
          </cell>
          <cell r="AO1719" t="str">
            <v>MDO INDIANA SOUTHWEST C&amp;M</v>
          </cell>
        </row>
        <row r="1720">
          <cell r="F1720">
            <v>75115</v>
          </cell>
          <cell r="Z1720" t="str">
            <v>DOLMRPR</v>
          </cell>
          <cell r="AN1720" t="str">
            <v>MDO C&amp;M</v>
          </cell>
          <cell r="AO1720" t="str">
            <v>MDO INDIANA SOUTHWEST C&amp;M</v>
          </cell>
        </row>
        <row r="1721">
          <cell r="F1721">
            <v>75115</v>
          </cell>
          <cell r="Z1721" t="str">
            <v>DOLMRPR</v>
          </cell>
          <cell r="AN1721" t="str">
            <v>MDO C&amp;M</v>
          </cell>
          <cell r="AO1721" t="str">
            <v>MDO INDIANA SOUTHWEST C&amp;M</v>
          </cell>
        </row>
        <row r="1722">
          <cell r="F1722">
            <v>75115</v>
          </cell>
          <cell r="Z1722" t="str">
            <v>DOLMRPR</v>
          </cell>
          <cell r="AN1722" t="str">
            <v>MDO C&amp;M</v>
          </cell>
          <cell r="AO1722" t="str">
            <v>MDO INDIANA SOUTHWEST C&amp;M</v>
          </cell>
        </row>
        <row r="1723">
          <cell r="F1723">
            <v>75115</v>
          </cell>
          <cell r="Z1723" t="str">
            <v>DOLMRPR</v>
          </cell>
          <cell r="AN1723" t="str">
            <v>MDO C&amp;M</v>
          </cell>
          <cell r="AO1723" t="str">
            <v>MDO INDIANA SOUTHWEST C&amp;M</v>
          </cell>
        </row>
        <row r="1724">
          <cell r="F1724">
            <v>75115</v>
          </cell>
          <cell r="Z1724" t="str">
            <v>DOLMRPR</v>
          </cell>
          <cell r="AN1724" t="str">
            <v>MDO C&amp;M</v>
          </cell>
          <cell r="AO1724" t="str">
            <v>MDO INDIANA SOUTHWEST C&amp;M</v>
          </cell>
        </row>
        <row r="1725">
          <cell r="F1725">
            <v>75115</v>
          </cell>
          <cell r="Z1725" t="str">
            <v>DOLMRPR</v>
          </cell>
          <cell r="AN1725" t="str">
            <v>MDO C&amp;M</v>
          </cell>
          <cell r="AO1725" t="str">
            <v>MDO INDIANA SOUTHWEST C&amp;M</v>
          </cell>
        </row>
        <row r="1726">
          <cell r="F1726">
            <v>75115</v>
          </cell>
          <cell r="Z1726" t="str">
            <v>DOLMRPR</v>
          </cell>
          <cell r="AN1726" t="str">
            <v>MDO C&amp;M</v>
          </cell>
          <cell r="AO1726" t="str">
            <v>MDO INDIANA SOUTHWEST C&amp;M</v>
          </cell>
        </row>
        <row r="1727">
          <cell r="F1727">
            <v>75115</v>
          </cell>
          <cell r="Z1727" t="str">
            <v>DOLMRPR</v>
          </cell>
          <cell r="AN1727" t="str">
            <v>MDO C&amp;M</v>
          </cell>
          <cell r="AO1727" t="str">
            <v>MDO INDIANA SOUTHWEST C&amp;M</v>
          </cell>
        </row>
        <row r="1728">
          <cell r="F1728">
            <v>75115</v>
          </cell>
          <cell r="Z1728" t="str">
            <v>DOLMRPR</v>
          </cell>
          <cell r="AN1728" t="str">
            <v>MDO C&amp;M</v>
          </cell>
          <cell r="AO1728" t="str">
            <v>MDO INDIANA SOUTHWEST C&amp;M</v>
          </cell>
        </row>
        <row r="1729">
          <cell r="F1729">
            <v>75115</v>
          </cell>
          <cell r="Z1729" t="str">
            <v>DOLMRPR</v>
          </cell>
          <cell r="AN1729" t="str">
            <v>MDO C&amp;M</v>
          </cell>
          <cell r="AO1729" t="str">
            <v>MDO INDIANA SOUTHWEST C&amp;M</v>
          </cell>
        </row>
        <row r="1730">
          <cell r="F1730">
            <v>75115</v>
          </cell>
          <cell r="Z1730" t="str">
            <v>DOLMRPR</v>
          </cell>
          <cell r="AN1730" t="str">
            <v>MDO C&amp;M</v>
          </cell>
          <cell r="AO1730" t="str">
            <v>MDO INDIANA SOUTHWEST C&amp;M</v>
          </cell>
        </row>
        <row r="1731">
          <cell r="F1731">
            <v>75115</v>
          </cell>
          <cell r="Z1731" t="str">
            <v>DOLMRPR</v>
          </cell>
          <cell r="AN1731" t="str">
            <v>MDO C&amp;M</v>
          </cell>
          <cell r="AO1731" t="str">
            <v>MDO INDIANA SOUTHWEST C&amp;M</v>
          </cell>
        </row>
        <row r="1732">
          <cell r="F1732">
            <v>75115</v>
          </cell>
          <cell r="Z1732" t="str">
            <v>DOLMRPR</v>
          </cell>
          <cell r="AN1732" t="str">
            <v>MDO C&amp;M</v>
          </cell>
          <cell r="AO1732" t="str">
            <v>MDO INDIANA SOUTHWEST C&amp;M</v>
          </cell>
        </row>
        <row r="1733">
          <cell r="F1733">
            <v>75115</v>
          </cell>
          <cell r="Z1733" t="str">
            <v>DOLMRPR</v>
          </cell>
          <cell r="AN1733" t="str">
            <v>MDO C&amp;M</v>
          </cell>
          <cell r="AO1733" t="str">
            <v>MDO INDIANA SOUTHWEST C&amp;M</v>
          </cell>
        </row>
        <row r="1734">
          <cell r="F1734">
            <v>75115</v>
          </cell>
          <cell r="Z1734" t="str">
            <v>DOLMRPR</v>
          </cell>
          <cell r="AN1734" t="str">
            <v>MDO C&amp;M</v>
          </cell>
          <cell r="AO1734" t="str">
            <v>MDO INDIANA SOUTHWEST C&amp;M</v>
          </cell>
        </row>
        <row r="1735">
          <cell r="F1735">
            <v>75115</v>
          </cell>
          <cell r="Z1735" t="str">
            <v>DOLMRPR</v>
          </cell>
          <cell r="AN1735" t="str">
            <v>MDO C&amp;M</v>
          </cell>
          <cell r="AO1735" t="str">
            <v>MDO INDIANA SOUTHWEST C&amp;M</v>
          </cell>
        </row>
        <row r="1736">
          <cell r="F1736">
            <v>75115</v>
          </cell>
          <cell r="Z1736" t="str">
            <v>DOLMRPR</v>
          </cell>
          <cell r="AN1736" t="str">
            <v>MDO C&amp;M</v>
          </cell>
          <cell r="AO1736" t="str">
            <v>MDO INDIANA SOUTHWEST C&amp;M</v>
          </cell>
        </row>
        <row r="1737">
          <cell r="F1737">
            <v>75115</v>
          </cell>
          <cell r="Z1737" t="str">
            <v>DOLMRPR</v>
          </cell>
          <cell r="AN1737" t="str">
            <v>MDO C&amp;M</v>
          </cell>
          <cell r="AO1737" t="str">
            <v>MDO INDIANA SOUTHWEST C&amp;M</v>
          </cell>
        </row>
        <row r="1738">
          <cell r="F1738">
            <v>75115</v>
          </cell>
          <cell r="Z1738" t="str">
            <v>DOLMRPR</v>
          </cell>
          <cell r="AN1738" t="str">
            <v>MDO C&amp;M</v>
          </cell>
          <cell r="AO1738" t="str">
            <v>MDO INDIANA SOUTHWEST C&amp;M</v>
          </cell>
        </row>
        <row r="1739">
          <cell r="F1739">
            <v>75115</v>
          </cell>
          <cell r="Z1739" t="str">
            <v>DOLMRPR</v>
          </cell>
          <cell r="AN1739" t="str">
            <v>MDO C&amp;M</v>
          </cell>
          <cell r="AO1739" t="str">
            <v>MDO INDIANA SOUTHWEST C&amp;M</v>
          </cell>
        </row>
        <row r="1740">
          <cell r="F1740">
            <v>75115</v>
          </cell>
          <cell r="Z1740" t="str">
            <v>DOLMRPR</v>
          </cell>
          <cell r="AN1740" t="str">
            <v>MDO C&amp;M</v>
          </cell>
          <cell r="AO1740" t="str">
            <v>MDO INDIANA SOUTHWEST C&amp;M</v>
          </cell>
        </row>
        <row r="1741">
          <cell r="F1741">
            <v>75115</v>
          </cell>
          <cell r="Z1741" t="str">
            <v>DOLMRPR</v>
          </cell>
          <cell r="AN1741" t="str">
            <v>MDO C&amp;M</v>
          </cell>
          <cell r="AO1741" t="str">
            <v>MDO INDIANA SOUTHWEST C&amp;M</v>
          </cell>
        </row>
        <row r="1742">
          <cell r="F1742">
            <v>75115</v>
          </cell>
          <cell r="Z1742" t="str">
            <v>DOLMRPR</v>
          </cell>
          <cell r="AN1742" t="str">
            <v>MDO C&amp;M</v>
          </cell>
          <cell r="AO1742" t="str">
            <v>MDO INDIANA SOUTHWEST C&amp;M</v>
          </cell>
        </row>
        <row r="1743">
          <cell r="F1743">
            <v>75115</v>
          </cell>
          <cell r="Z1743" t="str">
            <v>DOLMRPR</v>
          </cell>
          <cell r="AN1743" t="str">
            <v>MDO C&amp;M</v>
          </cell>
          <cell r="AO1743" t="str">
            <v>MDO INDIANA SOUTHWEST C&amp;M</v>
          </cell>
        </row>
        <row r="1744">
          <cell r="F1744">
            <v>75115</v>
          </cell>
          <cell r="Z1744" t="str">
            <v>DOLMRPR</v>
          </cell>
          <cell r="AN1744" t="str">
            <v>MDO C&amp;M</v>
          </cell>
          <cell r="AO1744" t="str">
            <v>MDO INDIANA SOUTHWEST C&amp;M</v>
          </cell>
        </row>
        <row r="1745">
          <cell r="F1745">
            <v>75115</v>
          </cell>
          <cell r="Z1745" t="str">
            <v>DOLMRPR</v>
          </cell>
          <cell r="AN1745" t="str">
            <v>MDO C&amp;M</v>
          </cell>
          <cell r="AO1745" t="str">
            <v>MDO INDIANA SOUTHWEST C&amp;M</v>
          </cell>
        </row>
        <row r="1746">
          <cell r="F1746">
            <v>75115</v>
          </cell>
          <cell r="Z1746" t="str">
            <v>DOLMRPR</v>
          </cell>
          <cell r="AN1746" t="str">
            <v>MDO C&amp;M</v>
          </cell>
          <cell r="AO1746" t="str">
            <v>MDO INDIANA SOUTHWEST C&amp;M</v>
          </cell>
        </row>
        <row r="1747">
          <cell r="F1747">
            <v>75115</v>
          </cell>
          <cell r="Z1747" t="str">
            <v>DOLMRPR</v>
          </cell>
          <cell r="AN1747" t="str">
            <v>MDO C&amp;M</v>
          </cell>
          <cell r="AO1747" t="str">
            <v>MDO INDIANA SOUTHWEST C&amp;M</v>
          </cell>
        </row>
        <row r="1748">
          <cell r="F1748">
            <v>75115</v>
          </cell>
          <cell r="Z1748" t="str">
            <v>DOLMRPR</v>
          </cell>
          <cell r="AN1748" t="str">
            <v>MDO C&amp;M</v>
          </cell>
          <cell r="AO1748" t="str">
            <v>MDO INDIANA SOUTHWEST C&amp;M</v>
          </cell>
        </row>
        <row r="1749">
          <cell r="F1749">
            <v>75115</v>
          </cell>
          <cell r="Z1749" t="str">
            <v>DOLMRPR</v>
          </cell>
          <cell r="AN1749" t="str">
            <v>MDO C&amp;M</v>
          </cell>
          <cell r="AO1749" t="str">
            <v>MDO INDIANA SOUTHWEST C&amp;M</v>
          </cell>
        </row>
        <row r="1750">
          <cell r="F1750">
            <v>75115</v>
          </cell>
          <cell r="Z1750" t="str">
            <v>DOLMRPR</v>
          </cell>
          <cell r="AN1750" t="str">
            <v>MDO C&amp;M</v>
          </cell>
          <cell r="AO1750" t="str">
            <v>MDO INDIANA SOUTHWEST C&amp;M</v>
          </cell>
        </row>
        <row r="1751">
          <cell r="F1751">
            <v>75115</v>
          </cell>
          <cell r="Z1751" t="str">
            <v>DOLMRPR</v>
          </cell>
          <cell r="AN1751" t="str">
            <v>MDO C&amp;M</v>
          </cell>
          <cell r="AO1751" t="str">
            <v>MDO INDIANA SOUTHWEST C&amp;M</v>
          </cell>
        </row>
        <row r="1752">
          <cell r="F1752">
            <v>75115</v>
          </cell>
          <cell r="Z1752" t="str">
            <v>DOLMRPR</v>
          </cell>
          <cell r="AN1752" t="str">
            <v>MDO C&amp;M</v>
          </cell>
          <cell r="AO1752" t="str">
            <v>MDO INDIANA SOUTHWEST C&amp;M</v>
          </cell>
        </row>
        <row r="1753">
          <cell r="F1753">
            <v>75115</v>
          </cell>
          <cell r="Z1753" t="str">
            <v>DOLMRPR</v>
          </cell>
          <cell r="AN1753" t="str">
            <v>MDO C&amp;M</v>
          </cell>
          <cell r="AO1753" t="str">
            <v>MDO INDIANA SOUTHWEST C&amp;M</v>
          </cell>
        </row>
        <row r="1754">
          <cell r="F1754">
            <v>75115</v>
          </cell>
          <cell r="Z1754" t="str">
            <v>DOLMRPR</v>
          </cell>
          <cell r="AN1754" t="str">
            <v>MDO C&amp;M</v>
          </cell>
          <cell r="AO1754" t="str">
            <v>MDO INDIANA SOUTHWEST C&amp;M</v>
          </cell>
        </row>
        <row r="1755">
          <cell r="F1755">
            <v>75115</v>
          </cell>
          <cell r="Z1755" t="str">
            <v>DOLMRPR</v>
          </cell>
          <cell r="AN1755" t="str">
            <v>MDO C&amp;M</v>
          </cell>
          <cell r="AO1755" t="str">
            <v>MDO INDIANA SOUTHWEST C&amp;M</v>
          </cell>
        </row>
        <row r="1756">
          <cell r="F1756">
            <v>75115</v>
          </cell>
          <cell r="Z1756" t="str">
            <v>DOLMRPR</v>
          </cell>
          <cell r="AN1756" t="str">
            <v>MDO C&amp;M</v>
          </cell>
          <cell r="AO1756" t="str">
            <v>MDO INDIANA SOUTHWEST C&amp;M</v>
          </cell>
        </row>
        <row r="1757">
          <cell r="F1757">
            <v>75115</v>
          </cell>
          <cell r="Z1757" t="str">
            <v>DOLMRPR</v>
          </cell>
          <cell r="AN1757" t="str">
            <v>MDO C&amp;M</v>
          </cell>
          <cell r="AO1757" t="str">
            <v>MDO INDIANA SOUTHWEST C&amp;M</v>
          </cell>
        </row>
        <row r="1758">
          <cell r="F1758">
            <v>75115</v>
          </cell>
          <cell r="Z1758" t="str">
            <v>DOLMRPR</v>
          </cell>
          <cell r="AN1758" t="str">
            <v>MDO C&amp;M</v>
          </cell>
          <cell r="AO1758" t="str">
            <v>MDO INDIANA SOUTHWEST C&amp;M</v>
          </cell>
        </row>
        <row r="1759">
          <cell r="F1759">
            <v>75115</v>
          </cell>
          <cell r="Z1759" t="str">
            <v>DOLMRPR</v>
          </cell>
          <cell r="AN1759" t="str">
            <v>MDO C&amp;M</v>
          </cell>
          <cell r="AO1759" t="str">
            <v>MDO INDIANA SOUTHWEST C&amp;M</v>
          </cell>
        </row>
        <row r="1760">
          <cell r="F1760">
            <v>75115</v>
          </cell>
          <cell r="Z1760" t="str">
            <v>DOLMRPR</v>
          </cell>
          <cell r="AN1760" t="str">
            <v>MDO C&amp;M</v>
          </cell>
          <cell r="AO1760" t="str">
            <v>MDO INDIANA SOUTHWEST C&amp;M</v>
          </cell>
        </row>
        <row r="1761">
          <cell r="F1761">
            <v>75115</v>
          </cell>
          <cell r="Z1761" t="str">
            <v>DOLMRPR</v>
          </cell>
          <cell r="AN1761" t="str">
            <v>MDO C&amp;M</v>
          </cell>
          <cell r="AO1761" t="str">
            <v>MDO INDIANA SOUTHWEST C&amp;M</v>
          </cell>
        </row>
        <row r="1762">
          <cell r="F1762">
            <v>75115</v>
          </cell>
          <cell r="Z1762" t="str">
            <v>DOLMRPR</v>
          </cell>
          <cell r="AN1762" t="str">
            <v>MDO C&amp;M</v>
          </cell>
          <cell r="AO1762" t="str">
            <v>MDO INDIANA SOUTHWEST C&amp;M</v>
          </cell>
        </row>
        <row r="1763">
          <cell r="F1763">
            <v>75115</v>
          </cell>
          <cell r="Z1763" t="str">
            <v>DOLMRPR</v>
          </cell>
          <cell r="AN1763" t="str">
            <v>MDO C&amp;M</v>
          </cell>
          <cell r="AO1763" t="str">
            <v>MDO INDIANA SOUTHWEST C&amp;M</v>
          </cell>
        </row>
        <row r="1764">
          <cell r="F1764">
            <v>75115</v>
          </cell>
          <cell r="Z1764" t="str">
            <v>DOLMRPR</v>
          </cell>
          <cell r="AN1764" t="str">
            <v>MDO C&amp;M</v>
          </cell>
          <cell r="AO1764" t="str">
            <v>MDO INDIANA SOUTHWEST C&amp;M</v>
          </cell>
        </row>
        <row r="1765">
          <cell r="F1765">
            <v>75115</v>
          </cell>
          <cell r="Z1765" t="str">
            <v>DOLMRPR</v>
          </cell>
          <cell r="AN1765" t="str">
            <v>MDO C&amp;M</v>
          </cell>
          <cell r="AO1765" t="str">
            <v>MDO INDIANA SOUTHWEST C&amp;M</v>
          </cell>
        </row>
        <row r="1766">
          <cell r="F1766">
            <v>75115</v>
          </cell>
          <cell r="Z1766" t="str">
            <v>DOLMRPR</v>
          </cell>
          <cell r="AN1766" t="str">
            <v>MDO C&amp;M</v>
          </cell>
          <cell r="AO1766" t="str">
            <v>MDO INDIANA SOUTHWEST C&amp;M</v>
          </cell>
        </row>
        <row r="1767">
          <cell r="F1767">
            <v>75115</v>
          </cell>
          <cell r="Z1767" t="str">
            <v>DOLMRPR</v>
          </cell>
          <cell r="AN1767" t="str">
            <v>MDO C&amp;M</v>
          </cell>
          <cell r="AO1767" t="str">
            <v>MDO INDIANA SOUTHWEST C&amp;M</v>
          </cell>
        </row>
        <row r="1768">
          <cell r="F1768">
            <v>75115</v>
          </cell>
          <cell r="Z1768" t="str">
            <v>DOLMRPR</v>
          </cell>
          <cell r="AN1768" t="str">
            <v>MDO C&amp;M</v>
          </cell>
          <cell r="AO1768" t="str">
            <v>MDO INDIANA SOUTHWEST C&amp;M</v>
          </cell>
        </row>
        <row r="1769">
          <cell r="F1769">
            <v>75115</v>
          </cell>
          <cell r="Z1769" t="str">
            <v>DOLMRPR</v>
          </cell>
          <cell r="AN1769" t="str">
            <v>MDO C&amp;M</v>
          </cell>
          <cell r="AO1769" t="str">
            <v>MDO INDIANA SOUTHWEST C&amp;M</v>
          </cell>
        </row>
        <row r="1770">
          <cell r="F1770">
            <v>75115</v>
          </cell>
          <cell r="Z1770" t="str">
            <v>DOLMRPR</v>
          </cell>
          <cell r="AN1770" t="str">
            <v>MDO C&amp;M</v>
          </cell>
          <cell r="AO1770" t="str">
            <v>MDO INDIANA SOUTHWEST C&amp;M</v>
          </cell>
        </row>
        <row r="1771">
          <cell r="F1771">
            <v>75115</v>
          </cell>
          <cell r="Z1771" t="str">
            <v>DOLMRPR</v>
          </cell>
          <cell r="AN1771" t="str">
            <v>MDO C&amp;M</v>
          </cell>
          <cell r="AO1771" t="str">
            <v>MDO INDIANA SOUTHWEST C&amp;M</v>
          </cell>
        </row>
        <row r="1772">
          <cell r="F1772">
            <v>75115</v>
          </cell>
          <cell r="Z1772" t="str">
            <v>DOLMRPR</v>
          </cell>
          <cell r="AN1772" t="str">
            <v>MDO C&amp;M</v>
          </cell>
          <cell r="AO1772" t="str">
            <v>MDO INDIANA SOUTHWEST C&amp;M</v>
          </cell>
        </row>
        <row r="1773">
          <cell r="F1773">
            <v>75115</v>
          </cell>
          <cell r="Z1773" t="str">
            <v>DOLMRPR</v>
          </cell>
          <cell r="AN1773" t="str">
            <v>MDO C&amp;M</v>
          </cell>
          <cell r="AO1773" t="str">
            <v>MDO INDIANA SOUTHWEST C&amp;M</v>
          </cell>
        </row>
        <row r="1774">
          <cell r="F1774">
            <v>75115</v>
          </cell>
          <cell r="Z1774" t="str">
            <v>DOLMRPR</v>
          </cell>
          <cell r="AN1774" t="str">
            <v>MDO C&amp;M</v>
          </cell>
          <cell r="AO1774" t="str">
            <v>MDO INDIANA SOUTHWEST C&amp;M</v>
          </cell>
        </row>
        <row r="1775">
          <cell r="F1775">
            <v>75115</v>
          </cell>
          <cell r="Z1775" t="str">
            <v>DOLMRPR</v>
          </cell>
          <cell r="AN1775" t="str">
            <v>MDO C&amp;M</v>
          </cell>
          <cell r="AO1775" t="str">
            <v>MDO INDIANA SOUTHWEST C&amp;M</v>
          </cell>
        </row>
        <row r="1776">
          <cell r="F1776">
            <v>75115</v>
          </cell>
          <cell r="Z1776" t="str">
            <v>DOLMRPR</v>
          </cell>
          <cell r="AN1776" t="str">
            <v>MDO C&amp;M</v>
          </cell>
          <cell r="AO1776" t="str">
            <v>MDO INDIANA SOUTHWEST C&amp;M</v>
          </cell>
        </row>
        <row r="1777">
          <cell r="F1777">
            <v>75115</v>
          </cell>
          <cell r="Z1777" t="str">
            <v>DOLMRPR</v>
          </cell>
          <cell r="AN1777" t="str">
            <v>MDO C&amp;M</v>
          </cell>
          <cell r="AO1777" t="str">
            <v>MDO INDIANA SOUTHWEST C&amp;M</v>
          </cell>
        </row>
        <row r="1778">
          <cell r="F1778">
            <v>75115</v>
          </cell>
          <cell r="Z1778" t="str">
            <v>DOLMRPR</v>
          </cell>
          <cell r="AN1778" t="str">
            <v>MDO C&amp;M</v>
          </cell>
          <cell r="AO1778" t="str">
            <v>MDO INDIANA SOUTHWEST C&amp;M</v>
          </cell>
        </row>
        <row r="1779">
          <cell r="F1779">
            <v>75115</v>
          </cell>
          <cell r="Z1779" t="str">
            <v>DOLMRPR</v>
          </cell>
          <cell r="AN1779" t="str">
            <v>MDO C&amp;M</v>
          </cell>
          <cell r="AO1779" t="str">
            <v>MDO INDIANA SOUTHWEST C&amp;M</v>
          </cell>
        </row>
        <row r="1780">
          <cell r="F1780">
            <v>75115</v>
          </cell>
          <cell r="Z1780" t="str">
            <v>DOLMRPR</v>
          </cell>
          <cell r="AN1780" t="str">
            <v>MDO C&amp;M</v>
          </cell>
          <cell r="AO1780" t="str">
            <v>MDO INDIANA SOUTHWEST C&amp;M</v>
          </cell>
        </row>
        <row r="1781">
          <cell r="F1781">
            <v>75115</v>
          </cell>
          <cell r="Z1781" t="str">
            <v>DOLMRPR</v>
          </cell>
          <cell r="AN1781" t="str">
            <v>MDO C&amp;M</v>
          </cell>
          <cell r="AO1781" t="str">
            <v>MDO INDIANA SOUTHWEST C&amp;M</v>
          </cell>
        </row>
        <row r="1782">
          <cell r="F1782">
            <v>75115</v>
          </cell>
          <cell r="Z1782" t="str">
            <v>DOLMRPR</v>
          </cell>
          <cell r="AN1782" t="str">
            <v>MDO C&amp;M</v>
          </cell>
          <cell r="AO1782" t="str">
            <v>MDO INDIANA SOUTHWEST C&amp;M</v>
          </cell>
        </row>
        <row r="1783">
          <cell r="F1783">
            <v>75115</v>
          </cell>
          <cell r="Z1783" t="str">
            <v>DOLMRPR</v>
          </cell>
          <cell r="AN1783" t="str">
            <v>MDO C&amp;M</v>
          </cell>
          <cell r="AO1783" t="str">
            <v>MDO INDIANA SOUTHWEST C&amp;M</v>
          </cell>
        </row>
        <row r="1784">
          <cell r="F1784">
            <v>75115</v>
          </cell>
          <cell r="Z1784" t="str">
            <v>DOLMRPR</v>
          </cell>
          <cell r="AN1784" t="str">
            <v>MDO C&amp;M</v>
          </cell>
          <cell r="AO1784" t="str">
            <v>MDO INDIANA SOUTHWEST C&amp;M</v>
          </cell>
        </row>
        <row r="1785">
          <cell r="F1785">
            <v>75115</v>
          </cell>
          <cell r="Z1785" t="str">
            <v>DOLMRPR</v>
          </cell>
          <cell r="AN1785" t="str">
            <v>MDO C&amp;M</v>
          </cell>
          <cell r="AO1785" t="str">
            <v>MDO INDIANA SOUTHWEST C&amp;M</v>
          </cell>
        </row>
        <row r="1786">
          <cell r="F1786">
            <v>75115</v>
          </cell>
          <cell r="Z1786" t="str">
            <v>DOLMRPR</v>
          </cell>
          <cell r="AN1786" t="str">
            <v>MDO C&amp;M</v>
          </cell>
          <cell r="AO1786" t="str">
            <v>MDO INDIANA SOUTHWEST C&amp;M</v>
          </cell>
        </row>
        <row r="1787">
          <cell r="F1787">
            <v>75115</v>
          </cell>
          <cell r="Z1787" t="str">
            <v>DOLMRPR</v>
          </cell>
          <cell r="AN1787" t="str">
            <v>MDO C&amp;M</v>
          </cell>
          <cell r="AO1787" t="str">
            <v>MDO INDIANA SOUTHWEST C&amp;M</v>
          </cell>
        </row>
        <row r="1788">
          <cell r="F1788">
            <v>75115</v>
          </cell>
          <cell r="Z1788" t="str">
            <v>DOLMRPR</v>
          </cell>
          <cell r="AN1788" t="str">
            <v>MDO C&amp;M</v>
          </cell>
          <cell r="AO1788" t="str">
            <v>MDO INDIANA SOUTHWEST C&amp;M</v>
          </cell>
        </row>
        <row r="1789">
          <cell r="F1789">
            <v>75115</v>
          </cell>
          <cell r="Z1789" t="str">
            <v>DOLMRPR</v>
          </cell>
          <cell r="AN1789" t="str">
            <v>MDO C&amp;M</v>
          </cell>
          <cell r="AO1789" t="str">
            <v>MDO INDIANA SOUTHWEST C&amp;M</v>
          </cell>
        </row>
        <row r="1790">
          <cell r="F1790">
            <v>75115</v>
          </cell>
          <cell r="Z1790" t="str">
            <v>DOLMRPR</v>
          </cell>
          <cell r="AN1790" t="str">
            <v>MDO C&amp;M</v>
          </cell>
          <cell r="AO1790" t="str">
            <v>MDO INDIANA SOUTHWEST C&amp;M</v>
          </cell>
        </row>
        <row r="1791">
          <cell r="F1791">
            <v>75115</v>
          </cell>
          <cell r="Z1791" t="str">
            <v>DOLMRPR</v>
          </cell>
          <cell r="AN1791" t="str">
            <v>MDO C&amp;M</v>
          </cell>
          <cell r="AO1791" t="str">
            <v>MDO INDIANA SOUTHWEST C&amp;M</v>
          </cell>
        </row>
        <row r="1792">
          <cell r="F1792">
            <v>75115</v>
          </cell>
          <cell r="Z1792" t="str">
            <v>DOLMRPR</v>
          </cell>
          <cell r="AN1792" t="str">
            <v>MDO C&amp;M</v>
          </cell>
          <cell r="AO1792" t="str">
            <v>MDO INDIANA SOUTHWEST C&amp;M</v>
          </cell>
        </row>
        <row r="1793">
          <cell r="F1793">
            <v>75115</v>
          </cell>
          <cell r="Z1793" t="str">
            <v>DOLMRPR</v>
          </cell>
          <cell r="AN1793" t="str">
            <v>MDO C&amp;M</v>
          </cell>
          <cell r="AO1793" t="str">
            <v>MDO INDIANA SOUTHWEST C&amp;M</v>
          </cell>
        </row>
        <row r="1794">
          <cell r="F1794">
            <v>75115</v>
          </cell>
          <cell r="Z1794" t="str">
            <v>DOLMRPR</v>
          </cell>
          <cell r="AN1794" t="str">
            <v>MDO C&amp;M</v>
          </cell>
          <cell r="AO1794" t="str">
            <v>MDO INDIANA SOUTHWEST C&amp;M</v>
          </cell>
        </row>
        <row r="1795">
          <cell r="F1795">
            <v>75115</v>
          </cell>
          <cell r="Z1795" t="str">
            <v>DOLMRPR</v>
          </cell>
          <cell r="AN1795" t="str">
            <v>MDO C&amp;M</v>
          </cell>
          <cell r="AO1795" t="str">
            <v>MDO INDIANA SOUTHWEST C&amp;M</v>
          </cell>
        </row>
        <row r="1796">
          <cell r="F1796">
            <v>75115</v>
          </cell>
          <cell r="Z1796" t="str">
            <v>DOLMRPR</v>
          </cell>
          <cell r="AN1796" t="str">
            <v>MDO C&amp;M</v>
          </cell>
          <cell r="AO1796" t="str">
            <v>MDO INDIANA SOUTHWEST C&amp;M</v>
          </cell>
        </row>
        <row r="1797">
          <cell r="F1797">
            <v>75115</v>
          </cell>
          <cell r="Z1797" t="str">
            <v>DOLMRPR</v>
          </cell>
          <cell r="AN1797" t="str">
            <v>MDO C&amp;M</v>
          </cell>
          <cell r="AO1797" t="str">
            <v>MDO INDIANA SOUTHWEST C&amp;M</v>
          </cell>
        </row>
        <row r="1798">
          <cell r="F1798">
            <v>75115</v>
          </cell>
          <cell r="Z1798" t="str">
            <v>DOLMRPR</v>
          </cell>
          <cell r="AN1798" t="str">
            <v>MDO C&amp;M</v>
          </cell>
          <cell r="AO1798" t="str">
            <v>MDO INDIANA SOUTHWEST C&amp;M</v>
          </cell>
        </row>
        <row r="1799">
          <cell r="F1799">
            <v>75115</v>
          </cell>
          <cell r="Z1799" t="str">
            <v>DOLMRPR</v>
          </cell>
          <cell r="AN1799" t="str">
            <v>MDO C&amp;M</v>
          </cell>
          <cell r="AO1799" t="str">
            <v>MDO INDIANA SOUTHWEST C&amp;M</v>
          </cell>
        </row>
        <row r="1800">
          <cell r="F1800">
            <v>75115</v>
          </cell>
          <cell r="Z1800" t="str">
            <v>DOLMRPR</v>
          </cell>
          <cell r="AN1800" t="str">
            <v>MDO C&amp;M</v>
          </cell>
          <cell r="AO1800" t="str">
            <v>MDO INDIANA SOUTHWEST C&amp;M</v>
          </cell>
        </row>
        <row r="1801">
          <cell r="F1801">
            <v>75115</v>
          </cell>
          <cell r="Z1801" t="str">
            <v>DOLMRPR</v>
          </cell>
          <cell r="AN1801" t="str">
            <v>MDO C&amp;M</v>
          </cell>
          <cell r="AO1801" t="str">
            <v>MDO INDIANA SOUTHWEST C&amp;M</v>
          </cell>
        </row>
        <row r="1802">
          <cell r="F1802">
            <v>75115</v>
          </cell>
          <cell r="Z1802" t="str">
            <v>DOLMRPR</v>
          </cell>
          <cell r="AN1802" t="str">
            <v>MDO C&amp;M</v>
          </cell>
          <cell r="AO1802" t="str">
            <v>MDO INDIANA SOUTHWEST C&amp;M</v>
          </cell>
        </row>
        <row r="1803">
          <cell r="F1803">
            <v>75115</v>
          </cell>
          <cell r="Z1803" t="str">
            <v>DOLMRPR</v>
          </cell>
          <cell r="AN1803" t="str">
            <v>MDO C&amp;M</v>
          </cell>
          <cell r="AO1803" t="str">
            <v>MDO INDIANA SOUTHWEST C&amp;M</v>
          </cell>
        </row>
        <row r="1804">
          <cell r="F1804">
            <v>75115</v>
          </cell>
          <cell r="Z1804" t="str">
            <v>DOLMRPR</v>
          </cell>
          <cell r="AN1804" t="str">
            <v>MDO C&amp;M</v>
          </cell>
          <cell r="AO1804" t="str">
            <v>MDO INDIANA SOUTHWEST C&amp;M</v>
          </cell>
        </row>
        <row r="1805">
          <cell r="F1805">
            <v>75115</v>
          </cell>
          <cell r="Z1805" t="str">
            <v>DOLMRPR</v>
          </cell>
          <cell r="AN1805" t="str">
            <v>MDO C&amp;M</v>
          </cell>
          <cell r="AO1805" t="str">
            <v>MDO INDIANA SOUTHWEST C&amp;M</v>
          </cell>
        </row>
        <row r="1806">
          <cell r="F1806">
            <v>75115</v>
          </cell>
          <cell r="Z1806" t="str">
            <v>DOLMRPR</v>
          </cell>
          <cell r="AN1806" t="str">
            <v>MDO C&amp;M</v>
          </cell>
          <cell r="AO1806" t="str">
            <v>MDO INDIANA SOUTHWEST C&amp;M</v>
          </cell>
        </row>
        <row r="1807">
          <cell r="F1807">
            <v>75115</v>
          </cell>
          <cell r="Z1807" t="str">
            <v>DOLMRPR</v>
          </cell>
          <cell r="AN1807" t="str">
            <v>MDO C&amp;M</v>
          </cell>
          <cell r="AO1807" t="str">
            <v>MDO INDIANA SOUTHWEST C&amp;M</v>
          </cell>
        </row>
        <row r="1808">
          <cell r="F1808">
            <v>75115</v>
          </cell>
          <cell r="Z1808" t="str">
            <v>DOLMRPR</v>
          </cell>
          <cell r="AN1808" t="str">
            <v>MDO C&amp;M</v>
          </cell>
          <cell r="AO1808" t="str">
            <v>MDO INDIANA SOUTHWEST C&amp;M</v>
          </cell>
        </row>
        <row r="1809">
          <cell r="F1809">
            <v>75115</v>
          </cell>
          <cell r="Z1809" t="str">
            <v>DOLMRPR</v>
          </cell>
          <cell r="AN1809" t="str">
            <v>MDO C&amp;M</v>
          </cell>
          <cell r="AO1809" t="str">
            <v>MDO INDIANA SOUTHWEST C&amp;M</v>
          </cell>
        </row>
        <row r="1810">
          <cell r="F1810">
            <v>75115</v>
          </cell>
          <cell r="Z1810" t="str">
            <v>DOLMRPR</v>
          </cell>
          <cell r="AN1810" t="str">
            <v>MDO C&amp;M</v>
          </cell>
          <cell r="AO1810" t="str">
            <v>MDO INDIANA SOUTHWEST C&amp;M</v>
          </cell>
        </row>
        <row r="1811">
          <cell r="F1811">
            <v>75115</v>
          </cell>
          <cell r="Z1811" t="str">
            <v>DOLMRPR</v>
          </cell>
          <cell r="AN1811" t="str">
            <v>MDO C&amp;M</v>
          </cell>
          <cell r="AO1811" t="str">
            <v>MDO INDIANA SOUTHWEST C&amp;M</v>
          </cell>
        </row>
        <row r="1812">
          <cell r="F1812">
            <v>75115</v>
          </cell>
          <cell r="Z1812" t="str">
            <v>DOLMRPR</v>
          </cell>
          <cell r="AN1812" t="str">
            <v>MDO C&amp;M</v>
          </cell>
          <cell r="AO1812" t="str">
            <v>MDO INDIANA SOUTHWEST C&amp;M</v>
          </cell>
        </row>
        <row r="1813">
          <cell r="F1813">
            <v>75115</v>
          </cell>
          <cell r="Z1813" t="str">
            <v>DOLMRPR</v>
          </cell>
          <cell r="AN1813" t="str">
            <v>MDO C&amp;M</v>
          </cell>
          <cell r="AO1813" t="str">
            <v>MDO INDIANA SOUTHWEST C&amp;M</v>
          </cell>
        </row>
        <row r="1814">
          <cell r="F1814">
            <v>75115</v>
          </cell>
          <cell r="Z1814" t="str">
            <v>DOLMRPR</v>
          </cell>
          <cell r="AN1814" t="str">
            <v>MDO C&amp;M</v>
          </cell>
          <cell r="AO1814" t="str">
            <v>MDO INDIANA SOUTHWEST C&amp;M</v>
          </cell>
        </row>
        <row r="1815">
          <cell r="F1815">
            <v>75115</v>
          </cell>
          <cell r="Z1815" t="str">
            <v>DOLMRPR</v>
          </cell>
          <cell r="AN1815" t="str">
            <v>MDO C&amp;M</v>
          </cell>
          <cell r="AO1815" t="str">
            <v>MDO INDIANA SOUTHWEST C&amp;M</v>
          </cell>
        </row>
        <row r="1816">
          <cell r="F1816">
            <v>75115</v>
          </cell>
          <cell r="Z1816" t="str">
            <v>DOLMRPR</v>
          </cell>
          <cell r="AN1816" t="str">
            <v>MDO C&amp;M</v>
          </cell>
          <cell r="AO1816" t="str">
            <v>MDO INDIANA SOUTHWEST C&amp;M</v>
          </cell>
        </row>
        <row r="1817">
          <cell r="F1817">
            <v>75115</v>
          </cell>
          <cell r="Z1817" t="str">
            <v>DOLMRPR</v>
          </cell>
          <cell r="AN1817" t="str">
            <v>MDO C&amp;M</v>
          </cell>
          <cell r="AO1817" t="str">
            <v>MDO INDIANA SOUTHWEST C&amp;M</v>
          </cell>
        </row>
        <row r="1818">
          <cell r="F1818">
            <v>75115</v>
          </cell>
          <cell r="Z1818" t="str">
            <v>DOLMRPR</v>
          </cell>
          <cell r="AN1818" t="str">
            <v>MDO C&amp;M</v>
          </cell>
          <cell r="AO1818" t="str">
            <v>MDO INDIANA SOUTHWEST C&amp;M</v>
          </cell>
        </row>
        <row r="1819">
          <cell r="F1819">
            <v>75115</v>
          </cell>
          <cell r="Z1819" t="str">
            <v>DOLMRPR</v>
          </cell>
          <cell r="AN1819" t="str">
            <v>MDO C&amp;M</v>
          </cell>
          <cell r="AO1819" t="str">
            <v>MDO INDIANA SOUTHWEST C&amp;M</v>
          </cell>
        </row>
        <row r="1820">
          <cell r="F1820">
            <v>75115</v>
          </cell>
          <cell r="Z1820" t="str">
            <v>DOLMRPR</v>
          </cell>
          <cell r="AN1820" t="str">
            <v>MDO C&amp;M</v>
          </cell>
          <cell r="AO1820" t="str">
            <v>MDO INDIANA SOUTHWEST C&amp;M</v>
          </cell>
        </row>
        <row r="1821">
          <cell r="F1821">
            <v>75115</v>
          </cell>
          <cell r="Z1821" t="str">
            <v>DOLMRPR</v>
          </cell>
          <cell r="AN1821" t="str">
            <v>MDO C&amp;M</v>
          </cell>
          <cell r="AO1821" t="str">
            <v>MDO INDIANA SOUTHWEST C&amp;M</v>
          </cell>
        </row>
        <row r="1822">
          <cell r="F1822">
            <v>75115</v>
          </cell>
          <cell r="Z1822" t="str">
            <v>DOLMRPR</v>
          </cell>
          <cell r="AN1822" t="str">
            <v>MDO C&amp;M</v>
          </cell>
          <cell r="AO1822" t="str">
            <v>MDO INDIANA SOUTHWEST C&amp;M</v>
          </cell>
        </row>
        <row r="1823">
          <cell r="F1823">
            <v>75115</v>
          </cell>
          <cell r="Z1823" t="str">
            <v>DOLMRPR</v>
          </cell>
          <cell r="AN1823" t="str">
            <v>MDO C&amp;M</v>
          </cell>
          <cell r="AO1823" t="str">
            <v>MDO INDIANA SOUTHWEST C&amp;M</v>
          </cell>
        </row>
        <row r="1824">
          <cell r="F1824">
            <v>75115</v>
          </cell>
          <cell r="Z1824" t="str">
            <v>DOLMRPR</v>
          </cell>
          <cell r="AN1824" t="str">
            <v>MDO C&amp;M</v>
          </cell>
          <cell r="AO1824" t="str">
            <v>MDO INDIANA SOUTHWEST C&amp;M</v>
          </cell>
        </row>
        <row r="1825">
          <cell r="F1825">
            <v>75115</v>
          </cell>
          <cell r="Z1825" t="str">
            <v>DOLMRPR</v>
          </cell>
          <cell r="AN1825" t="str">
            <v>MDO C&amp;M</v>
          </cell>
          <cell r="AO1825" t="str">
            <v>MDO INDIANA SOUTHWEST C&amp;M</v>
          </cell>
        </row>
        <row r="1826">
          <cell r="F1826">
            <v>75115</v>
          </cell>
          <cell r="Z1826" t="str">
            <v>DOLMRPR</v>
          </cell>
          <cell r="AN1826" t="str">
            <v>MDO C&amp;M</v>
          </cell>
          <cell r="AO1826" t="str">
            <v>MDO INDIANA SOUTHWEST C&amp;M</v>
          </cell>
        </row>
        <row r="1827">
          <cell r="F1827">
            <v>75115</v>
          </cell>
          <cell r="Z1827" t="str">
            <v>DOLMRPR</v>
          </cell>
          <cell r="AN1827" t="str">
            <v>MDO C&amp;M</v>
          </cell>
          <cell r="AO1827" t="str">
            <v>MDO INDIANA SOUTHWEST C&amp;M</v>
          </cell>
        </row>
        <row r="1828">
          <cell r="F1828">
            <v>75115</v>
          </cell>
          <cell r="Z1828" t="str">
            <v>DOLMRPR</v>
          </cell>
          <cell r="AN1828" t="str">
            <v>MDO C&amp;M</v>
          </cell>
          <cell r="AO1828" t="str">
            <v>MDO INDIANA SOUTHWEST C&amp;M</v>
          </cell>
        </row>
        <row r="1829">
          <cell r="F1829">
            <v>75115</v>
          </cell>
          <cell r="Z1829" t="str">
            <v>DOLMRPR</v>
          </cell>
          <cell r="AN1829" t="str">
            <v>MDO C&amp;M</v>
          </cell>
          <cell r="AO1829" t="str">
            <v>MDO INDIANA SOUTHWEST C&amp;M</v>
          </cell>
        </row>
        <row r="1830">
          <cell r="F1830">
            <v>75115</v>
          </cell>
          <cell r="Z1830" t="str">
            <v>DOLMRPR</v>
          </cell>
          <cell r="AN1830" t="str">
            <v>MDO C&amp;M</v>
          </cell>
          <cell r="AO1830" t="str">
            <v>MDO INDIANA SOUTHWEST C&amp;M</v>
          </cell>
        </row>
        <row r="1831">
          <cell r="F1831">
            <v>75115</v>
          </cell>
          <cell r="Z1831" t="str">
            <v>DOLMRPR</v>
          </cell>
          <cell r="AN1831" t="str">
            <v>MDO C&amp;M</v>
          </cell>
          <cell r="AO1831" t="str">
            <v>MDO INDIANA SOUTHWEST C&amp;M</v>
          </cell>
        </row>
        <row r="1832">
          <cell r="F1832">
            <v>75115</v>
          </cell>
          <cell r="Z1832" t="str">
            <v>DOLMRPR</v>
          </cell>
          <cell r="AN1832" t="str">
            <v>MDO C&amp;M</v>
          </cell>
          <cell r="AO1832" t="str">
            <v>MDO INDIANA SOUTHWEST C&amp;M</v>
          </cell>
        </row>
        <row r="1833">
          <cell r="F1833">
            <v>75115</v>
          </cell>
          <cell r="Z1833" t="str">
            <v>DOLMRPR</v>
          </cell>
          <cell r="AN1833" t="str">
            <v>MDO C&amp;M</v>
          </cell>
          <cell r="AO1833" t="str">
            <v>MDO INDIANA SOUTHWEST C&amp;M</v>
          </cell>
        </row>
        <row r="1834">
          <cell r="F1834">
            <v>75115</v>
          </cell>
          <cell r="Z1834" t="str">
            <v>DOLMRPR</v>
          </cell>
          <cell r="AN1834" t="str">
            <v>MDO C&amp;M</v>
          </cell>
          <cell r="AO1834" t="str">
            <v>MDO INDIANA SOUTHWEST C&amp;M</v>
          </cell>
        </row>
        <row r="1835">
          <cell r="F1835">
            <v>75115</v>
          </cell>
          <cell r="Z1835" t="str">
            <v>DOLMRPR</v>
          </cell>
          <cell r="AN1835" t="str">
            <v>MDO C&amp;M</v>
          </cell>
          <cell r="AO1835" t="str">
            <v>MDO INDIANA SOUTHWEST C&amp;M</v>
          </cell>
        </row>
        <row r="1836">
          <cell r="F1836">
            <v>75115</v>
          </cell>
          <cell r="Z1836" t="str">
            <v>DOLMRPR</v>
          </cell>
          <cell r="AN1836" t="str">
            <v>MDO C&amp;M</v>
          </cell>
          <cell r="AO1836" t="str">
            <v>MDO INDIANA SOUTHWEST C&amp;M</v>
          </cell>
        </row>
        <row r="1837">
          <cell r="F1837">
            <v>75115</v>
          </cell>
          <cell r="Z1837" t="str">
            <v>DOLMRPR</v>
          </cell>
          <cell r="AN1837" t="str">
            <v>MDO C&amp;M</v>
          </cell>
          <cell r="AO1837" t="str">
            <v>MDO INDIANA SOUTHWEST C&amp;M</v>
          </cell>
        </row>
        <row r="1838">
          <cell r="F1838">
            <v>75115</v>
          </cell>
          <cell r="Z1838" t="str">
            <v>DOLMRPR</v>
          </cell>
          <cell r="AN1838" t="str">
            <v>MDO C&amp;M</v>
          </cell>
          <cell r="AO1838" t="str">
            <v>MDO INDIANA SOUTHWEST C&amp;M</v>
          </cell>
        </row>
        <row r="1839">
          <cell r="F1839">
            <v>75115</v>
          </cell>
          <cell r="Z1839" t="str">
            <v>DOLMRPR</v>
          </cell>
          <cell r="AN1839" t="str">
            <v>MDO C&amp;M</v>
          </cell>
          <cell r="AO1839" t="str">
            <v>MDO INDIANA SOUTHWEST C&amp;M</v>
          </cell>
        </row>
        <row r="1840">
          <cell r="F1840">
            <v>75115</v>
          </cell>
          <cell r="Z1840" t="str">
            <v>DOLMRPR</v>
          </cell>
          <cell r="AN1840" t="str">
            <v>MDO C&amp;M</v>
          </cell>
          <cell r="AO1840" t="str">
            <v>MDO INDIANA SOUTHWEST C&amp;M</v>
          </cell>
        </row>
        <row r="1841">
          <cell r="F1841">
            <v>75115</v>
          </cell>
          <cell r="Z1841" t="str">
            <v>DOLMRPR</v>
          </cell>
          <cell r="AN1841" t="str">
            <v>MDO C&amp;M</v>
          </cell>
          <cell r="AO1841" t="str">
            <v>MDO INDIANA SOUTHWEST C&amp;M</v>
          </cell>
        </row>
        <row r="1842">
          <cell r="F1842">
            <v>75115</v>
          </cell>
          <cell r="Z1842" t="str">
            <v>DOLMRPR</v>
          </cell>
          <cell r="AN1842" t="str">
            <v>MDO C&amp;M</v>
          </cell>
          <cell r="AO1842" t="str">
            <v>MDO INDIANA SOUTHWEST C&amp;M</v>
          </cell>
        </row>
        <row r="1843">
          <cell r="F1843">
            <v>75115</v>
          </cell>
          <cell r="Z1843" t="str">
            <v>DOLMRPR</v>
          </cell>
          <cell r="AN1843" t="str">
            <v>MDO C&amp;M</v>
          </cell>
          <cell r="AO1843" t="str">
            <v>MDO INDIANA SOUTHWEST C&amp;M</v>
          </cell>
        </row>
        <row r="1844">
          <cell r="F1844">
            <v>75115</v>
          </cell>
          <cell r="Z1844" t="str">
            <v>DOLMRPR</v>
          </cell>
          <cell r="AN1844" t="str">
            <v>MDO C&amp;M</v>
          </cell>
          <cell r="AO1844" t="str">
            <v>MDO INDIANA SOUTHWEST C&amp;M</v>
          </cell>
        </row>
        <row r="1845">
          <cell r="F1845">
            <v>75115</v>
          </cell>
          <cell r="Z1845" t="str">
            <v>DOLMRPR</v>
          </cell>
          <cell r="AN1845" t="str">
            <v>MDO C&amp;M</v>
          </cell>
          <cell r="AO1845" t="str">
            <v>MDO INDIANA SOUTHWEST C&amp;M</v>
          </cell>
        </row>
        <row r="1846">
          <cell r="F1846">
            <v>75115</v>
          </cell>
          <cell r="Z1846" t="str">
            <v>DOLMRPR</v>
          </cell>
          <cell r="AN1846" t="str">
            <v>MDO C&amp;M</v>
          </cell>
          <cell r="AO1846" t="str">
            <v>MDO INDIANA SOUTHWEST C&amp;M</v>
          </cell>
        </row>
        <row r="1847">
          <cell r="F1847">
            <v>75115</v>
          </cell>
          <cell r="Z1847" t="str">
            <v>DOLMRPR</v>
          </cell>
          <cell r="AN1847" t="str">
            <v>MDO C&amp;M</v>
          </cell>
          <cell r="AO1847" t="str">
            <v>MDO INDIANA SOUTHWEST C&amp;M</v>
          </cell>
        </row>
        <row r="1848">
          <cell r="F1848">
            <v>75115</v>
          </cell>
          <cell r="Z1848" t="str">
            <v>DOLMRPR</v>
          </cell>
          <cell r="AN1848" t="str">
            <v>MDO C&amp;M</v>
          </cell>
          <cell r="AO1848" t="str">
            <v>MDO INDIANA SOUTHWEST C&amp;M</v>
          </cell>
        </row>
        <row r="1849">
          <cell r="F1849">
            <v>75115</v>
          </cell>
          <cell r="Z1849" t="str">
            <v>DOLMRPR</v>
          </cell>
          <cell r="AN1849" t="str">
            <v>MDO C&amp;M</v>
          </cell>
          <cell r="AO1849" t="str">
            <v>MDO INDIANA SOUTHWEST C&amp;M</v>
          </cell>
        </row>
        <row r="1850">
          <cell r="F1850">
            <v>75115</v>
          </cell>
          <cell r="Z1850" t="str">
            <v>DOLMRPR</v>
          </cell>
          <cell r="AN1850" t="str">
            <v>MDO C&amp;M</v>
          </cell>
          <cell r="AO1850" t="str">
            <v>MDO INDIANA SOUTHWEST C&amp;M</v>
          </cell>
        </row>
        <row r="1851">
          <cell r="F1851">
            <v>75115</v>
          </cell>
          <cell r="Z1851" t="str">
            <v>DOLMRPR</v>
          </cell>
          <cell r="AN1851" t="str">
            <v>MDO C&amp;M</v>
          </cell>
          <cell r="AO1851" t="str">
            <v>MDO INDIANA SOUTHWEST C&amp;M</v>
          </cell>
        </row>
        <row r="1852">
          <cell r="F1852">
            <v>75115</v>
          </cell>
          <cell r="Z1852" t="str">
            <v>DOLMRPR</v>
          </cell>
          <cell r="AN1852" t="str">
            <v>MDO C&amp;M</v>
          </cell>
          <cell r="AO1852" t="str">
            <v>MDO INDIANA SOUTHWEST C&amp;M</v>
          </cell>
        </row>
        <row r="1853">
          <cell r="F1853">
            <v>75115</v>
          </cell>
          <cell r="Z1853" t="str">
            <v>DOLMRPR</v>
          </cell>
          <cell r="AN1853" t="str">
            <v>MDO C&amp;M</v>
          </cell>
          <cell r="AO1853" t="str">
            <v>MDO INDIANA SOUTHEAST C&amp;M</v>
          </cell>
        </row>
        <row r="1854">
          <cell r="F1854">
            <v>75115</v>
          </cell>
          <cell r="Z1854" t="str">
            <v>DOLMRPR</v>
          </cell>
          <cell r="AN1854" t="str">
            <v>MDO C&amp;M</v>
          </cell>
          <cell r="AO1854" t="str">
            <v>MDO INDIANA SOUTHEAST C&amp;M</v>
          </cell>
        </row>
        <row r="1855">
          <cell r="F1855">
            <v>75115</v>
          </cell>
          <cell r="Z1855" t="str">
            <v>DOLMRPR</v>
          </cell>
          <cell r="AN1855" t="str">
            <v>MDO C&amp;M</v>
          </cell>
          <cell r="AO1855" t="str">
            <v>MDO INDIANA SOUTHEAST C&amp;M</v>
          </cell>
        </row>
        <row r="1856">
          <cell r="F1856">
            <v>75115</v>
          </cell>
          <cell r="Z1856" t="str">
            <v>DOLMRPR</v>
          </cell>
          <cell r="AN1856" t="str">
            <v>MDO C&amp;M</v>
          </cell>
          <cell r="AO1856" t="str">
            <v>MDO INDIANA SOUTHEAST C&amp;M</v>
          </cell>
        </row>
        <row r="1857">
          <cell r="F1857">
            <v>75115</v>
          </cell>
          <cell r="Z1857" t="str">
            <v>DOLMRPR</v>
          </cell>
          <cell r="AN1857" t="str">
            <v>MDO C&amp;M</v>
          </cell>
          <cell r="AO1857" t="str">
            <v>MDO INDIANA SOUTHEAST C&amp;M</v>
          </cell>
        </row>
        <row r="1858">
          <cell r="F1858">
            <v>75115</v>
          </cell>
          <cell r="Z1858" t="str">
            <v>DOLMRPR</v>
          </cell>
          <cell r="AN1858" t="str">
            <v>MDO C&amp;M</v>
          </cell>
          <cell r="AO1858" t="str">
            <v>MDO INDIANA SOUTHEAST C&amp;M</v>
          </cell>
        </row>
        <row r="1859">
          <cell r="F1859">
            <v>75115</v>
          </cell>
          <cell r="Z1859" t="str">
            <v>DOLMRPR</v>
          </cell>
          <cell r="AN1859" t="str">
            <v>MDO C&amp;M</v>
          </cell>
          <cell r="AO1859" t="str">
            <v>MDO INDIANA SOUTHEAST C&amp;M</v>
          </cell>
        </row>
        <row r="1860">
          <cell r="F1860">
            <v>75115</v>
          </cell>
          <cell r="Z1860" t="str">
            <v>DOLMRPR</v>
          </cell>
          <cell r="AN1860" t="str">
            <v>MDO C&amp;M</v>
          </cell>
          <cell r="AO1860" t="str">
            <v>MDO INDIANA SOUTHEAST C&amp;M</v>
          </cell>
        </row>
        <row r="1861">
          <cell r="F1861">
            <v>75115</v>
          </cell>
          <cell r="Z1861" t="str">
            <v>DOLMRPR</v>
          </cell>
          <cell r="AN1861" t="str">
            <v>MDO C&amp;M</v>
          </cell>
          <cell r="AO1861" t="str">
            <v>MDO INDIANA SOUTHEAST C&amp;M</v>
          </cell>
        </row>
        <row r="1862">
          <cell r="F1862">
            <v>75115</v>
          </cell>
          <cell r="Z1862" t="str">
            <v>DOLMRPR</v>
          </cell>
          <cell r="AN1862" t="str">
            <v>MDO C&amp;M</v>
          </cell>
          <cell r="AO1862" t="str">
            <v>MDO INDIANA SOUTHEAST C&amp;M</v>
          </cell>
        </row>
        <row r="1863">
          <cell r="F1863">
            <v>75115</v>
          </cell>
          <cell r="Z1863" t="str">
            <v>DOLMRPR</v>
          </cell>
          <cell r="AN1863" t="str">
            <v>MDO C&amp;M</v>
          </cell>
          <cell r="AO1863" t="str">
            <v>MDO INDIANA SOUTHEAST C&amp;M</v>
          </cell>
        </row>
        <row r="1864">
          <cell r="F1864">
            <v>75115</v>
          </cell>
          <cell r="Z1864" t="str">
            <v>DOLMRPR</v>
          </cell>
          <cell r="AN1864" t="str">
            <v>MDO C&amp;M</v>
          </cell>
          <cell r="AO1864" t="str">
            <v>MDO INDIANA SOUTHEAST C&amp;M</v>
          </cell>
        </row>
        <row r="1865">
          <cell r="F1865">
            <v>75115</v>
          </cell>
          <cell r="Z1865" t="str">
            <v>DOLMRPR</v>
          </cell>
          <cell r="AN1865" t="str">
            <v>MDO C&amp;M</v>
          </cell>
          <cell r="AO1865" t="str">
            <v>MDO INDIANA SOUTHEAST C&amp;M</v>
          </cell>
        </row>
        <row r="1866">
          <cell r="F1866">
            <v>75115</v>
          </cell>
          <cell r="Z1866" t="str">
            <v>DOLMRPR</v>
          </cell>
          <cell r="AN1866" t="str">
            <v>MDO C&amp;M</v>
          </cell>
          <cell r="AO1866" t="str">
            <v>MDO INDIANA SOUTHEAST C&amp;M</v>
          </cell>
        </row>
        <row r="1867">
          <cell r="F1867">
            <v>75115</v>
          </cell>
          <cell r="Z1867" t="str">
            <v>DOLMRPR</v>
          </cell>
          <cell r="AN1867" t="str">
            <v>MDO C&amp;M</v>
          </cell>
          <cell r="AO1867" t="str">
            <v>MDO INDIANA SOUTHEAST C&amp;M</v>
          </cell>
        </row>
        <row r="1868">
          <cell r="F1868">
            <v>75115</v>
          </cell>
          <cell r="Z1868" t="str">
            <v>DOLMRPR</v>
          </cell>
          <cell r="AN1868" t="str">
            <v>MDO C&amp;M</v>
          </cell>
          <cell r="AO1868" t="str">
            <v>MDO INDIANA SOUTHEAST C&amp;M</v>
          </cell>
        </row>
        <row r="1869">
          <cell r="F1869">
            <v>75115</v>
          </cell>
          <cell r="Z1869" t="str">
            <v>DOLMRPR</v>
          </cell>
          <cell r="AN1869" t="str">
            <v>MDO C&amp;M</v>
          </cell>
          <cell r="AO1869" t="str">
            <v>MDO INDIANA SOUTHEAST C&amp;M</v>
          </cell>
        </row>
        <row r="1870">
          <cell r="F1870">
            <v>75115</v>
          </cell>
          <cell r="Z1870" t="str">
            <v>DOLMRPR</v>
          </cell>
          <cell r="AN1870" t="str">
            <v>MDO C&amp;M</v>
          </cell>
          <cell r="AO1870" t="str">
            <v>MDO INDIANA SOUTHEAST C&amp;M</v>
          </cell>
        </row>
        <row r="1871">
          <cell r="F1871">
            <v>75115</v>
          </cell>
          <cell r="Z1871" t="str">
            <v>DOLMRPR</v>
          </cell>
          <cell r="AN1871" t="str">
            <v>MDO C&amp;M</v>
          </cell>
          <cell r="AO1871" t="str">
            <v>MDO INDIANA SOUTHEAST C&amp;M</v>
          </cell>
        </row>
        <row r="1872">
          <cell r="F1872">
            <v>75115</v>
          </cell>
          <cell r="Z1872" t="str">
            <v>DOLMRPR</v>
          </cell>
          <cell r="AN1872" t="str">
            <v>MDO C&amp;M</v>
          </cell>
          <cell r="AO1872" t="str">
            <v>MDO INDIANA SOUTHEAST C&amp;M</v>
          </cell>
        </row>
        <row r="1873">
          <cell r="F1873">
            <v>75115</v>
          </cell>
          <cell r="Z1873" t="str">
            <v>DOLMRPR</v>
          </cell>
          <cell r="AN1873" t="str">
            <v>MDO C&amp;M</v>
          </cell>
          <cell r="AO1873" t="str">
            <v>MDO INDIANA SOUTHEAST C&amp;M</v>
          </cell>
        </row>
        <row r="1874">
          <cell r="F1874">
            <v>75115</v>
          </cell>
          <cell r="Z1874" t="str">
            <v>DOLMRPR</v>
          </cell>
          <cell r="AN1874" t="str">
            <v>MDO C&amp;M</v>
          </cell>
          <cell r="AO1874" t="str">
            <v>MDO INDIANA SOUTHEAST C&amp;M</v>
          </cell>
        </row>
        <row r="1875">
          <cell r="F1875">
            <v>75115</v>
          </cell>
          <cell r="Z1875" t="str">
            <v>DOLMRPR</v>
          </cell>
          <cell r="AN1875" t="str">
            <v>MDO C&amp;M</v>
          </cell>
          <cell r="AO1875" t="str">
            <v>MDO INDIANA SOUTHEAST C&amp;M</v>
          </cell>
        </row>
        <row r="1876">
          <cell r="F1876">
            <v>75115</v>
          </cell>
          <cell r="Z1876" t="str">
            <v>DOLMRPR</v>
          </cell>
          <cell r="AN1876" t="str">
            <v>MDO C&amp;M</v>
          </cell>
          <cell r="AO1876" t="str">
            <v>MDO INDIANA SOUTHEAST C&amp;M</v>
          </cell>
        </row>
        <row r="1877">
          <cell r="F1877">
            <v>75115</v>
          </cell>
          <cell r="Z1877" t="str">
            <v>DOLMRPR</v>
          </cell>
          <cell r="AN1877" t="str">
            <v>MDO C&amp;M</v>
          </cell>
          <cell r="AO1877" t="str">
            <v>MDO INDIANA SOUTHEAST C&amp;M</v>
          </cell>
        </row>
        <row r="1878">
          <cell r="F1878">
            <v>75115</v>
          </cell>
          <cell r="Z1878" t="str">
            <v>DOLMRPR</v>
          </cell>
          <cell r="AN1878" t="str">
            <v>MDO C&amp;M</v>
          </cell>
          <cell r="AO1878" t="str">
            <v>MDO INDIANA SOUTHEAST C&amp;M</v>
          </cell>
        </row>
        <row r="1879">
          <cell r="F1879">
            <v>75115</v>
          </cell>
          <cell r="Z1879" t="str">
            <v>DOLMRPR</v>
          </cell>
          <cell r="AN1879" t="str">
            <v>MDO C&amp;M</v>
          </cell>
          <cell r="AO1879" t="str">
            <v>MDO INDIANA SOUTHEAST C&amp;M</v>
          </cell>
        </row>
        <row r="1880">
          <cell r="F1880">
            <v>75115</v>
          </cell>
          <cell r="Z1880" t="str">
            <v>DOLMRPR</v>
          </cell>
          <cell r="AN1880" t="str">
            <v>MDO C&amp;M</v>
          </cell>
          <cell r="AO1880" t="str">
            <v>MDO INDIANA SOUTHEAST C&amp;M</v>
          </cell>
        </row>
        <row r="1881">
          <cell r="F1881">
            <v>75115</v>
          </cell>
          <cell r="Z1881" t="str">
            <v>DOLMRPR</v>
          </cell>
          <cell r="AN1881" t="str">
            <v>MDO C&amp;M</v>
          </cell>
          <cell r="AO1881" t="str">
            <v>MDO INDIANA SOUTHEAST C&amp;M</v>
          </cell>
        </row>
        <row r="1882">
          <cell r="F1882">
            <v>75115</v>
          </cell>
          <cell r="Z1882" t="str">
            <v>DOLMRPR</v>
          </cell>
          <cell r="AN1882" t="str">
            <v>MDO C&amp;M</v>
          </cell>
          <cell r="AO1882" t="str">
            <v>MDO INDIANA SOUTHEAST C&amp;M</v>
          </cell>
        </row>
        <row r="1883">
          <cell r="F1883">
            <v>75115</v>
          </cell>
          <cell r="Z1883" t="str">
            <v>DOLMRPR</v>
          </cell>
          <cell r="AN1883" t="str">
            <v>MDO C&amp;M</v>
          </cell>
          <cell r="AO1883" t="str">
            <v>MDO INDIANA SOUTHEAST C&amp;M</v>
          </cell>
        </row>
        <row r="1884">
          <cell r="F1884">
            <v>75115</v>
          </cell>
          <cell r="Z1884" t="str">
            <v>DOLMRPR</v>
          </cell>
          <cell r="AN1884" t="str">
            <v>MDO C&amp;M</v>
          </cell>
          <cell r="AO1884" t="str">
            <v>MDO INDIANA SOUTHEAST C&amp;M</v>
          </cell>
        </row>
        <row r="1885">
          <cell r="F1885">
            <v>75115</v>
          </cell>
          <cell r="Z1885" t="str">
            <v>DOLMRPR</v>
          </cell>
          <cell r="AN1885" t="str">
            <v>MDO C&amp;M</v>
          </cell>
          <cell r="AO1885" t="str">
            <v>MDO INDIANA SOUTHEAST C&amp;M</v>
          </cell>
        </row>
        <row r="1886">
          <cell r="F1886">
            <v>75115</v>
          </cell>
          <cell r="Z1886" t="str">
            <v>DOLMRPR</v>
          </cell>
          <cell r="AN1886" t="str">
            <v>MDO C&amp;M</v>
          </cell>
          <cell r="AO1886" t="str">
            <v>MDO INDIANA SOUTHEAST C&amp;M</v>
          </cell>
        </row>
        <row r="1887">
          <cell r="F1887">
            <v>75115</v>
          </cell>
          <cell r="Z1887" t="str">
            <v>DOLMRPR</v>
          </cell>
          <cell r="AN1887" t="str">
            <v>MDO C&amp;M</v>
          </cell>
          <cell r="AO1887" t="str">
            <v>MDO INDIANA SOUTHEAST C&amp;M</v>
          </cell>
        </row>
        <row r="1888">
          <cell r="F1888">
            <v>75115</v>
          </cell>
          <cell r="Z1888" t="str">
            <v>DOLMRPR</v>
          </cell>
          <cell r="AN1888" t="str">
            <v>MDO C&amp;M</v>
          </cell>
          <cell r="AO1888" t="str">
            <v>MDO INDIANA SOUTHEAST C&amp;M</v>
          </cell>
        </row>
        <row r="1889">
          <cell r="F1889">
            <v>75115</v>
          </cell>
          <cell r="Z1889" t="str">
            <v>DOLMRPR</v>
          </cell>
          <cell r="AN1889" t="str">
            <v>MDO C&amp;M</v>
          </cell>
          <cell r="AO1889" t="str">
            <v>MDO INDIANA SOUTHEAST C&amp;M</v>
          </cell>
        </row>
        <row r="1890">
          <cell r="F1890">
            <v>75115</v>
          </cell>
          <cell r="Z1890" t="str">
            <v>DOLMRPR</v>
          </cell>
          <cell r="AN1890" t="str">
            <v>MDO C&amp;M</v>
          </cell>
          <cell r="AO1890" t="str">
            <v>MDO INDIANA SOUTHEAST C&amp;M</v>
          </cell>
        </row>
        <row r="1891">
          <cell r="F1891">
            <v>75115</v>
          </cell>
          <cell r="Z1891" t="str">
            <v>DOLMRPR</v>
          </cell>
          <cell r="AN1891" t="str">
            <v>MDO C&amp;M</v>
          </cell>
          <cell r="AO1891" t="str">
            <v>MDO INDIANA SOUTHEAST C&amp;M</v>
          </cell>
        </row>
        <row r="1892">
          <cell r="F1892">
            <v>75115</v>
          </cell>
          <cell r="Z1892" t="str">
            <v>DOLMRPR</v>
          </cell>
          <cell r="AN1892" t="str">
            <v>MDO C&amp;M</v>
          </cell>
          <cell r="AO1892" t="str">
            <v>MDO INDIANA SOUTHEAST C&amp;M</v>
          </cell>
        </row>
        <row r="1893">
          <cell r="F1893">
            <v>75115</v>
          </cell>
          <cell r="Z1893" t="str">
            <v>DOLMRPR</v>
          </cell>
          <cell r="AN1893" t="str">
            <v>MDO C&amp;M</v>
          </cell>
          <cell r="AO1893" t="str">
            <v>MDO INDIANA SOUTHEAST C&amp;M</v>
          </cell>
        </row>
        <row r="1894">
          <cell r="F1894">
            <v>75115</v>
          </cell>
          <cell r="Z1894" t="str">
            <v>DOLMRPR</v>
          </cell>
          <cell r="AN1894" t="str">
            <v>MDO C&amp;M</v>
          </cell>
          <cell r="AO1894" t="str">
            <v>MDO INDIANA SOUTHEAST C&amp;M</v>
          </cell>
        </row>
        <row r="1895">
          <cell r="F1895">
            <v>75115</v>
          </cell>
          <cell r="Z1895" t="str">
            <v>DOLMRPR</v>
          </cell>
          <cell r="AN1895" t="str">
            <v>MDO C&amp;M</v>
          </cell>
          <cell r="AO1895" t="str">
            <v>MDO INDIANA SOUTHEAST C&amp;M</v>
          </cell>
        </row>
        <row r="1896">
          <cell r="F1896">
            <v>75115</v>
          </cell>
          <cell r="Z1896" t="str">
            <v>DOLMRPR</v>
          </cell>
          <cell r="AN1896" t="str">
            <v>MDO C&amp;M</v>
          </cell>
          <cell r="AO1896" t="str">
            <v>MDO INDIANA SOUTHEAST C&amp;M</v>
          </cell>
        </row>
        <row r="1897">
          <cell r="F1897">
            <v>75115</v>
          </cell>
          <cell r="Z1897" t="str">
            <v>DOLMRPR</v>
          </cell>
          <cell r="AN1897" t="str">
            <v>MDO C&amp;M</v>
          </cell>
          <cell r="AO1897" t="str">
            <v>MDO INDIANA SOUTHEAST C&amp;M</v>
          </cell>
        </row>
        <row r="1898">
          <cell r="F1898">
            <v>75115</v>
          </cell>
          <cell r="Z1898" t="str">
            <v>DOLMRPR</v>
          </cell>
          <cell r="AN1898" t="str">
            <v>MDO C&amp;M</v>
          </cell>
          <cell r="AO1898" t="str">
            <v>MDO INDIANA SOUTHEAST C&amp;M</v>
          </cell>
        </row>
        <row r="1899">
          <cell r="F1899">
            <v>75115</v>
          </cell>
          <cell r="Z1899" t="str">
            <v>DOLMRPR</v>
          </cell>
          <cell r="AN1899" t="str">
            <v>MDO C&amp;M</v>
          </cell>
          <cell r="AO1899" t="str">
            <v>MDO INDIANA SOUTHEAST C&amp;M</v>
          </cell>
        </row>
        <row r="1900">
          <cell r="F1900">
            <v>75115</v>
          </cell>
          <cell r="Z1900" t="str">
            <v>DOLMRPR</v>
          </cell>
          <cell r="AN1900" t="str">
            <v>MDO C&amp;M</v>
          </cell>
          <cell r="AO1900" t="str">
            <v>MDO INDIANA SOUTHEAST C&amp;M</v>
          </cell>
        </row>
        <row r="1901">
          <cell r="F1901">
            <v>75115</v>
          </cell>
          <cell r="Z1901" t="str">
            <v>DOLMRPR</v>
          </cell>
          <cell r="AN1901" t="str">
            <v>MDO C&amp;M</v>
          </cell>
          <cell r="AO1901" t="str">
            <v>MDO INDIANA SOUTHEAST C&amp;M</v>
          </cell>
        </row>
        <row r="1902">
          <cell r="F1902">
            <v>75115</v>
          </cell>
          <cell r="Z1902" t="str">
            <v>DOLMRPR</v>
          </cell>
          <cell r="AN1902" t="str">
            <v>MDO C&amp;M</v>
          </cell>
          <cell r="AO1902" t="str">
            <v>MDO INDIANA SOUTHEAST C&amp;M</v>
          </cell>
        </row>
        <row r="1903">
          <cell r="F1903">
            <v>75115</v>
          </cell>
          <cell r="Z1903" t="str">
            <v>DOLMRPR</v>
          </cell>
          <cell r="AN1903" t="str">
            <v>MDO C&amp;M</v>
          </cell>
          <cell r="AO1903" t="str">
            <v>MDO INDIANA SOUTHEAST C&amp;M</v>
          </cell>
        </row>
        <row r="1904">
          <cell r="F1904">
            <v>75115</v>
          </cell>
          <cell r="Z1904" t="str">
            <v>DOLMRPR</v>
          </cell>
          <cell r="AN1904" t="str">
            <v>MDO C&amp;M</v>
          </cell>
          <cell r="AO1904" t="str">
            <v>MDO INDIANA SOUTHEAST C&amp;M</v>
          </cell>
        </row>
        <row r="1905">
          <cell r="F1905">
            <v>75115</v>
          </cell>
          <cell r="Z1905" t="str">
            <v>DOLMRPR</v>
          </cell>
          <cell r="AN1905" t="str">
            <v>MDO C&amp;M</v>
          </cell>
          <cell r="AO1905" t="str">
            <v>MDO INDIANA SOUTHEAST C&amp;M</v>
          </cell>
        </row>
        <row r="1906">
          <cell r="F1906">
            <v>75115</v>
          </cell>
          <cell r="Z1906" t="str">
            <v>DOLMRPR</v>
          </cell>
          <cell r="AN1906" t="str">
            <v>MDO C&amp;M</v>
          </cell>
          <cell r="AO1906" t="str">
            <v>MDO INDIANA SOUTHEAST C&amp;M</v>
          </cell>
        </row>
        <row r="1907">
          <cell r="F1907">
            <v>75115</v>
          </cell>
          <cell r="Z1907" t="str">
            <v>DOLMRPR</v>
          </cell>
          <cell r="AN1907" t="str">
            <v>MDO C&amp;M</v>
          </cell>
          <cell r="AO1907" t="str">
            <v>MDO INDIANA SOUTHEAST C&amp;M</v>
          </cell>
        </row>
        <row r="1908">
          <cell r="F1908">
            <v>75115</v>
          </cell>
          <cell r="Z1908" t="str">
            <v>DOLMRPR</v>
          </cell>
          <cell r="AN1908" t="str">
            <v>MDO C&amp;M</v>
          </cell>
          <cell r="AO1908" t="str">
            <v>MDO INDIANA SOUTHEAST C&amp;M</v>
          </cell>
        </row>
        <row r="1909">
          <cell r="F1909">
            <v>75115</v>
          </cell>
          <cell r="Z1909" t="str">
            <v>DOLMRPR</v>
          </cell>
          <cell r="AN1909" t="str">
            <v>MDO C&amp;M</v>
          </cell>
          <cell r="AO1909" t="str">
            <v>MDO INDIANA SOUTHEAST C&amp;M</v>
          </cell>
        </row>
        <row r="1910">
          <cell r="F1910">
            <v>75115</v>
          </cell>
          <cell r="Z1910" t="str">
            <v>DOLMRPR</v>
          </cell>
          <cell r="AN1910" t="str">
            <v>MDO C&amp;M</v>
          </cell>
          <cell r="AO1910" t="str">
            <v>MDO INDIANA SOUTHEAST C&amp;M</v>
          </cell>
        </row>
        <row r="1911">
          <cell r="F1911">
            <v>75115</v>
          </cell>
          <cell r="Z1911" t="str">
            <v>DOLMRPR</v>
          </cell>
          <cell r="AN1911" t="str">
            <v>MDO C&amp;M</v>
          </cell>
          <cell r="AO1911" t="str">
            <v>MDO INDIANA SOUTHEAST C&amp;M</v>
          </cell>
        </row>
        <row r="1912">
          <cell r="F1912">
            <v>75115</v>
          </cell>
          <cell r="Z1912" t="str">
            <v>DOLMRPR</v>
          </cell>
          <cell r="AN1912" t="str">
            <v>MDO C&amp;M</v>
          </cell>
          <cell r="AO1912" t="str">
            <v>MDO INDIANA SOUTHEAST C&amp;M</v>
          </cell>
        </row>
        <row r="1913">
          <cell r="F1913">
            <v>75115</v>
          </cell>
          <cell r="Z1913" t="str">
            <v>DOLMRPR</v>
          </cell>
          <cell r="AN1913" t="str">
            <v>MDO C&amp;M</v>
          </cell>
          <cell r="AO1913" t="str">
            <v>MDO INDIANA SOUTHEAST C&amp;M</v>
          </cell>
        </row>
        <row r="1914">
          <cell r="F1914">
            <v>75115</v>
          </cell>
          <cell r="Z1914" t="str">
            <v>DOLMRPR</v>
          </cell>
          <cell r="AN1914" t="str">
            <v>MDO C&amp;M</v>
          </cell>
          <cell r="AO1914" t="str">
            <v>MDO INDIANA SOUTHEAST C&amp;M</v>
          </cell>
        </row>
        <row r="1915">
          <cell r="F1915">
            <v>75115</v>
          </cell>
          <cell r="Z1915" t="str">
            <v>DOLMRPR</v>
          </cell>
          <cell r="AN1915" t="str">
            <v>MDO C&amp;M</v>
          </cell>
          <cell r="AO1915" t="str">
            <v>MDO INDIANA SOUTHEAST C&amp;M</v>
          </cell>
        </row>
        <row r="1916">
          <cell r="F1916">
            <v>75115</v>
          </cell>
          <cell r="Z1916" t="str">
            <v>DOLMRPR</v>
          </cell>
          <cell r="AN1916" t="str">
            <v>MDO C&amp;M</v>
          </cell>
          <cell r="AO1916" t="str">
            <v>MDO INDIANA SOUTHEAST C&amp;M</v>
          </cell>
        </row>
        <row r="1917">
          <cell r="F1917">
            <v>75115</v>
          </cell>
          <cell r="Z1917" t="str">
            <v>DOLMRPR</v>
          </cell>
          <cell r="AN1917" t="str">
            <v>MDO C&amp;M</v>
          </cell>
          <cell r="AO1917" t="str">
            <v>MDO INDIANA SOUTHEAST C&amp;M</v>
          </cell>
        </row>
        <row r="1918">
          <cell r="F1918">
            <v>75115</v>
          </cell>
          <cell r="Z1918" t="str">
            <v>DOLMRPR</v>
          </cell>
          <cell r="AN1918" t="str">
            <v>MDO C&amp;M</v>
          </cell>
          <cell r="AO1918" t="str">
            <v>MDO INDIANA SOUTHEAST C&amp;M</v>
          </cell>
        </row>
        <row r="1919">
          <cell r="F1919">
            <v>75115</v>
          </cell>
          <cell r="Z1919" t="str">
            <v>DOLMRPR</v>
          </cell>
          <cell r="AN1919" t="str">
            <v>MDO C&amp;M</v>
          </cell>
          <cell r="AO1919" t="str">
            <v>MDO INDIANA SOUTHEAST C&amp;M</v>
          </cell>
        </row>
        <row r="1920">
          <cell r="F1920">
            <v>75115</v>
          </cell>
          <cell r="Z1920" t="str">
            <v>DOLMRPR</v>
          </cell>
          <cell r="AN1920" t="str">
            <v>MDO C&amp;M</v>
          </cell>
          <cell r="AO1920" t="str">
            <v>MDO INDIANA SOUTHEAST C&amp;M</v>
          </cell>
        </row>
        <row r="1921">
          <cell r="F1921">
            <v>75115</v>
          </cell>
          <cell r="Z1921" t="str">
            <v>DOLMRPR</v>
          </cell>
          <cell r="AN1921" t="str">
            <v>MDO C&amp;M</v>
          </cell>
          <cell r="AO1921" t="str">
            <v>MDO INDIANA SOUTHEAST C&amp;M</v>
          </cell>
        </row>
        <row r="1922">
          <cell r="F1922">
            <v>75115</v>
          </cell>
          <cell r="Z1922" t="str">
            <v>DOLMRPR</v>
          </cell>
          <cell r="AN1922" t="str">
            <v>MDO C&amp;M</v>
          </cell>
          <cell r="AO1922" t="str">
            <v>MDO INDIANA SOUTHEAST C&amp;M</v>
          </cell>
        </row>
        <row r="1923">
          <cell r="F1923">
            <v>75115</v>
          </cell>
          <cell r="Z1923" t="str">
            <v>DOLMRPR</v>
          </cell>
          <cell r="AN1923" t="str">
            <v>MDO C&amp;M</v>
          </cell>
          <cell r="AO1923" t="str">
            <v>MDO INDIANA SOUTHEAST C&amp;M</v>
          </cell>
        </row>
        <row r="1924">
          <cell r="F1924">
            <v>75115</v>
          </cell>
          <cell r="Z1924" t="str">
            <v>DOLMRPR</v>
          </cell>
          <cell r="AN1924" t="str">
            <v>MDO C&amp;M</v>
          </cell>
          <cell r="AO1924" t="str">
            <v>MDO INDIANA SOUTHEAST C&amp;M</v>
          </cell>
        </row>
        <row r="1925">
          <cell r="F1925">
            <v>75115</v>
          </cell>
          <cell r="Z1925" t="str">
            <v>DOLMRPR</v>
          </cell>
          <cell r="AN1925" t="str">
            <v>MDO C&amp;M</v>
          </cell>
          <cell r="AO1925" t="str">
            <v>MDO INDIANA SOUTHEAST C&amp;M</v>
          </cell>
        </row>
        <row r="1926">
          <cell r="F1926">
            <v>75115</v>
          </cell>
          <cell r="Z1926" t="str">
            <v>DOLMRPR</v>
          </cell>
          <cell r="AN1926" t="str">
            <v>MDO C&amp;M</v>
          </cell>
          <cell r="AO1926" t="str">
            <v>MDO INDIANA SOUTHEAST C&amp;M</v>
          </cell>
        </row>
        <row r="1927">
          <cell r="F1927">
            <v>75115</v>
          </cell>
          <cell r="Z1927" t="str">
            <v>DOLMRPR</v>
          </cell>
          <cell r="AN1927" t="str">
            <v>MDO C&amp;M</v>
          </cell>
          <cell r="AO1927" t="str">
            <v>MDO INDIANA SOUTHEAST C&amp;M</v>
          </cell>
        </row>
        <row r="1928">
          <cell r="F1928">
            <v>75115</v>
          </cell>
          <cell r="Z1928" t="str">
            <v>DOLMRPR</v>
          </cell>
          <cell r="AN1928" t="str">
            <v>MDO C&amp;M</v>
          </cell>
          <cell r="AO1928" t="str">
            <v>MDO INDIANA SOUTHEAST C&amp;M</v>
          </cell>
        </row>
        <row r="1929">
          <cell r="F1929">
            <v>75115</v>
          </cell>
          <cell r="Z1929" t="str">
            <v>DOLMRPR</v>
          </cell>
          <cell r="AN1929" t="str">
            <v>MDO C&amp;M</v>
          </cell>
          <cell r="AO1929" t="str">
            <v>MDO INDIANA SOUTHEAST C&amp;M</v>
          </cell>
        </row>
        <row r="1930">
          <cell r="F1930">
            <v>75115</v>
          </cell>
          <cell r="Z1930" t="str">
            <v>DOLMRPR</v>
          </cell>
          <cell r="AN1930" t="str">
            <v>MDO C&amp;M</v>
          </cell>
          <cell r="AO1930" t="str">
            <v>MDO INDIANA SOUTHEAST C&amp;M</v>
          </cell>
        </row>
        <row r="1931">
          <cell r="F1931">
            <v>75115</v>
          </cell>
          <cell r="Z1931" t="str">
            <v>DOLMRPR</v>
          </cell>
          <cell r="AN1931" t="str">
            <v>MDO C&amp;M</v>
          </cell>
          <cell r="AO1931" t="str">
            <v>MDO INDIANA SOUTHEAST C&amp;M</v>
          </cell>
        </row>
        <row r="1932">
          <cell r="F1932">
            <v>75115</v>
          </cell>
          <cell r="Z1932" t="str">
            <v>DOLMRPR</v>
          </cell>
          <cell r="AN1932" t="str">
            <v>MDO C&amp;M</v>
          </cell>
          <cell r="AO1932" t="str">
            <v>MDO INDIANA SOUTHEAST C&amp;M</v>
          </cell>
        </row>
        <row r="1933">
          <cell r="F1933">
            <v>75115</v>
          </cell>
          <cell r="Z1933" t="str">
            <v>DOLMRPR</v>
          </cell>
          <cell r="AN1933" t="str">
            <v>MDO C&amp;M</v>
          </cell>
          <cell r="AO1933" t="str">
            <v>MDO INDIANA SOUTHEAST C&amp;M</v>
          </cell>
        </row>
        <row r="1934">
          <cell r="F1934">
            <v>75115</v>
          </cell>
          <cell r="Z1934" t="str">
            <v>DOLMRPR</v>
          </cell>
          <cell r="AN1934" t="str">
            <v>MDO C&amp;M</v>
          </cell>
          <cell r="AO1934" t="str">
            <v>MDO INDIANA SOUTHEAST C&amp;M</v>
          </cell>
        </row>
        <row r="1935">
          <cell r="F1935">
            <v>75115</v>
          </cell>
          <cell r="Z1935" t="str">
            <v>DOLMRPR</v>
          </cell>
          <cell r="AN1935" t="str">
            <v>MDO C&amp;M</v>
          </cell>
          <cell r="AO1935" t="str">
            <v>MDO INDIANA SOUTHEAST C&amp;M</v>
          </cell>
        </row>
        <row r="1936">
          <cell r="F1936">
            <v>75115</v>
          </cell>
          <cell r="Z1936" t="str">
            <v>DOLMRPR</v>
          </cell>
          <cell r="AN1936" t="str">
            <v>MDO C&amp;M</v>
          </cell>
          <cell r="AO1936" t="str">
            <v>MDO INDIANA SOUTHEAST C&amp;M</v>
          </cell>
        </row>
        <row r="1937">
          <cell r="F1937">
            <v>75115</v>
          </cell>
          <cell r="Z1937" t="str">
            <v>DOLMRPR</v>
          </cell>
          <cell r="AN1937" t="str">
            <v>MDO C&amp;M</v>
          </cell>
          <cell r="AO1937" t="str">
            <v>MDO INDIANA SOUTHEAST C&amp;M</v>
          </cell>
        </row>
        <row r="1938">
          <cell r="F1938">
            <v>75115</v>
          </cell>
          <cell r="Z1938" t="str">
            <v>DOLMRPR</v>
          </cell>
          <cell r="AN1938" t="str">
            <v>MDO C&amp;M</v>
          </cell>
          <cell r="AO1938" t="str">
            <v>MDO INDIANA SOUTHEAST C&amp;M</v>
          </cell>
        </row>
        <row r="1939">
          <cell r="F1939">
            <v>75115</v>
          </cell>
          <cell r="Z1939" t="str">
            <v>DOLMRPR</v>
          </cell>
          <cell r="AN1939" t="str">
            <v>MDO C&amp;M</v>
          </cell>
          <cell r="AO1939" t="str">
            <v>MDO INDIANA SOUTHEAST C&amp;M</v>
          </cell>
        </row>
        <row r="1940">
          <cell r="F1940">
            <v>75115</v>
          </cell>
          <cell r="Z1940" t="str">
            <v>DOLMRPR</v>
          </cell>
          <cell r="AN1940" t="str">
            <v>MDO C&amp;M</v>
          </cell>
          <cell r="AO1940" t="str">
            <v>MDO INDIANA SOUTHEAST C&amp;M</v>
          </cell>
        </row>
        <row r="1941">
          <cell r="F1941">
            <v>75115</v>
          </cell>
          <cell r="Z1941" t="str">
            <v>DOLMRPR</v>
          </cell>
          <cell r="AN1941" t="str">
            <v>MDO C&amp;M</v>
          </cell>
          <cell r="AO1941" t="str">
            <v>MDO INDIANA SOUTHEAST C&amp;M</v>
          </cell>
        </row>
        <row r="1942">
          <cell r="F1942">
            <v>75115</v>
          </cell>
          <cell r="Z1942" t="str">
            <v>DOLMRPR</v>
          </cell>
          <cell r="AN1942" t="str">
            <v>MDO C&amp;M</v>
          </cell>
          <cell r="AO1942" t="str">
            <v>MDO INDIANA SOUTHEAST C&amp;M</v>
          </cell>
        </row>
        <row r="1943">
          <cell r="F1943">
            <v>75115</v>
          </cell>
          <cell r="Z1943" t="str">
            <v>DOLMRPR</v>
          </cell>
          <cell r="AN1943" t="str">
            <v>MDO C&amp;M</v>
          </cell>
          <cell r="AO1943" t="str">
            <v>MDO INDIANA SOUTHEAST C&amp;M</v>
          </cell>
        </row>
        <row r="1944">
          <cell r="F1944">
            <v>75115</v>
          </cell>
          <cell r="Z1944" t="str">
            <v>DOLMRPR</v>
          </cell>
          <cell r="AN1944" t="str">
            <v>MDO C&amp;M</v>
          </cell>
          <cell r="AO1944" t="str">
            <v>MDO INDIANA SOUTHEAST C&amp;M</v>
          </cell>
        </row>
        <row r="1945">
          <cell r="F1945">
            <v>75115</v>
          </cell>
          <cell r="Z1945" t="str">
            <v>DOLMRPR</v>
          </cell>
          <cell r="AN1945" t="str">
            <v>MDO C&amp;M</v>
          </cell>
          <cell r="AO1945" t="str">
            <v>MDO INDIANA SOUTHEAST C&amp;M</v>
          </cell>
        </row>
        <row r="1946">
          <cell r="F1946">
            <v>75115</v>
          </cell>
          <cell r="Z1946" t="str">
            <v>DOLMRPR</v>
          </cell>
          <cell r="AN1946" t="str">
            <v>MDO C&amp;M</v>
          </cell>
          <cell r="AO1946" t="str">
            <v>MDO INDIANA SOUTHEAST C&amp;M</v>
          </cell>
        </row>
        <row r="1947">
          <cell r="F1947">
            <v>75115</v>
          </cell>
          <cell r="Z1947" t="str">
            <v>DOLMRPR</v>
          </cell>
          <cell r="AN1947" t="str">
            <v>MDO C&amp;M</v>
          </cell>
          <cell r="AO1947" t="str">
            <v>MDO INDIANA SOUTHEAST C&amp;M</v>
          </cell>
        </row>
        <row r="1948">
          <cell r="F1948">
            <v>75115</v>
          </cell>
          <cell r="Z1948" t="str">
            <v>DOLMRPR</v>
          </cell>
          <cell r="AN1948" t="str">
            <v>MDO C&amp;M</v>
          </cell>
          <cell r="AO1948" t="str">
            <v>MDO INDIANA SOUTHEAST C&amp;M</v>
          </cell>
        </row>
        <row r="1949">
          <cell r="F1949">
            <v>75115</v>
          </cell>
          <cell r="Z1949" t="str">
            <v>DOLMRPR</v>
          </cell>
          <cell r="AN1949" t="str">
            <v>MDO C&amp;M</v>
          </cell>
          <cell r="AO1949" t="str">
            <v>MDO INDIANA SOUTHEAST C&amp;M</v>
          </cell>
        </row>
        <row r="1950">
          <cell r="F1950">
            <v>75115</v>
          </cell>
          <cell r="Z1950" t="str">
            <v>DOLMRPR</v>
          </cell>
          <cell r="AN1950" t="str">
            <v>MDO C&amp;M</v>
          </cell>
          <cell r="AO1950" t="str">
            <v>MDO INDIANA SOUTHEAST C&amp;M</v>
          </cell>
        </row>
        <row r="1951">
          <cell r="F1951">
            <v>75115</v>
          </cell>
          <cell r="Z1951" t="str">
            <v>DOLMRPR</v>
          </cell>
          <cell r="AN1951" t="str">
            <v>MDO C&amp;M</v>
          </cell>
          <cell r="AO1951" t="str">
            <v>MDO INDIANA SOUTHEAST C&amp;M</v>
          </cell>
        </row>
        <row r="1952">
          <cell r="F1952">
            <v>75115</v>
          </cell>
          <cell r="Z1952" t="str">
            <v>DOLMRPR</v>
          </cell>
          <cell r="AN1952" t="str">
            <v>MDO C&amp;M</v>
          </cell>
          <cell r="AO1952" t="str">
            <v>MDO INDIANA SOUTHEAST C&amp;M</v>
          </cell>
        </row>
        <row r="1953">
          <cell r="F1953">
            <v>75115</v>
          </cell>
          <cell r="Z1953" t="str">
            <v>DOLMRPR</v>
          </cell>
          <cell r="AN1953" t="str">
            <v>MDO C&amp;M</v>
          </cell>
          <cell r="AO1953" t="str">
            <v>MDO INDIANA SOUTHEAST C&amp;M</v>
          </cell>
        </row>
        <row r="1954">
          <cell r="F1954">
            <v>75115</v>
          </cell>
          <cell r="Z1954" t="str">
            <v>DOLMRPR</v>
          </cell>
          <cell r="AN1954" t="str">
            <v>MDO C&amp;M</v>
          </cell>
          <cell r="AO1954" t="str">
            <v>MDO INDIANA SOUTHEAST C&amp;M</v>
          </cell>
        </row>
        <row r="1955">
          <cell r="F1955">
            <v>75115</v>
          </cell>
          <cell r="Z1955" t="str">
            <v>DOLMRPR</v>
          </cell>
          <cell r="AN1955" t="str">
            <v>MDO C&amp;M</v>
          </cell>
          <cell r="AO1955" t="str">
            <v>MDO INDIANA SOUTHEAST C&amp;M</v>
          </cell>
        </row>
        <row r="1956">
          <cell r="F1956">
            <v>75115</v>
          </cell>
          <cell r="Z1956" t="str">
            <v>DOLMRPR</v>
          </cell>
          <cell r="AN1956" t="str">
            <v>MDO C&amp;M</v>
          </cell>
          <cell r="AO1956" t="str">
            <v>MDO INDIANA SOUTHEAST C&amp;M</v>
          </cell>
        </row>
        <row r="1957">
          <cell r="F1957">
            <v>75115</v>
          </cell>
          <cell r="Z1957" t="str">
            <v>DOLMRPR</v>
          </cell>
          <cell r="AN1957" t="str">
            <v>MDO C&amp;M</v>
          </cell>
          <cell r="AO1957" t="str">
            <v>MDO INDIANA SOUTHEAST C&amp;M</v>
          </cell>
        </row>
        <row r="1958">
          <cell r="F1958">
            <v>75115</v>
          </cell>
          <cell r="Z1958" t="str">
            <v>DOLMRPR</v>
          </cell>
          <cell r="AN1958" t="str">
            <v>MDO C&amp;M</v>
          </cell>
          <cell r="AO1958" t="str">
            <v>MDO INDIANA SOUTHEAST C&amp;M</v>
          </cell>
        </row>
        <row r="1959">
          <cell r="F1959">
            <v>75115</v>
          </cell>
          <cell r="Z1959" t="str">
            <v>DOLMRPR</v>
          </cell>
          <cell r="AN1959" t="str">
            <v>MDO C&amp;M</v>
          </cell>
          <cell r="AO1959" t="str">
            <v>MDO INDIANA SOUTHEAST C&amp;M</v>
          </cell>
        </row>
        <row r="1960">
          <cell r="F1960">
            <v>75115</v>
          </cell>
          <cell r="Z1960" t="str">
            <v>DOLMRPR</v>
          </cell>
          <cell r="AN1960" t="str">
            <v>MDO C&amp;M</v>
          </cell>
          <cell r="AO1960" t="str">
            <v>MDO INDIANA SOUTHEAST C&amp;M</v>
          </cell>
        </row>
        <row r="1961">
          <cell r="F1961">
            <v>75115</v>
          </cell>
          <cell r="Z1961" t="str">
            <v>DOLMRPR</v>
          </cell>
          <cell r="AN1961" t="str">
            <v>MDO C&amp;M</v>
          </cell>
          <cell r="AO1961" t="str">
            <v>MDO INDIANA SOUTHEAST C&amp;M</v>
          </cell>
        </row>
        <row r="1962">
          <cell r="F1962">
            <v>75115</v>
          </cell>
          <cell r="Z1962" t="str">
            <v>DOLMRPR</v>
          </cell>
          <cell r="AN1962" t="str">
            <v>MDO C&amp;M</v>
          </cell>
          <cell r="AO1962" t="str">
            <v>MDO INDIANA SOUTHEAST C&amp;M</v>
          </cell>
        </row>
        <row r="1963">
          <cell r="F1963">
            <v>75115</v>
          </cell>
          <cell r="Z1963" t="str">
            <v>DOLMRPR</v>
          </cell>
          <cell r="AN1963" t="str">
            <v>MDO C&amp;M</v>
          </cell>
          <cell r="AO1963" t="str">
            <v>MDO INDIANA SOUTHEAST C&amp;M</v>
          </cell>
        </row>
        <row r="1964">
          <cell r="F1964">
            <v>75115</v>
          </cell>
          <cell r="Z1964" t="str">
            <v>DOLMRPR</v>
          </cell>
          <cell r="AN1964" t="str">
            <v>MDO C&amp;M</v>
          </cell>
          <cell r="AO1964" t="str">
            <v>MDO INDIANA SOUTHEAST C&amp;M</v>
          </cell>
        </row>
        <row r="1965">
          <cell r="F1965">
            <v>75115</v>
          </cell>
          <cell r="Z1965" t="str">
            <v>DOLMRPR</v>
          </cell>
          <cell r="AN1965" t="str">
            <v>MDO C&amp;M</v>
          </cell>
          <cell r="AO1965" t="str">
            <v>MDO INDIANA SOUTHEAST C&amp;M</v>
          </cell>
        </row>
        <row r="1966">
          <cell r="F1966">
            <v>75115</v>
          </cell>
          <cell r="Z1966" t="str">
            <v>DOLMRPR</v>
          </cell>
          <cell r="AN1966" t="str">
            <v>MDO C&amp;M</v>
          </cell>
          <cell r="AO1966" t="str">
            <v>MDO INDIANA SOUTHEAST C&amp;M</v>
          </cell>
        </row>
        <row r="1967">
          <cell r="F1967">
            <v>75115</v>
          </cell>
          <cell r="Z1967" t="str">
            <v>DOLMRPR</v>
          </cell>
          <cell r="AN1967" t="str">
            <v>MDO C&amp;M</v>
          </cell>
          <cell r="AO1967" t="str">
            <v>MDO INDIANA SOUTHEAST C&amp;M</v>
          </cell>
        </row>
        <row r="1968">
          <cell r="F1968">
            <v>75115</v>
          </cell>
          <cell r="Z1968" t="str">
            <v>DOLMRPR</v>
          </cell>
          <cell r="AN1968" t="str">
            <v>MDO C&amp;M</v>
          </cell>
          <cell r="AO1968" t="str">
            <v>MDO INDIANA SOUTHEAST C&amp;M</v>
          </cell>
        </row>
        <row r="1969">
          <cell r="F1969">
            <v>75115</v>
          </cell>
          <cell r="Z1969" t="str">
            <v>DOLMRPR</v>
          </cell>
          <cell r="AN1969" t="str">
            <v>MDO C&amp;M</v>
          </cell>
          <cell r="AO1969" t="str">
            <v>MDO INDIANA SOUTHEAST C&amp;M</v>
          </cell>
        </row>
        <row r="1970">
          <cell r="F1970">
            <v>75115</v>
          </cell>
          <cell r="Z1970" t="str">
            <v>DOLMRPR</v>
          </cell>
          <cell r="AN1970" t="str">
            <v>MDO C&amp;M</v>
          </cell>
          <cell r="AO1970" t="str">
            <v>MDO INDIANA SOUTHEAST C&amp;M</v>
          </cell>
        </row>
        <row r="1971">
          <cell r="F1971">
            <v>75115</v>
          </cell>
          <cell r="Z1971" t="str">
            <v>DOLMRPR</v>
          </cell>
          <cell r="AN1971" t="str">
            <v>MDO C&amp;M</v>
          </cell>
          <cell r="AO1971" t="str">
            <v>MDO INDIANA SOUTHEAST C&amp;M</v>
          </cell>
        </row>
        <row r="1972">
          <cell r="F1972">
            <v>75115</v>
          </cell>
          <cell r="Z1972" t="str">
            <v>DOLMRPR</v>
          </cell>
          <cell r="AN1972" t="str">
            <v>MDO C&amp;M</v>
          </cell>
          <cell r="AO1972" t="str">
            <v>MDO INDIANA SOUTHEAST C&amp;M</v>
          </cell>
        </row>
        <row r="1973">
          <cell r="F1973">
            <v>75115</v>
          </cell>
          <cell r="Z1973" t="str">
            <v>DOLMRPR</v>
          </cell>
          <cell r="AN1973" t="str">
            <v>MDO C&amp;M</v>
          </cell>
          <cell r="AO1973" t="str">
            <v>MDO INDIANA SOUTHEAST C&amp;M</v>
          </cell>
        </row>
        <row r="1974">
          <cell r="F1974">
            <v>75115</v>
          </cell>
          <cell r="Z1974" t="str">
            <v>DOLMRPR</v>
          </cell>
          <cell r="AN1974" t="str">
            <v>MDO C&amp;M</v>
          </cell>
          <cell r="AO1974" t="str">
            <v>MDO INDIANA SOUTHEAST C&amp;M</v>
          </cell>
        </row>
        <row r="1975">
          <cell r="F1975">
            <v>75115</v>
          </cell>
          <cell r="Z1975" t="str">
            <v>DOLMRPR</v>
          </cell>
          <cell r="AN1975" t="str">
            <v>MDO C&amp;M</v>
          </cell>
          <cell r="AO1975" t="str">
            <v>MDO INDIANA SOUTHEAST C&amp;M</v>
          </cell>
        </row>
        <row r="1976">
          <cell r="F1976">
            <v>75115</v>
          </cell>
          <cell r="Z1976" t="str">
            <v>DOLMRPR</v>
          </cell>
          <cell r="AN1976" t="str">
            <v>MDO C&amp;M</v>
          </cell>
          <cell r="AO1976" t="str">
            <v>MDO INDIANA SOUTHEAST C&amp;M</v>
          </cell>
        </row>
        <row r="1977">
          <cell r="F1977">
            <v>75115</v>
          </cell>
          <cell r="Z1977" t="str">
            <v>DOLMRPR</v>
          </cell>
          <cell r="AN1977" t="str">
            <v>MDO C&amp;M</v>
          </cell>
          <cell r="AO1977" t="str">
            <v>MDO INDIANA SOUTHEAST C&amp;M</v>
          </cell>
        </row>
        <row r="1978">
          <cell r="F1978">
            <v>75115</v>
          </cell>
          <cell r="Z1978" t="str">
            <v>DOLMRPR</v>
          </cell>
          <cell r="AN1978" t="str">
            <v>MDO C&amp;M</v>
          </cell>
          <cell r="AO1978" t="str">
            <v>MDO INDIANA SOUTHEAST C&amp;M</v>
          </cell>
        </row>
        <row r="1979">
          <cell r="F1979">
            <v>75115</v>
          </cell>
          <cell r="Z1979" t="str">
            <v>DOLMRPR</v>
          </cell>
          <cell r="AN1979" t="str">
            <v>MDO C&amp;M</v>
          </cell>
          <cell r="AO1979" t="str">
            <v>MDO INDIANA SOUTHEAST C&amp;M</v>
          </cell>
        </row>
        <row r="1980">
          <cell r="F1980">
            <v>75115</v>
          </cell>
          <cell r="Z1980" t="str">
            <v>DOLMRPR</v>
          </cell>
          <cell r="AN1980" t="str">
            <v>MDO C&amp;M</v>
          </cell>
          <cell r="AO1980" t="str">
            <v>MDO INDIANA SOUTHEAST C&amp;M</v>
          </cell>
        </row>
        <row r="1981">
          <cell r="F1981">
            <v>75115</v>
          </cell>
          <cell r="Z1981" t="str">
            <v>DOLMRPR</v>
          </cell>
          <cell r="AN1981" t="str">
            <v>MDO C&amp;M</v>
          </cell>
          <cell r="AO1981" t="str">
            <v>MDO INDIANA SOUTHEAST C&amp;M</v>
          </cell>
        </row>
        <row r="1982">
          <cell r="F1982">
            <v>75115</v>
          </cell>
          <cell r="Z1982" t="str">
            <v>DOLMRPR</v>
          </cell>
          <cell r="AN1982" t="str">
            <v>MDO C&amp;M</v>
          </cell>
          <cell r="AO1982" t="str">
            <v>MDO INDIANA SOUTHEAST C&amp;M</v>
          </cell>
        </row>
        <row r="1983">
          <cell r="F1983">
            <v>75115</v>
          </cell>
          <cell r="Z1983" t="str">
            <v>DOLMRPR</v>
          </cell>
          <cell r="AN1983" t="str">
            <v>MDO C&amp;M</v>
          </cell>
          <cell r="AO1983" t="str">
            <v>MDO INDIANA SOUTHEAST C&amp;M</v>
          </cell>
        </row>
        <row r="1984">
          <cell r="F1984">
            <v>75115</v>
          </cell>
          <cell r="Z1984" t="str">
            <v>DOLMRPR</v>
          </cell>
          <cell r="AN1984" t="str">
            <v>MDO C&amp;M</v>
          </cell>
          <cell r="AO1984" t="str">
            <v>MDO INDIANA SOUTHEAST C&amp;M</v>
          </cell>
        </row>
        <row r="1985">
          <cell r="F1985">
            <v>75115</v>
          </cell>
          <cell r="Z1985" t="str">
            <v>DOLMRPR</v>
          </cell>
          <cell r="AN1985" t="str">
            <v>MDO C&amp;M</v>
          </cell>
          <cell r="AO1985" t="str">
            <v>MDO INDIANA SOUTHEAST C&amp;M</v>
          </cell>
        </row>
        <row r="1986">
          <cell r="F1986">
            <v>75115</v>
          </cell>
          <cell r="Z1986" t="str">
            <v>DOLMRPR</v>
          </cell>
          <cell r="AN1986" t="str">
            <v>MDO C&amp;M</v>
          </cell>
          <cell r="AO1986" t="str">
            <v>MDO INDIANA SOUTHEAST C&amp;M</v>
          </cell>
        </row>
        <row r="1987">
          <cell r="F1987">
            <v>75115</v>
          </cell>
          <cell r="Z1987" t="str">
            <v>DOLMRPR</v>
          </cell>
          <cell r="AN1987" t="str">
            <v>MDO C&amp;M</v>
          </cell>
          <cell r="AO1987" t="str">
            <v>MDO INDIANA SOUTHEAST C&amp;M</v>
          </cell>
        </row>
        <row r="1988">
          <cell r="F1988">
            <v>75115</v>
          </cell>
          <cell r="Z1988" t="str">
            <v>DOLMRPR</v>
          </cell>
          <cell r="AN1988" t="str">
            <v>MDO C&amp;M</v>
          </cell>
          <cell r="AO1988" t="str">
            <v>MDO INDIANA SOUTHEAST C&amp;M</v>
          </cell>
        </row>
        <row r="1989">
          <cell r="F1989">
            <v>75115</v>
          </cell>
          <cell r="Z1989" t="str">
            <v>DOLMRPR</v>
          </cell>
          <cell r="AN1989" t="str">
            <v>MDO C&amp;M</v>
          </cell>
          <cell r="AO1989" t="str">
            <v>MDO INDIANA SOUTHEAST C&amp;M</v>
          </cell>
        </row>
        <row r="1990">
          <cell r="F1990">
            <v>75115</v>
          </cell>
          <cell r="Z1990" t="str">
            <v>DOLMRPR</v>
          </cell>
          <cell r="AN1990" t="str">
            <v>MDO C&amp;M</v>
          </cell>
          <cell r="AO1990" t="str">
            <v>MDO INDIANA SOUTHEAST C&amp;M</v>
          </cell>
        </row>
        <row r="1991">
          <cell r="F1991">
            <v>75115</v>
          </cell>
          <cell r="Z1991" t="str">
            <v>DOLMRPR</v>
          </cell>
          <cell r="AN1991" t="str">
            <v>MDO C&amp;M</v>
          </cell>
          <cell r="AO1991" t="str">
            <v>MDO INDIANA SOUTHEAST C&amp;M</v>
          </cell>
        </row>
        <row r="1992">
          <cell r="F1992">
            <v>75115</v>
          </cell>
          <cell r="Z1992" t="str">
            <v>DOLMRPR</v>
          </cell>
          <cell r="AN1992" t="str">
            <v>MDO C&amp;M</v>
          </cell>
          <cell r="AO1992" t="str">
            <v>MDO INDIANA SOUTHEAST C&amp;M</v>
          </cell>
        </row>
        <row r="1993">
          <cell r="F1993">
            <v>75115</v>
          </cell>
          <cell r="Z1993" t="str">
            <v>DOLMRPR</v>
          </cell>
          <cell r="AN1993" t="str">
            <v>MDO C&amp;M</v>
          </cell>
          <cell r="AO1993" t="str">
            <v>MDO INDIANA SOUTHEAST C&amp;M</v>
          </cell>
        </row>
        <row r="1994">
          <cell r="F1994">
            <v>75115</v>
          </cell>
          <cell r="Z1994" t="str">
            <v>DOLMRPR</v>
          </cell>
          <cell r="AN1994" t="str">
            <v>MDO C&amp;M</v>
          </cell>
          <cell r="AO1994" t="str">
            <v>MDO INDIANA SOUTHEAST C&amp;M</v>
          </cell>
        </row>
        <row r="1995">
          <cell r="F1995">
            <v>75115</v>
          </cell>
          <cell r="Z1995" t="str">
            <v>DOLMRPR</v>
          </cell>
          <cell r="AN1995" t="str">
            <v>MDO C&amp;M</v>
          </cell>
          <cell r="AO1995" t="str">
            <v>MDO INDIANA SOUTHEAST C&amp;M</v>
          </cell>
        </row>
        <row r="1996">
          <cell r="F1996">
            <v>75115</v>
          </cell>
          <cell r="Z1996" t="str">
            <v>DOLMRPR</v>
          </cell>
          <cell r="AN1996" t="str">
            <v>MDO C&amp;M</v>
          </cell>
          <cell r="AO1996" t="str">
            <v>MDO INDIANA SOUTHEAST C&amp;M</v>
          </cell>
        </row>
        <row r="1997">
          <cell r="F1997">
            <v>75115</v>
          </cell>
          <cell r="Z1997" t="str">
            <v>DOLMRPR</v>
          </cell>
          <cell r="AN1997" t="str">
            <v>MDO C&amp;M</v>
          </cell>
          <cell r="AO1997" t="str">
            <v>MDO INDIANA SOUTHEAST C&amp;M</v>
          </cell>
        </row>
        <row r="1998">
          <cell r="F1998">
            <v>75115</v>
          </cell>
          <cell r="Z1998" t="str">
            <v>DOLMRPR</v>
          </cell>
          <cell r="AN1998" t="str">
            <v>MDO C&amp;M</v>
          </cell>
          <cell r="AO1998" t="str">
            <v>MDO INDIANA SOUTHEAST C&amp;M</v>
          </cell>
        </row>
        <row r="1999">
          <cell r="F1999">
            <v>75115</v>
          </cell>
          <cell r="Z1999" t="str">
            <v>DOLMRPR</v>
          </cell>
          <cell r="AN1999" t="str">
            <v>MDO C&amp;M</v>
          </cell>
          <cell r="AO1999" t="str">
            <v>MDO INDIANA SOUTHEAST C&amp;M</v>
          </cell>
        </row>
        <row r="2000">
          <cell r="F2000">
            <v>75115</v>
          </cell>
          <cell r="Z2000" t="str">
            <v>DOLMRPR</v>
          </cell>
          <cell r="AN2000" t="str">
            <v>MDO C&amp;M</v>
          </cell>
          <cell r="AO2000" t="str">
            <v>MDO INDIANA SOUTHEAST C&amp;M</v>
          </cell>
        </row>
        <row r="2001">
          <cell r="F2001">
            <v>75115</v>
          </cell>
          <cell r="Z2001" t="str">
            <v>DOLMRPR</v>
          </cell>
          <cell r="AN2001" t="str">
            <v>MDO C&amp;M</v>
          </cell>
          <cell r="AO2001" t="str">
            <v>MDO INDIANA SOUTHEAST C&amp;M</v>
          </cell>
        </row>
        <row r="2002">
          <cell r="F2002">
            <v>75115</v>
          </cell>
          <cell r="Z2002" t="str">
            <v>DOLMRPR</v>
          </cell>
          <cell r="AN2002" t="str">
            <v>MDO C&amp;M</v>
          </cell>
          <cell r="AO2002" t="str">
            <v>MDO INDIANA SOUTHEAST C&amp;M</v>
          </cell>
        </row>
        <row r="2003">
          <cell r="F2003">
            <v>75115</v>
          </cell>
          <cell r="Z2003" t="str">
            <v>DOLMRPR</v>
          </cell>
          <cell r="AN2003" t="str">
            <v>MDO C&amp;M</v>
          </cell>
          <cell r="AO2003" t="str">
            <v>MDO INDIANA SOUTHEAST C&amp;M</v>
          </cell>
        </row>
        <row r="2004">
          <cell r="F2004">
            <v>75115</v>
          </cell>
          <cell r="Z2004" t="str">
            <v>DOLMRPR</v>
          </cell>
          <cell r="AN2004" t="str">
            <v>MDO C&amp;M</v>
          </cell>
          <cell r="AO2004" t="str">
            <v>MDO INDIANA NORTH C&amp;M</v>
          </cell>
        </row>
        <row r="2005">
          <cell r="F2005">
            <v>75115</v>
          </cell>
          <cell r="Z2005" t="str">
            <v>DOLMRPR</v>
          </cell>
          <cell r="AN2005" t="str">
            <v>MDO C&amp;M</v>
          </cell>
          <cell r="AO2005" t="str">
            <v>MDO INDIANA NORTH C&amp;M</v>
          </cell>
        </row>
        <row r="2006">
          <cell r="F2006">
            <v>75115</v>
          </cell>
          <cell r="Z2006" t="str">
            <v>DOLMRPR</v>
          </cell>
          <cell r="AN2006" t="str">
            <v>MDO C&amp;M</v>
          </cell>
          <cell r="AO2006" t="str">
            <v>MDO INDIANA NORTH C&amp;M</v>
          </cell>
        </row>
        <row r="2007">
          <cell r="F2007">
            <v>75115</v>
          </cell>
          <cell r="Z2007" t="str">
            <v>DOLMRPR</v>
          </cell>
          <cell r="AN2007" t="str">
            <v>MDO C&amp;M</v>
          </cell>
          <cell r="AO2007" t="str">
            <v>MDO INDIANA NORTH C&amp;M</v>
          </cell>
        </row>
        <row r="2008">
          <cell r="F2008">
            <v>75115</v>
          </cell>
          <cell r="Z2008" t="str">
            <v>DOLMRPR</v>
          </cell>
          <cell r="AN2008" t="str">
            <v>MDO C&amp;M</v>
          </cell>
          <cell r="AO2008" t="str">
            <v>MDO INDIANA NORTH C&amp;M</v>
          </cell>
        </row>
        <row r="2009">
          <cell r="F2009">
            <v>75115</v>
          </cell>
          <cell r="Z2009" t="str">
            <v>DOLMRPR</v>
          </cell>
          <cell r="AN2009" t="str">
            <v>MDO C&amp;M</v>
          </cell>
          <cell r="AO2009" t="str">
            <v>MDO INDIANA NORTH C&amp;M</v>
          </cell>
        </row>
        <row r="2010">
          <cell r="F2010">
            <v>75115</v>
          </cell>
          <cell r="Z2010" t="str">
            <v>DOLMRPR</v>
          </cell>
          <cell r="AN2010" t="str">
            <v>MDO C&amp;M</v>
          </cell>
          <cell r="AO2010" t="str">
            <v>MDO INDIANA NORTH C&amp;M</v>
          </cell>
        </row>
        <row r="2011">
          <cell r="F2011">
            <v>75115</v>
          </cell>
          <cell r="Z2011" t="str">
            <v>DOLMRPR</v>
          </cell>
          <cell r="AN2011" t="str">
            <v>MDO C&amp;M</v>
          </cell>
          <cell r="AO2011" t="str">
            <v>MDO INDIANA NORTH C&amp;M</v>
          </cell>
        </row>
        <row r="2012">
          <cell r="F2012">
            <v>75115</v>
          </cell>
          <cell r="Z2012" t="str">
            <v>DOLMRPR</v>
          </cell>
          <cell r="AN2012" t="str">
            <v>MDO C&amp;M</v>
          </cell>
          <cell r="AO2012" t="str">
            <v>MDO INDIANA NORTH C&amp;M</v>
          </cell>
        </row>
        <row r="2013">
          <cell r="F2013">
            <v>75115</v>
          </cell>
          <cell r="Z2013" t="str">
            <v>DOLMRPR</v>
          </cell>
          <cell r="AN2013" t="str">
            <v>MDO C&amp;M</v>
          </cell>
          <cell r="AO2013" t="str">
            <v>MDO INDIANA NORTH C&amp;M</v>
          </cell>
        </row>
        <row r="2014">
          <cell r="F2014">
            <v>75115</v>
          </cell>
          <cell r="Z2014" t="str">
            <v>DOLMRPR</v>
          </cell>
          <cell r="AN2014" t="str">
            <v>MDO C&amp;M</v>
          </cell>
          <cell r="AO2014" t="str">
            <v>MDO INDIANA NORTH C&amp;M</v>
          </cell>
        </row>
        <row r="2015">
          <cell r="F2015">
            <v>75115</v>
          </cell>
          <cell r="Z2015" t="str">
            <v>DOLMRPR</v>
          </cell>
          <cell r="AN2015" t="str">
            <v>MDO C&amp;M</v>
          </cell>
          <cell r="AO2015" t="str">
            <v>MDO INDIANA NORTH C&amp;M</v>
          </cell>
        </row>
        <row r="2016">
          <cell r="F2016">
            <v>75115</v>
          </cell>
          <cell r="Z2016" t="str">
            <v>DOLMRPR</v>
          </cell>
          <cell r="AN2016" t="str">
            <v>MDO C&amp;M</v>
          </cell>
          <cell r="AO2016" t="str">
            <v>MDO INDIANA NORTH C&amp;M</v>
          </cell>
        </row>
        <row r="2017">
          <cell r="F2017">
            <v>75115</v>
          </cell>
          <cell r="Z2017" t="str">
            <v>DOLMRPR</v>
          </cell>
          <cell r="AN2017" t="str">
            <v>MDO C&amp;M</v>
          </cell>
          <cell r="AO2017" t="str">
            <v>MDO INDIANA NORTH C&amp;M</v>
          </cell>
        </row>
        <row r="2018">
          <cell r="F2018">
            <v>75115</v>
          </cell>
          <cell r="Z2018" t="str">
            <v>DOLMRPR</v>
          </cell>
          <cell r="AN2018" t="str">
            <v>MDO C&amp;M</v>
          </cell>
          <cell r="AO2018" t="str">
            <v>MDO INDIANA NORTH C&amp;M</v>
          </cell>
        </row>
        <row r="2019">
          <cell r="F2019">
            <v>75115</v>
          </cell>
          <cell r="Z2019" t="str">
            <v>DOLMRPR</v>
          </cell>
          <cell r="AN2019" t="str">
            <v>MDO C&amp;M</v>
          </cell>
          <cell r="AO2019" t="str">
            <v>MDO INDIANA NORTH C&amp;M</v>
          </cell>
        </row>
        <row r="2020">
          <cell r="F2020">
            <v>75115</v>
          </cell>
          <cell r="Z2020" t="str">
            <v>DOLMRPR</v>
          </cell>
          <cell r="AN2020" t="str">
            <v>MDO C&amp;M</v>
          </cell>
          <cell r="AO2020" t="str">
            <v>MDO INDIANA NORTH C&amp;M</v>
          </cell>
        </row>
        <row r="2021">
          <cell r="F2021">
            <v>75115</v>
          </cell>
          <cell r="Z2021" t="str">
            <v>DOLMRPR</v>
          </cell>
          <cell r="AN2021" t="str">
            <v>MDO C&amp;M</v>
          </cell>
          <cell r="AO2021" t="str">
            <v>MDO INDIANA NORTH C&amp;M</v>
          </cell>
        </row>
        <row r="2022">
          <cell r="F2022">
            <v>75115</v>
          </cell>
          <cell r="Z2022" t="str">
            <v>DOLMRPR</v>
          </cell>
          <cell r="AN2022" t="str">
            <v>MDO C&amp;M</v>
          </cell>
          <cell r="AO2022" t="str">
            <v>MDO INDIANA NORTH C&amp;M</v>
          </cell>
        </row>
        <row r="2023">
          <cell r="F2023">
            <v>75115</v>
          </cell>
          <cell r="Z2023" t="str">
            <v>DOLMRPR</v>
          </cell>
          <cell r="AN2023" t="str">
            <v>MDO C&amp;M</v>
          </cell>
          <cell r="AO2023" t="str">
            <v>MDO INDIANA NORTH C&amp;M</v>
          </cell>
        </row>
        <row r="2024">
          <cell r="F2024">
            <v>75115</v>
          </cell>
          <cell r="Z2024" t="str">
            <v>DOLMRPR</v>
          </cell>
          <cell r="AN2024" t="str">
            <v>MDO C&amp;M</v>
          </cell>
          <cell r="AO2024" t="str">
            <v>MDO INDIANA NORTH C&amp;M</v>
          </cell>
        </row>
        <row r="2025">
          <cell r="F2025">
            <v>75115</v>
          </cell>
          <cell r="Z2025" t="str">
            <v>DOLMRPR</v>
          </cell>
          <cell r="AN2025" t="str">
            <v>MDO C&amp;M</v>
          </cell>
          <cell r="AO2025" t="str">
            <v>MDO INDIANA NORTH C&amp;M</v>
          </cell>
        </row>
        <row r="2026">
          <cell r="F2026">
            <v>75115</v>
          </cell>
          <cell r="Z2026" t="str">
            <v>DOLMRPR</v>
          </cell>
          <cell r="AN2026" t="str">
            <v>MDO C&amp;M</v>
          </cell>
          <cell r="AO2026" t="str">
            <v>MDO INDIANA NORTH C&amp;M</v>
          </cell>
        </row>
        <row r="2027">
          <cell r="F2027">
            <v>75115</v>
          </cell>
          <cell r="Z2027" t="str">
            <v>DOLMRPR</v>
          </cell>
          <cell r="AN2027" t="str">
            <v>MDO C&amp;M</v>
          </cell>
          <cell r="AO2027" t="str">
            <v>MDO INDIANA NORTH C&amp;M</v>
          </cell>
        </row>
        <row r="2028">
          <cell r="F2028">
            <v>75115</v>
          </cell>
          <cell r="Z2028" t="str">
            <v>DOLMRPR</v>
          </cell>
          <cell r="AN2028" t="str">
            <v>MDO C&amp;M</v>
          </cell>
          <cell r="AO2028" t="str">
            <v>MDO INDIANA NORTH C&amp;M</v>
          </cell>
        </row>
        <row r="2029">
          <cell r="F2029">
            <v>75115</v>
          </cell>
          <cell r="Z2029" t="str">
            <v>DOLMRPR</v>
          </cell>
          <cell r="AN2029" t="str">
            <v>MDO C&amp;M</v>
          </cell>
          <cell r="AO2029" t="str">
            <v>MDO INDIANA NORTH C&amp;M</v>
          </cell>
        </row>
        <row r="2030">
          <cell r="F2030">
            <v>75115</v>
          </cell>
          <cell r="Z2030" t="str">
            <v>DOLMRPR</v>
          </cell>
          <cell r="AN2030" t="str">
            <v>MDO C&amp;M</v>
          </cell>
          <cell r="AO2030" t="str">
            <v>MDO INDIANA NORTH C&amp;M</v>
          </cell>
        </row>
        <row r="2031">
          <cell r="F2031">
            <v>75115</v>
          </cell>
          <cell r="Z2031" t="str">
            <v>DOLMRPR</v>
          </cell>
          <cell r="AN2031" t="str">
            <v>MDO C&amp;M</v>
          </cell>
          <cell r="AO2031" t="str">
            <v>MDO INDIANA NORTH C&amp;M</v>
          </cell>
        </row>
        <row r="2032">
          <cell r="F2032">
            <v>75115</v>
          </cell>
          <cell r="Z2032" t="str">
            <v>DOLMRPR</v>
          </cell>
          <cell r="AN2032" t="str">
            <v>MDO C&amp;M</v>
          </cell>
          <cell r="AO2032" t="str">
            <v>MDO INDIANA NORTH C&amp;M</v>
          </cell>
        </row>
        <row r="2033">
          <cell r="F2033">
            <v>75115</v>
          </cell>
          <cell r="Z2033" t="str">
            <v>DOLMRPR</v>
          </cell>
          <cell r="AN2033" t="str">
            <v>MDO C&amp;M</v>
          </cell>
          <cell r="AO2033" t="str">
            <v>MDO INDIANA NORTH C&amp;M</v>
          </cell>
        </row>
        <row r="2034">
          <cell r="F2034">
            <v>75115</v>
          </cell>
          <cell r="Z2034" t="str">
            <v>DOLMRPR</v>
          </cell>
          <cell r="AN2034" t="str">
            <v>MDO C&amp;M</v>
          </cell>
          <cell r="AO2034" t="str">
            <v>MDO INDIANA NORTH C&amp;M</v>
          </cell>
        </row>
        <row r="2035">
          <cell r="F2035">
            <v>75115</v>
          </cell>
          <cell r="Z2035" t="str">
            <v>DOLMRPR</v>
          </cell>
          <cell r="AN2035" t="str">
            <v>MDO C&amp;M</v>
          </cell>
          <cell r="AO2035" t="str">
            <v>MDO INDIANA NORTH C&amp;M</v>
          </cell>
        </row>
        <row r="2036">
          <cell r="F2036">
            <v>75115</v>
          </cell>
          <cell r="Z2036" t="str">
            <v>DOLMRPR</v>
          </cell>
          <cell r="AN2036" t="str">
            <v>MDO C&amp;M</v>
          </cell>
          <cell r="AO2036" t="str">
            <v>MDO INDIANA NORTH C&amp;M</v>
          </cell>
        </row>
        <row r="2037">
          <cell r="F2037">
            <v>75115</v>
          </cell>
          <cell r="Z2037" t="str">
            <v>DOLMRPR</v>
          </cell>
          <cell r="AN2037" t="str">
            <v>MDO C&amp;M</v>
          </cell>
          <cell r="AO2037" t="str">
            <v>MDO INDIANA NORTH C&amp;M</v>
          </cell>
        </row>
        <row r="2038">
          <cell r="F2038">
            <v>75115</v>
          </cell>
          <cell r="Z2038" t="str">
            <v>DOLMRPR</v>
          </cell>
          <cell r="AN2038" t="str">
            <v>MDO C&amp;M</v>
          </cell>
          <cell r="AO2038" t="str">
            <v>MDO INDIANA NORTH C&amp;M</v>
          </cell>
        </row>
        <row r="2039">
          <cell r="F2039">
            <v>75115</v>
          </cell>
          <cell r="Z2039" t="str">
            <v>DOLMRPR</v>
          </cell>
          <cell r="AN2039" t="str">
            <v>MDO C&amp;M</v>
          </cell>
          <cell r="AO2039" t="str">
            <v>MDO INDIANA NORTH C&amp;M</v>
          </cell>
        </row>
        <row r="2040">
          <cell r="F2040">
            <v>75115</v>
          </cell>
          <cell r="Z2040" t="str">
            <v>DOLMRPR</v>
          </cell>
          <cell r="AN2040" t="str">
            <v>MDO C&amp;M</v>
          </cell>
          <cell r="AO2040" t="str">
            <v>MDO INDIANA NORTH C&amp;M</v>
          </cell>
        </row>
        <row r="2041">
          <cell r="F2041">
            <v>75115</v>
          </cell>
          <cell r="Z2041" t="str">
            <v>DOLMRPR</v>
          </cell>
          <cell r="AN2041" t="str">
            <v>MDO C&amp;M</v>
          </cell>
          <cell r="AO2041" t="str">
            <v>MDO INDIANA NORTH C&amp;M</v>
          </cell>
        </row>
        <row r="2042">
          <cell r="F2042">
            <v>75115</v>
          </cell>
          <cell r="Z2042" t="str">
            <v>DOLMRPR</v>
          </cell>
          <cell r="AN2042" t="str">
            <v>MDO C&amp;M</v>
          </cell>
          <cell r="AO2042" t="str">
            <v>MDO INDIANA NORTH C&amp;M</v>
          </cell>
        </row>
        <row r="2043">
          <cell r="F2043">
            <v>75115</v>
          </cell>
          <cell r="Z2043" t="str">
            <v>DOLMRPR</v>
          </cell>
          <cell r="AN2043" t="str">
            <v>MDO C&amp;M</v>
          </cell>
          <cell r="AO2043" t="str">
            <v>MDO INDIANA NORTH C&amp;M</v>
          </cell>
        </row>
        <row r="2044">
          <cell r="F2044">
            <v>75115</v>
          </cell>
          <cell r="Z2044" t="str">
            <v>DOLMRPR</v>
          </cell>
          <cell r="AN2044" t="str">
            <v>MDO C&amp;M</v>
          </cell>
          <cell r="AO2044" t="str">
            <v>MDO INDIANA NORTH C&amp;M</v>
          </cell>
        </row>
        <row r="2045">
          <cell r="F2045">
            <v>75115</v>
          </cell>
          <cell r="Z2045" t="str">
            <v>DOLMRPR</v>
          </cell>
          <cell r="AN2045" t="str">
            <v>MDO C&amp;M</v>
          </cell>
          <cell r="AO2045" t="str">
            <v>MDO INDIANA NORTH C&amp;M</v>
          </cell>
        </row>
        <row r="2046">
          <cell r="F2046">
            <v>75115</v>
          </cell>
          <cell r="Z2046" t="str">
            <v>DOLMRPR</v>
          </cell>
          <cell r="AN2046" t="str">
            <v>MDO C&amp;M</v>
          </cell>
          <cell r="AO2046" t="str">
            <v>MDO INDIANA NORTH C&amp;M</v>
          </cell>
        </row>
        <row r="2047">
          <cell r="F2047">
            <v>75115</v>
          </cell>
          <cell r="Z2047" t="str">
            <v>DOLMRPR</v>
          </cell>
          <cell r="AN2047" t="str">
            <v>MDO C&amp;M</v>
          </cell>
          <cell r="AO2047" t="str">
            <v>MDO INDIANA NORTH C&amp;M</v>
          </cell>
        </row>
        <row r="2048">
          <cell r="F2048">
            <v>75115</v>
          </cell>
          <cell r="Z2048" t="str">
            <v>DOLMRPR</v>
          </cell>
          <cell r="AN2048" t="str">
            <v>MDO C&amp;M</v>
          </cell>
          <cell r="AO2048" t="str">
            <v>MDO INDIANA NORTH C&amp;M</v>
          </cell>
        </row>
        <row r="2049">
          <cell r="F2049">
            <v>75115</v>
          </cell>
          <cell r="Z2049" t="str">
            <v>DOLMRPR</v>
          </cell>
          <cell r="AN2049" t="str">
            <v>MDO C&amp;M</v>
          </cell>
          <cell r="AO2049" t="str">
            <v>MDO INDIANA NORTH C&amp;M</v>
          </cell>
        </row>
        <row r="2050">
          <cell r="F2050">
            <v>75115</v>
          </cell>
          <cell r="Z2050" t="str">
            <v>DOLMRPR</v>
          </cell>
          <cell r="AN2050" t="str">
            <v>MDO C&amp;M</v>
          </cell>
          <cell r="AO2050" t="str">
            <v>MDO INDIANA NORTH C&amp;M</v>
          </cell>
        </row>
        <row r="2051">
          <cell r="F2051">
            <v>75115</v>
          </cell>
          <cell r="Z2051" t="str">
            <v>DOLMRPR</v>
          </cell>
          <cell r="AN2051" t="str">
            <v>MDO C&amp;M</v>
          </cell>
          <cell r="AO2051" t="str">
            <v>MDO INDIANA NORTH C&amp;M</v>
          </cell>
        </row>
        <row r="2052">
          <cell r="F2052">
            <v>75115</v>
          </cell>
          <cell r="Z2052" t="str">
            <v>DOLMRPR</v>
          </cell>
          <cell r="AN2052" t="str">
            <v>MDO C&amp;M</v>
          </cell>
          <cell r="AO2052" t="str">
            <v>MDO INDIANA NORTH C&amp;M</v>
          </cell>
        </row>
        <row r="2053">
          <cell r="F2053">
            <v>75115</v>
          </cell>
          <cell r="Z2053" t="str">
            <v>DOLMRPR</v>
          </cell>
          <cell r="AN2053" t="str">
            <v>MDO C&amp;M</v>
          </cell>
          <cell r="AO2053" t="str">
            <v>MDO INDIANA NORTH C&amp;M</v>
          </cell>
        </row>
        <row r="2054">
          <cell r="F2054">
            <v>75115</v>
          </cell>
          <cell r="Z2054" t="str">
            <v>DOLMRPR</v>
          </cell>
          <cell r="AN2054" t="str">
            <v>MDO C&amp;M</v>
          </cell>
          <cell r="AO2054" t="str">
            <v>MDO INDIANA NORTH C&amp;M</v>
          </cell>
        </row>
        <row r="2055">
          <cell r="F2055">
            <v>75115</v>
          </cell>
          <cell r="Z2055" t="str">
            <v>DOLMRPR</v>
          </cell>
          <cell r="AN2055" t="str">
            <v>MDO C&amp;M</v>
          </cell>
          <cell r="AO2055" t="str">
            <v>MDO INDIANA NORTH C&amp;M</v>
          </cell>
        </row>
        <row r="2056">
          <cell r="F2056">
            <v>75115</v>
          </cell>
          <cell r="Z2056" t="str">
            <v>DOLMRPR</v>
          </cell>
          <cell r="AN2056" t="str">
            <v>MDO C&amp;M</v>
          </cell>
          <cell r="AO2056" t="str">
            <v>MDO INDIANA NORTH C&amp;M</v>
          </cell>
        </row>
        <row r="2057">
          <cell r="F2057">
            <v>75115</v>
          </cell>
          <cell r="Z2057" t="str">
            <v>DOLMRPR</v>
          </cell>
          <cell r="AN2057" t="str">
            <v>MDO C&amp;M</v>
          </cell>
          <cell r="AO2057" t="str">
            <v>MDO INDIANA NORTH C&amp;M</v>
          </cell>
        </row>
        <row r="2058">
          <cell r="F2058">
            <v>75115</v>
          </cell>
          <cell r="Z2058" t="str">
            <v>DOLMRPR</v>
          </cell>
          <cell r="AN2058" t="str">
            <v>MDO C&amp;M</v>
          </cell>
          <cell r="AO2058" t="str">
            <v>MDO INDIANA NORTH C&amp;M</v>
          </cell>
        </row>
        <row r="2059">
          <cell r="F2059">
            <v>75115</v>
          </cell>
          <cell r="Z2059" t="str">
            <v>DOLMRPR</v>
          </cell>
          <cell r="AN2059" t="str">
            <v>MDO C&amp;M</v>
          </cell>
          <cell r="AO2059" t="str">
            <v>MDO INDIANA NORTH C&amp;M</v>
          </cell>
        </row>
        <row r="2060">
          <cell r="F2060">
            <v>75115</v>
          </cell>
          <cell r="Z2060" t="str">
            <v>DOLMRPR</v>
          </cell>
          <cell r="AN2060" t="str">
            <v>MDO C&amp;M</v>
          </cell>
          <cell r="AO2060" t="str">
            <v>MDO INDIANA NORTH C&amp;M</v>
          </cell>
        </row>
        <row r="2061">
          <cell r="F2061">
            <v>75115</v>
          </cell>
          <cell r="Z2061" t="str">
            <v>DOLMRPR</v>
          </cell>
          <cell r="AN2061" t="str">
            <v>MDO C&amp;M</v>
          </cell>
          <cell r="AO2061" t="str">
            <v>MDO INDIANA NORTH C&amp;M</v>
          </cell>
        </row>
        <row r="2062">
          <cell r="F2062">
            <v>75115</v>
          </cell>
          <cell r="Z2062" t="str">
            <v>DOLMRPR</v>
          </cell>
          <cell r="AN2062" t="str">
            <v>MDO C&amp;M</v>
          </cell>
          <cell r="AO2062" t="str">
            <v>MDO INDIANA NORTH C&amp;M</v>
          </cell>
        </row>
        <row r="2063">
          <cell r="F2063">
            <v>75115</v>
          </cell>
          <cell r="Z2063" t="str">
            <v>DOLMRPR</v>
          </cell>
          <cell r="AN2063" t="str">
            <v>MDO C&amp;M</v>
          </cell>
          <cell r="AO2063" t="str">
            <v>MDO INDIANA NORTH C&amp;M</v>
          </cell>
        </row>
        <row r="2064">
          <cell r="F2064">
            <v>75115</v>
          </cell>
          <cell r="Z2064" t="str">
            <v>DOLMRPR</v>
          </cell>
          <cell r="AN2064" t="str">
            <v>MDO C&amp;M</v>
          </cell>
          <cell r="AO2064" t="str">
            <v>MDO INDIANA NORTH C&amp;M</v>
          </cell>
        </row>
        <row r="2065">
          <cell r="F2065">
            <v>75115</v>
          </cell>
          <cell r="Z2065" t="str">
            <v>DOLMRPR</v>
          </cell>
          <cell r="AN2065" t="str">
            <v>MDO C&amp;M</v>
          </cell>
          <cell r="AO2065" t="str">
            <v>MDO INDIANA NORTH C&amp;M</v>
          </cell>
        </row>
        <row r="2066">
          <cell r="F2066">
            <v>75115</v>
          </cell>
          <cell r="Z2066" t="str">
            <v>DOLMRPR</v>
          </cell>
          <cell r="AN2066" t="str">
            <v>MDO C&amp;M</v>
          </cell>
          <cell r="AO2066" t="str">
            <v>MDO INDIANA NORTH C&amp;M</v>
          </cell>
        </row>
        <row r="2067">
          <cell r="F2067">
            <v>75115</v>
          </cell>
          <cell r="Z2067" t="str">
            <v>DOLMRPR</v>
          </cell>
          <cell r="AN2067" t="str">
            <v>MDO C&amp;M</v>
          </cell>
          <cell r="AO2067" t="str">
            <v>MDO INDIANA NORTH C&amp;M</v>
          </cell>
        </row>
        <row r="2068">
          <cell r="F2068">
            <v>75115</v>
          </cell>
          <cell r="Z2068" t="str">
            <v>DOLMRPR</v>
          </cell>
          <cell r="AN2068" t="str">
            <v>MDO C&amp;M</v>
          </cell>
          <cell r="AO2068" t="str">
            <v>MDO INDIANA NORTH C&amp;M</v>
          </cell>
        </row>
        <row r="2069">
          <cell r="F2069">
            <v>75115</v>
          </cell>
          <cell r="Z2069" t="str">
            <v>DOLMRPR</v>
          </cell>
          <cell r="AN2069" t="str">
            <v>MDO C&amp;M</v>
          </cell>
          <cell r="AO2069" t="str">
            <v>MDO INDIANA NORTH C&amp;M</v>
          </cell>
        </row>
        <row r="2070">
          <cell r="F2070">
            <v>75115</v>
          </cell>
          <cell r="Z2070" t="str">
            <v>DOLMRPR</v>
          </cell>
          <cell r="AN2070" t="str">
            <v>MDO C&amp;M</v>
          </cell>
          <cell r="AO2070" t="str">
            <v>MDO INDIANA NORTH C&amp;M</v>
          </cell>
        </row>
        <row r="2071">
          <cell r="F2071">
            <v>75115</v>
          </cell>
          <cell r="Z2071" t="str">
            <v>DOLMRPR</v>
          </cell>
          <cell r="AN2071" t="str">
            <v>MDO C&amp;M</v>
          </cell>
          <cell r="AO2071" t="str">
            <v>MDO INDIANA NORTH C&amp;M</v>
          </cell>
        </row>
        <row r="2072">
          <cell r="F2072">
            <v>75115</v>
          </cell>
          <cell r="Z2072" t="str">
            <v>DOLMRPR</v>
          </cell>
          <cell r="AN2072" t="str">
            <v>MDO C&amp;M</v>
          </cell>
          <cell r="AO2072" t="str">
            <v>MDO INDIANA NORTH C&amp;M</v>
          </cell>
        </row>
        <row r="2073">
          <cell r="F2073">
            <v>75115</v>
          </cell>
          <cell r="Z2073" t="str">
            <v>DOLMRPR</v>
          </cell>
          <cell r="AN2073" t="str">
            <v>MDO C&amp;M</v>
          </cell>
          <cell r="AO2073" t="str">
            <v>MDO INDIANA NORTH C&amp;M</v>
          </cell>
        </row>
        <row r="2074">
          <cell r="F2074">
            <v>75115</v>
          </cell>
          <cell r="Z2074" t="str">
            <v>DOLMRPR</v>
          </cell>
          <cell r="AN2074" t="str">
            <v>MDO C&amp;M</v>
          </cell>
          <cell r="AO2074" t="str">
            <v>MDO INDIANA NORTH C&amp;M</v>
          </cell>
        </row>
        <row r="2075">
          <cell r="F2075">
            <v>75115</v>
          </cell>
          <cell r="Z2075" t="str">
            <v>DOLMRPR</v>
          </cell>
          <cell r="AN2075" t="str">
            <v>MDO C&amp;M</v>
          </cell>
          <cell r="AO2075" t="str">
            <v>MDO INDIANA NORTH C&amp;M</v>
          </cell>
        </row>
        <row r="2076">
          <cell r="F2076">
            <v>75115</v>
          </cell>
          <cell r="Z2076" t="str">
            <v>DOLMRPR</v>
          </cell>
          <cell r="AN2076" t="str">
            <v>MDO C&amp;M</v>
          </cell>
          <cell r="AO2076" t="str">
            <v>MDO INDIANA NORTH C&amp;M</v>
          </cell>
        </row>
        <row r="2077">
          <cell r="F2077">
            <v>75115</v>
          </cell>
          <cell r="Z2077" t="str">
            <v>DOLMRPR</v>
          </cell>
          <cell r="AN2077" t="str">
            <v>MDO C&amp;M</v>
          </cell>
          <cell r="AO2077" t="str">
            <v>MDO INDIANA NORTH C&amp;M</v>
          </cell>
        </row>
        <row r="2078">
          <cell r="F2078">
            <v>75115</v>
          </cell>
          <cell r="Z2078" t="str">
            <v>DOLMRPR</v>
          </cell>
          <cell r="AN2078" t="str">
            <v>MDO C&amp;M</v>
          </cell>
          <cell r="AO2078" t="str">
            <v>MDO INDIANA NORTH C&amp;M</v>
          </cell>
        </row>
        <row r="2079">
          <cell r="F2079">
            <v>75115</v>
          </cell>
          <cell r="Z2079" t="str">
            <v>DOLMRPR</v>
          </cell>
          <cell r="AN2079" t="str">
            <v>MDO C&amp;M</v>
          </cell>
          <cell r="AO2079" t="str">
            <v>MDO INDIANA NORTH C&amp;M</v>
          </cell>
        </row>
        <row r="2080">
          <cell r="F2080">
            <v>75115</v>
          </cell>
          <cell r="Z2080" t="str">
            <v>DOLMRPR</v>
          </cell>
          <cell r="AN2080" t="str">
            <v>MDO C&amp;M</v>
          </cell>
          <cell r="AO2080" t="str">
            <v>MDO INDIANA NORTH C&amp;M</v>
          </cell>
        </row>
        <row r="2081">
          <cell r="F2081">
            <v>75115</v>
          </cell>
          <cell r="Z2081" t="str">
            <v>DOLMRPR</v>
          </cell>
          <cell r="AN2081" t="str">
            <v>MDO C&amp;M</v>
          </cell>
          <cell r="AO2081" t="str">
            <v>MDO INDIANA NORTH C&amp;M</v>
          </cell>
        </row>
        <row r="2082">
          <cell r="F2082">
            <v>75115</v>
          </cell>
          <cell r="Z2082" t="str">
            <v>DOLMRPR</v>
          </cell>
          <cell r="AN2082" t="str">
            <v>MDO C&amp;M</v>
          </cell>
          <cell r="AO2082" t="str">
            <v>MDO INDIANA NORTH C&amp;M</v>
          </cell>
        </row>
        <row r="2083">
          <cell r="F2083">
            <v>75115</v>
          </cell>
          <cell r="Z2083" t="str">
            <v>DOLMRPR</v>
          </cell>
          <cell r="AN2083" t="str">
            <v>MDO C&amp;M</v>
          </cell>
          <cell r="AO2083" t="str">
            <v>MDO INDIANA NORTH C&amp;M</v>
          </cell>
        </row>
        <row r="2084">
          <cell r="F2084">
            <v>75115</v>
          </cell>
          <cell r="Z2084" t="str">
            <v>DOLMRPR</v>
          </cell>
          <cell r="AN2084" t="str">
            <v>MDO C&amp;M</v>
          </cell>
          <cell r="AO2084" t="str">
            <v>MDO INDIANA NORTH C&amp;M</v>
          </cell>
        </row>
        <row r="2085">
          <cell r="F2085">
            <v>75115</v>
          </cell>
          <cell r="Z2085" t="str">
            <v>DOLMRPR</v>
          </cell>
          <cell r="AN2085" t="str">
            <v>MDO C&amp;M</v>
          </cell>
          <cell r="AO2085" t="str">
            <v>MDO INDIANA NORTH C&amp;M</v>
          </cell>
        </row>
        <row r="2086">
          <cell r="F2086">
            <v>75115</v>
          </cell>
          <cell r="Z2086" t="str">
            <v>DOLMRPR</v>
          </cell>
          <cell r="AN2086" t="str">
            <v>MDO C&amp;M</v>
          </cell>
          <cell r="AO2086" t="str">
            <v>MDO INDIANA NORTH C&amp;M</v>
          </cell>
        </row>
        <row r="2087">
          <cell r="F2087">
            <v>75115</v>
          </cell>
          <cell r="Z2087" t="str">
            <v>DOLMRPR</v>
          </cell>
          <cell r="AN2087" t="str">
            <v>MDO C&amp;M</v>
          </cell>
          <cell r="AO2087" t="str">
            <v>MDO INDIANA NORTH C&amp;M</v>
          </cell>
        </row>
        <row r="2088">
          <cell r="F2088">
            <v>75115</v>
          </cell>
          <cell r="Z2088" t="str">
            <v>DOLMRPR</v>
          </cell>
          <cell r="AN2088" t="str">
            <v>MDO C&amp;M</v>
          </cell>
          <cell r="AO2088" t="str">
            <v>MDO INDIANA NORTH C&amp;M</v>
          </cell>
        </row>
        <row r="2089">
          <cell r="F2089">
            <v>75115</v>
          </cell>
          <cell r="Z2089" t="str">
            <v>DOLMRPR</v>
          </cell>
          <cell r="AN2089" t="str">
            <v>MDO C&amp;M</v>
          </cell>
          <cell r="AO2089" t="str">
            <v>MDO INDIANA NORTH C&amp;M</v>
          </cell>
        </row>
        <row r="2090">
          <cell r="F2090">
            <v>75115</v>
          </cell>
          <cell r="Z2090" t="str">
            <v>DOLMRPR</v>
          </cell>
          <cell r="AN2090" t="str">
            <v>MDO C&amp;M</v>
          </cell>
          <cell r="AO2090" t="str">
            <v>MDO INDIANA NORTH C&amp;M</v>
          </cell>
        </row>
        <row r="2091">
          <cell r="F2091">
            <v>75115</v>
          </cell>
          <cell r="Z2091" t="str">
            <v>DOLMRPR</v>
          </cell>
          <cell r="AN2091" t="str">
            <v>MDO C&amp;M</v>
          </cell>
          <cell r="AO2091" t="str">
            <v>MDO INDIANA NORTH C&amp;M</v>
          </cell>
        </row>
        <row r="2092">
          <cell r="F2092">
            <v>75115</v>
          </cell>
          <cell r="Z2092" t="str">
            <v>DOLMRPR</v>
          </cell>
          <cell r="AN2092" t="str">
            <v>MDO C&amp;M</v>
          </cell>
          <cell r="AO2092" t="str">
            <v>MDO INDIANA NORTH C&amp;M</v>
          </cell>
        </row>
        <row r="2093">
          <cell r="F2093">
            <v>75115</v>
          </cell>
          <cell r="Z2093" t="str">
            <v>DOLMRPR</v>
          </cell>
          <cell r="AN2093" t="str">
            <v>MDO C&amp;M</v>
          </cell>
          <cell r="AO2093" t="str">
            <v>MDO INDIANA NORTH C&amp;M</v>
          </cell>
        </row>
        <row r="2094">
          <cell r="F2094">
            <v>75115</v>
          </cell>
          <cell r="Z2094" t="str">
            <v>DOLMRPR</v>
          </cell>
          <cell r="AN2094" t="str">
            <v>MDO C&amp;M</v>
          </cell>
          <cell r="AO2094" t="str">
            <v>MDO INDIANA NORTH C&amp;M</v>
          </cell>
        </row>
        <row r="2095">
          <cell r="F2095">
            <v>75115</v>
          </cell>
          <cell r="Z2095" t="str">
            <v>DOLMRPR</v>
          </cell>
          <cell r="AN2095" t="str">
            <v>MDO C&amp;M</v>
          </cell>
          <cell r="AO2095" t="str">
            <v>MDO INDIANA NORTH C&amp;M</v>
          </cell>
        </row>
        <row r="2096">
          <cell r="F2096">
            <v>75115</v>
          </cell>
          <cell r="Z2096" t="str">
            <v>DOLMRPR</v>
          </cell>
          <cell r="AN2096" t="str">
            <v>MDO C&amp;M</v>
          </cell>
          <cell r="AO2096" t="str">
            <v>MDO INDIANA NORTH C&amp;M</v>
          </cell>
        </row>
        <row r="2097">
          <cell r="F2097">
            <v>75115</v>
          </cell>
          <cell r="Z2097" t="str">
            <v>DOLMRPR</v>
          </cell>
          <cell r="AN2097" t="str">
            <v>MDO C&amp;M</v>
          </cell>
          <cell r="AO2097" t="str">
            <v>MDO INDIANA NORTH C&amp;M</v>
          </cell>
        </row>
        <row r="2098">
          <cell r="F2098">
            <v>75115</v>
          </cell>
          <cell r="Z2098" t="str">
            <v>DOLMRPR</v>
          </cell>
          <cell r="AN2098" t="str">
            <v>MDO C&amp;M</v>
          </cell>
          <cell r="AO2098" t="str">
            <v>MDO INDIANA NORTH C&amp;M</v>
          </cell>
        </row>
        <row r="2099">
          <cell r="F2099">
            <v>75115</v>
          </cell>
          <cell r="Z2099" t="str">
            <v>DOLMRPR</v>
          </cell>
          <cell r="AN2099" t="str">
            <v>MDO C&amp;M</v>
          </cell>
          <cell r="AO2099" t="str">
            <v>MDO INDIANA NORTH C&amp;M</v>
          </cell>
        </row>
        <row r="2100">
          <cell r="F2100">
            <v>75115</v>
          </cell>
          <cell r="Z2100" t="str">
            <v>DOLMRPR</v>
          </cell>
          <cell r="AN2100" t="str">
            <v>MDO C&amp;M</v>
          </cell>
          <cell r="AO2100" t="str">
            <v>MDO INDIANA NORTH C&amp;M</v>
          </cell>
        </row>
        <row r="2101">
          <cell r="F2101">
            <v>75115</v>
          </cell>
          <cell r="Z2101" t="str">
            <v>DOLMRPR</v>
          </cell>
          <cell r="AN2101" t="str">
            <v>MDO C&amp;M</v>
          </cell>
          <cell r="AO2101" t="str">
            <v>MDO INDIANA NORTH C&amp;M</v>
          </cell>
        </row>
        <row r="2102">
          <cell r="F2102">
            <v>75115</v>
          </cell>
          <cell r="Z2102" t="str">
            <v>DOLMRPR</v>
          </cell>
          <cell r="AN2102" t="str">
            <v>MDO C&amp;M</v>
          </cell>
          <cell r="AO2102" t="str">
            <v>MDO INDIANA NORTH C&amp;M</v>
          </cell>
        </row>
        <row r="2103">
          <cell r="F2103">
            <v>75115</v>
          </cell>
          <cell r="Z2103" t="str">
            <v>DOLMRPR</v>
          </cell>
          <cell r="AN2103" t="str">
            <v>MDO C&amp;M</v>
          </cell>
          <cell r="AO2103" t="str">
            <v>MDO INDIANA NORTH C&amp;M</v>
          </cell>
        </row>
        <row r="2104">
          <cell r="F2104">
            <v>75115</v>
          </cell>
          <cell r="Z2104" t="str">
            <v>DOLMRPR</v>
          </cell>
          <cell r="AN2104" t="str">
            <v>MDO C&amp;M</v>
          </cell>
          <cell r="AO2104" t="str">
            <v>MDO INDIANA NORTH C&amp;M</v>
          </cell>
        </row>
        <row r="2105">
          <cell r="F2105">
            <v>75115</v>
          </cell>
          <cell r="Z2105" t="str">
            <v>DOLMRPR</v>
          </cell>
          <cell r="AN2105" t="str">
            <v>MDO C&amp;M</v>
          </cell>
          <cell r="AO2105" t="str">
            <v>MDO INDIANA NORTH C&amp;M</v>
          </cell>
        </row>
        <row r="2106">
          <cell r="F2106">
            <v>75115</v>
          </cell>
          <cell r="Z2106" t="str">
            <v>DOLMRPR</v>
          </cell>
          <cell r="AN2106" t="str">
            <v>MDO C&amp;M</v>
          </cell>
          <cell r="AO2106" t="str">
            <v>MDO INDIANA NORTH C&amp;M</v>
          </cell>
        </row>
        <row r="2107">
          <cell r="F2107">
            <v>75115</v>
          </cell>
          <cell r="Z2107" t="str">
            <v>DOLMRPR</v>
          </cell>
          <cell r="AN2107" t="str">
            <v>MDO C&amp;M</v>
          </cell>
          <cell r="AO2107" t="str">
            <v>MDO INDIANA NORTH C&amp;M</v>
          </cell>
        </row>
        <row r="2108">
          <cell r="F2108">
            <v>75115</v>
          </cell>
          <cell r="Z2108" t="str">
            <v>DOLMRPR</v>
          </cell>
          <cell r="AN2108" t="str">
            <v>MDO C&amp;M</v>
          </cell>
          <cell r="AO2108" t="str">
            <v>MDO INDIANA NORTH C&amp;M</v>
          </cell>
        </row>
        <row r="2109">
          <cell r="F2109">
            <v>75115</v>
          </cell>
          <cell r="Z2109" t="str">
            <v>DOLMRPR</v>
          </cell>
          <cell r="AN2109" t="str">
            <v>MDO C&amp;M</v>
          </cell>
          <cell r="AO2109" t="str">
            <v>MDO INDIANA NORTH C&amp;M</v>
          </cell>
        </row>
        <row r="2110">
          <cell r="F2110">
            <v>75115</v>
          </cell>
          <cell r="Z2110" t="str">
            <v>DOLMRPR</v>
          </cell>
          <cell r="AN2110" t="str">
            <v>MDO C&amp;M</v>
          </cell>
          <cell r="AO2110" t="str">
            <v>MDO INDIANA NORTH C&amp;M</v>
          </cell>
        </row>
        <row r="2111">
          <cell r="F2111">
            <v>75115</v>
          </cell>
          <cell r="Z2111" t="str">
            <v>DOLMRPR</v>
          </cell>
          <cell r="AN2111" t="str">
            <v>MDO C&amp;M</v>
          </cell>
          <cell r="AO2111" t="str">
            <v>MDO INDIANA NORTH C&amp;M</v>
          </cell>
        </row>
        <row r="2112">
          <cell r="F2112">
            <v>75115</v>
          </cell>
          <cell r="Z2112" t="str">
            <v>DOLMRPR</v>
          </cell>
          <cell r="AN2112" t="str">
            <v>MDO C&amp;M</v>
          </cell>
          <cell r="AO2112" t="str">
            <v>MDO INDIANA NORTH C&amp;M</v>
          </cell>
        </row>
        <row r="2113">
          <cell r="F2113">
            <v>75115</v>
          </cell>
          <cell r="Z2113" t="str">
            <v>DOLMRPR</v>
          </cell>
          <cell r="AN2113" t="str">
            <v>MDO C&amp;M</v>
          </cell>
          <cell r="AO2113" t="str">
            <v>MDO INDIANA NORTH C&amp;M</v>
          </cell>
        </row>
        <row r="2114">
          <cell r="F2114">
            <v>75115</v>
          </cell>
          <cell r="Z2114" t="str">
            <v>DOLMRPR</v>
          </cell>
          <cell r="AN2114" t="str">
            <v>MDO C&amp;M</v>
          </cell>
          <cell r="AO2114" t="str">
            <v>MDO INDIANA NORTH C&amp;M</v>
          </cell>
        </row>
        <row r="2115">
          <cell r="F2115">
            <v>75115</v>
          </cell>
          <cell r="Z2115" t="str">
            <v>DOLMRPR</v>
          </cell>
          <cell r="AN2115" t="str">
            <v>MDO C&amp;M</v>
          </cell>
          <cell r="AO2115" t="str">
            <v>MDO INDIANA NORTH C&amp;M</v>
          </cell>
        </row>
        <row r="2116">
          <cell r="F2116">
            <v>75115</v>
          </cell>
          <cell r="Z2116" t="str">
            <v>DOLMRPR</v>
          </cell>
          <cell r="AN2116" t="str">
            <v>MDO C&amp;M</v>
          </cell>
          <cell r="AO2116" t="str">
            <v>MDO INDIANA NORTH C&amp;M</v>
          </cell>
        </row>
        <row r="2117">
          <cell r="F2117">
            <v>75115</v>
          </cell>
          <cell r="Z2117" t="str">
            <v>DOLMRPR</v>
          </cell>
          <cell r="AN2117" t="str">
            <v>MDO C&amp;M</v>
          </cell>
          <cell r="AO2117" t="str">
            <v>MDO INDIANA NORTH C&amp;M</v>
          </cell>
        </row>
        <row r="2118">
          <cell r="F2118">
            <v>75115</v>
          </cell>
          <cell r="Z2118" t="str">
            <v>DOLMRPR</v>
          </cell>
          <cell r="AN2118" t="str">
            <v>MDO C&amp;M</v>
          </cell>
          <cell r="AO2118" t="str">
            <v>MDO INDIANA NORTH C&amp;M</v>
          </cell>
        </row>
        <row r="2119">
          <cell r="F2119">
            <v>75115</v>
          </cell>
          <cell r="Z2119" t="str">
            <v>DOLMRPR</v>
          </cell>
          <cell r="AN2119" t="str">
            <v>MDO C&amp;M</v>
          </cell>
          <cell r="AO2119" t="str">
            <v>MDO INDIANA NORTH C&amp;M</v>
          </cell>
        </row>
        <row r="2120">
          <cell r="F2120">
            <v>75115</v>
          </cell>
          <cell r="Z2120" t="str">
            <v>DOLMRPR</v>
          </cell>
          <cell r="AN2120" t="str">
            <v>MDO C&amp;M</v>
          </cell>
          <cell r="AO2120" t="str">
            <v>MDO INDIANA NORTH C&amp;M</v>
          </cell>
        </row>
        <row r="2121">
          <cell r="F2121">
            <v>75115</v>
          </cell>
          <cell r="Z2121" t="str">
            <v>DOLMRPR</v>
          </cell>
          <cell r="AN2121" t="str">
            <v>MDO C&amp;M</v>
          </cell>
          <cell r="AO2121" t="str">
            <v>MDO INDIANA NORTH C&amp;M</v>
          </cell>
        </row>
        <row r="2122">
          <cell r="F2122">
            <v>75115</v>
          </cell>
          <cell r="Z2122" t="str">
            <v>DOLMRPR</v>
          </cell>
          <cell r="AN2122" t="str">
            <v>MDO C&amp;M</v>
          </cell>
          <cell r="AO2122" t="str">
            <v>MDO INDIANA NORTH C&amp;M</v>
          </cell>
        </row>
        <row r="2123">
          <cell r="F2123">
            <v>75115</v>
          </cell>
          <cell r="Z2123" t="str">
            <v>DOLMRPR</v>
          </cell>
          <cell r="AN2123" t="str">
            <v>MDO C&amp;M</v>
          </cell>
          <cell r="AO2123" t="str">
            <v>MDO INDIANA NORTH C&amp;M</v>
          </cell>
        </row>
        <row r="2124">
          <cell r="F2124">
            <v>75115</v>
          </cell>
          <cell r="Z2124" t="str">
            <v>DOLMRPR</v>
          </cell>
          <cell r="AN2124" t="str">
            <v>MDO C&amp;M</v>
          </cell>
          <cell r="AO2124" t="str">
            <v>MDO INDIANA NORTH C&amp;M</v>
          </cell>
        </row>
        <row r="2125">
          <cell r="F2125">
            <v>75115</v>
          </cell>
          <cell r="Z2125" t="str">
            <v>DOLMRPR</v>
          </cell>
          <cell r="AN2125" t="str">
            <v>MDO C&amp;M</v>
          </cell>
          <cell r="AO2125" t="str">
            <v>MDO INDIANA NORTH C&amp;M</v>
          </cell>
        </row>
        <row r="2126">
          <cell r="F2126">
            <v>75115</v>
          </cell>
          <cell r="Z2126" t="str">
            <v>DOLMRPR</v>
          </cell>
          <cell r="AN2126" t="str">
            <v>MDO C&amp;M</v>
          </cell>
          <cell r="AO2126" t="str">
            <v>MDO INDIANA NORTH C&amp;M</v>
          </cell>
        </row>
        <row r="2127">
          <cell r="F2127">
            <v>75115</v>
          </cell>
          <cell r="Z2127" t="str">
            <v>DOLMRPR</v>
          </cell>
          <cell r="AN2127" t="str">
            <v>MDO C&amp;M</v>
          </cell>
          <cell r="AO2127" t="str">
            <v>MDO INDIANA NORTH C&amp;M</v>
          </cell>
        </row>
        <row r="2128">
          <cell r="F2128">
            <v>75115</v>
          </cell>
          <cell r="Z2128" t="str">
            <v>DOLMRPR</v>
          </cell>
          <cell r="AN2128" t="str">
            <v>MDO C&amp;M</v>
          </cell>
          <cell r="AO2128" t="str">
            <v>MDO INDIANA NORTH C&amp;M</v>
          </cell>
        </row>
        <row r="2129">
          <cell r="F2129">
            <v>75115</v>
          </cell>
          <cell r="Z2129" t="str">
            <v>PADEQ</v>
          </cell>
          <cell r="AN2129" t="str">
            <v>MDO C&amp;M</v>
          </cell>
          <cell r="AO2129" t="str">
            <v>MDO INDIANA SOUTHWEST C&amp;M</v>
          </cell>
        </row>
        <row r="2130">
          <cell r="F2130">
            <v>75115</v>
          </cell>
          <cell r="Z2130" t="str">
            <v>PADEQ</v>
          </cell>
          <cell r="AN2130" t="str">
            <v>MDO C&amp;M</v>
          </cell>
          <cell r="AO2130" t="str">
            <v>MDO INDIANA SOUTHWEST C&amp;M</v>
          </cell>
        </row>
        <row r="2131">
          <cell r="F2131">
            <v>75115</v>
          </cell>
          <cell r="Z2131" t="str">
            <v>PADEQ</v>
          </cell>
          <cell r="AN2131" t="str">
            <v>MDO C&amp;M</v>
          </cell>
          <cell r="AO2131" t="str">
            <v>MDO INDIANA SOUTHWEST C&amp;M</v>
          </cell>
        </row>
        <row r="2132">
          <cell r="F2132">
            <v>75115</v>
          </cell>
          <cell r="Z2132" t="str">
            <v>PADEQ</v>
          </cell>
          <cell r="AN2132" t="str">
            <v>MDO C&amp;M</v>
          </cell>
          <cell r="AO2132" t="str">
            <v>MDO INDIANA SOUTHWEST C&amp;M</v>
          </cell>
        </row>
        <row r="2133">
          <cell r="F2133">
            <v>75115</v>
          </cell>
          <cell r="Z2133" t="str">
            <v>PADEQ</v>
          </cell>
          <cell r="AN2133" t="str">
            <v>MDO C&amp;M</v>
          </cell>
          <cell r="AO2133" t="str">
            <v>MDO INDIANA SOUTHWEST C&amp;M</v>
          </cell>
        </row>
        <row r="2134">
          <cell r="F2134">
            <v>75115</v>
          </cell>
          <cell r="Z2134" t="str">
            <v>PADEQ</v>
          </cell>
          <cell r="AN2134" t="str">
            <v>MDO C&amp;M</v>
          </cell>
          <cell r="AO2134" t="str">
            <v>MDO INDIANA SOUTHWEST C&amp;M</v>
          </cell>
        </row>
        <row r="2135">
          <cell r="F2135">
            <v>75115</v>
          </cell>
          <cell r="Z2135" t="str">
            <v>PADEQ</v>
          </cell>
          <cell r="AN2135" t="str">
            <v>MDO C&amp;M</v>
          </cell>
          <cell r="AO2135" t="str">
            <v>MDO INDIANA SOUTHWEST C&amp;M</v>
          </cell>
        </row>
        <row r="2136">
          <cell r="F2136">
            <v>75115</v>
          </cell>
          <cell r="Z2136" t="str">
            <v>PADEQ</v>
          </cell>
          <cell r="AN2136" t="str">
            <v>MDO C&amp;M</v>
          </cell>
          <cell r="AO2136" t="str">
            <v>MDO INDIANA SOUTHWEST C&amp;M</v>
          </cell>
        </row>
        <row r="2137">
          <cell r="F2137">
            <v>75115</v>
          </cell>
          <cell r="Z2137" t="str">
            <v>PADEQ</v>
          </cell>
          <cell r="AN2137" t="str">
            <v>MDO C&amp;M</v>
          </cell>
          <cell r="AO2137" t="str">
            <v>MDO INDIANA SOUTHWEST C&amp;M</v>
          </cell>
        </row>
        <row r="2138">
          <cell r="F2138">
            <v>75115</v>
          </cell>
          <cell r="Z2138" t="str">
            <v>PADEQ</v>
          </cell>
          <cell r="AN2138" t="str">
            <v>MDO C&amp;M</v>
          </cell>
          <cell r="AO2138" t="str">
            <v>MDO INDIANA SOUTHWEST C&amp;M</v>
          </cell>
        </row>
        <row r="2139">
          <cell r="F2139">
            <v>75115</v>
          </cell>
          <cell r="Z2139" t="str">
            <v>PADEQ</v>
          </cell>
          <cell r="AN2139" t="str">
            <v>MDO C&amp;M</v>
          </cell>
          <cell r="AO2139" t="str">
            <v>MDO INDIANA NORTH C&amp;M</v>
          </cell>
        </row>
        <row r="2140">
          <cell r="F2140">
            <v>75115</v>
          </cell>
          <cell r="Z2140" t="str">
            <v>PADEQ</v>
          </cell>
          <cell r="AN2140" t="str">
            <v>MDO C&amp;M</v>
          </cell>
          <cell r="AO2140" t="str">
            <v>MDO INDIANA NORTH C&amp;M</v>
          </cell>
        </row>
        <row r="2141">
          <cell r="F2141">
            <v>75115</v>
          </cell>
          <cell r="Z2141" t="str">
            <v>PADEQ</v>
          </cell>
          <cell r="AN2141" t="str">
            <v>MDO C&amp;M</v>
          </cell>
          <cell r="AO2141" t="str">
            <v>MDO INDIANA NORTH C&amp;M</v>
          </cell>
        </row>
        <row r="2142">
          <cell r="F2142">
            <v>75115</v>
          </cell>
          <cell r="Z2142" t="str">
            <v>PADEQ</v>
          </cell>
          <cell r="AN2142" t="str">
            <v>MDO C&amp;M</v>
          </cell>
          <cell r="AO2142" t="str">
            <v>MDO INDIANA NORTH C&amp;M</v>
          </cell>
        </row>
        <row r="2143">
          <cell r="F2143">
            <v>75115</v>
          </cell>
          <cell r="Z2143" t="str">
            <v>PADEQ</v>
          </cell>
          <cell r="AN2143" t="str">
            <v>MDO C&amp;M</v>
          </cell>
          <cell r="AO2143" t="str">
            <v>MDO INDIANA NORTH C&amp;M</v>
          </cell>
        </row>
        <row r="2144">
          <cell r="F2144">
            <v>75115</v>
          </cell>
          <cell r="Z2144" t="str">
            <v>PADEQ</v>
          </cell>
          <cell r="AN2144" t="str">
            <v>MDO C&amp;M</v>
          </cell>
          <cell r="AO2144" t="str">
            <v>MDO INDIANA NORTH C&amp;M</v>
          </cell>
        </row>
        <row r="2145">
          <cell r="F2145">
            <v>75115</v>
          </cell>
          <cell r="Z2145" t="str">
            <v>PADEQ</v>
          </cell>
          <cell r="AN2145" t="str">
            <v>MDO C&amp;M</v>
          </cell>
          <cell r="AO2145" t="str">
            <v>MDO INDIANA NORTH C&amp;M</v>
          </cell>
        </row>
        <row r="2146">
          <cell r="F2146">
            <v>75115</v>
          </cell>
          <cell r="Z2146" t="str">
            <v>PADEQ</v>
          </cell>
          <cell r="AN2146" t="str">
            <v>MDO C&amp;M</v>
          </cell>
          <cell r="AO2146" t="str">
            <v>MDO INDIANA NORTH C&amp;M</v>
          </cell>
        </row>
        <row r="2147">
          <cell r="F2147">
            <v>75115</v>
          </cell>
          <cell r="Z2147" t="str">
            <v>PADEQ</v>
          </cell>
          <cell r="AN2147" t="str">
            <v>MDO C&amp;M</v>
          </cell>
          <cell r="AO2147" t="str">
            <v>MDO INDIANA NORTH C&amp;M</v>
          </cell>
        </row>
        <row r="2148">
          <cell r="F2148">
            <v>75115</v>
          </cell>
          <cell r="Z2148" t="str">
            <v>PADEQ</v>
          </cell>
          <cell r="AN2148" t="str">
            <v>MDO C&amp;M</v>
          </cell>
          <cell r="AO2148" t="str">
            <v>MDO INDIANA NORTH C&amp;M</v>
          </cell>
        </row>
        <row r="2149">
          <cell r="F2149">
            <v>75115</v>
          </cell>
          <cell r="Z2149" t="str">
            <v>PADEQ</v>
          </cell>
          <cell r="AN2149" t="str">
            <v>MDO C&amp;M</v>
          </cell>
          <cell r="AO2149" t="str">
            <v>MDO INDIANA NORTH C&amp;M</v>
          </cell>
        </row>
        <row r="2150">
          <cell r="F2150">
            <v>75115</v>
          </cell>
          <cell r="Z2150" t="str">
            <v>PADEQ</v>
          </cell>
          <cell r="AN2150" t="str">
            <v>MDO C&amp;M</v>
          </cell>
          <cell r="AO2150" t="str">
            <v>MDO INDIANA NORTH C&amp;M</v>
          </cell>
        </row>
        <row r="2151">
          <cell r="F2151">
            <v>75115</v>
          </cell>
          <cell r="Z2151" t="str">
            <v>PADEQ</v>
          </cell>
          <cell r="AN2151" t="str">
            <v>MDO C&amp;M</v>
          </cell>
          <cell r="AO2151" t="str">
            <v>MDO INDIANA NORTH C&amp;M</v>
          </cell>
        </row>
        <row r="2152">
          <cell r="F2152">
            <v>75115</v>
          </cell>
          <cell r="Z2152" t="str">
            <v>PADEQ</v>
          </cell>
          <cell r="AN2152" t="str">
            <v>MDO C&amp;M</v>
          </cell>
          <cell r="AO2152" t="str">
            <v>MDO INDIANA NORTH C&amp;M</v>
          </cell>
        </row>
        <row r="2153">
          <cell r="F2153">
            <v>75115</v>
          </cell>
          <cell r="Z2153" t="str">
            <v>PADEQ</v>
          </cell>
          <cell r="AN2153" t="str">
            <v>MDO C&amp;M</v>
          </cell>
          <cell r="AO2153" t="str">
            <v>MDO INDIANA NORTH C&amp;M</v>
          </cell>
        </row>
        <row r="2154">
          <cell r="F2154">
            <v>75115</v>
          </cell>
          <cell r="Z2154" t="str">
            <v>PADEQ</v>
          </cell>
          <cell r="AN2154" t="str">
            <v>MDO C&amp;M</v>
          </cell>
          <cell r="AO2154" t="str">
            <v>MDO INDIANA NORTH C&amp;M</v>
          </cell>
        </row>
        <row r="2155">
          <cell r="F2155">
            <v>75115</v>
          </cell>
          <cell r="Z2155" t="str">
            <v>PADEQ</v>
          </cell>
          <cell r="AN2155" t="str">
            <v>MDO C&amp;M</v>
          </cell>
          <cell r="AO2155" t="str">
            <v>MDO INDIANA NORTH C&amp;M</v>
          </cell>
        </row>
        <row r="2156">
          <cell r="F2156">
            <v>75115</v>
          </cell>
          <cell r="Z2156" t="str">
            <v>PADEQ</v>
          </cell>
          <cell r="AN2156" t="str">
            <v>MDO C&amp;M</v>
          </cell>
          <cell r="AO2156" t="str">
            <v>MDO INDIANA NORTH C&amp;M</v>
          </cell>
        </row>
        <row r="2157">
          <cell r="F2157">
            <v>75115</v>
          </cell>
          <cell r="Z2157" t="str">
            <v>PADEQ</v>
          </cell>
          <cell r="AN2157" t="str">
            <v>MDO C&amp;M</v>
          </cell>
          <cell r="AO2157" t="str">
            <v>MDO INDIANA NORTH C&amp;M</v>
          </cell>
        </row>
        <row r="2158">
          <cell r="F2158">
            <v>75023</v>
          </cell>
          <cell r="Z2158" t="str">
            <v>LOADSWCH</v>
          </cell>
          <cell r="AN2158" t="str">
            <v>MDO C&amp;M</v>
          </cell>
          <cell r="AO2158" t="str">
            <v>MDO OH/KEN Service Delivery</v>
          </cell>
        </row>
        <row r="2159">
          <cell r="F2159">
            <v>75023</v>
          </cell>
          <cell r="Z2159" t="str">
            <v>LOADSWCH</v>
          </cell>
          <cell r="AN2159" t="str">
            <v>MDO C&amp;M</v>
          </cell>
          <cell r="AO2159" t="str">
            <v>MDO OH/KEN Service Delivery</v>
          </cell>
        </row>
        <row r="2160">
          <cell r="F2160">
            <v>75023</v>
          </cell>
          <cell r="Z2160" t="str">
            <v>LOADSWCH</v>
          </cell>
          <cell r="AN2160" t="str">
            <v>MDO C&amp;M</v>
          </cell>
          <cell r="AO2160" t="str">
            <v>MDO OH/KEN Service Delivery</v>
          </cell>
        </row>
        <row r="2161">
          <cell r="F2161">
            <v>75023</v>
          </cell>
          <cell r="Z2161" t="str">
            <v>LOADSWCH</v>
          </cell>
          <cell r="AN2161" t="str">
            <v>MDO C&amp;M</v>
          </cell>
          <cell r="AO2161" t="str">
            <v>MDO OH/KEN Service Delivery</v>
          </cell>
        </row>
        <row r="2162">
          <cell r="F2162">
            <v>75023</v>
          </cell>
          <cell r="Z2162" t="str">
            <v>LOADSWCH</v>
          </cell>
          <cell r="AN2162" t="str">
            <v>MDO C&amp;M</v>
          </cell>
          <cell r="AO2162" t="str">
            <v>MDO OH/KEN C&amp;M</v>
          </cell>
        </row>
        <row r="2163">
          <cell r="F2163">
            <v>75023</v>
          </cell>
          <cell r="Z2163" t="str">
            <v>LOADSWCH</v>
          </cell>
          <cell r="AN2163" t="str">
            <v>MDO C&amp;M</v>
          </cell>
          <cell r="AO2163" t="str">
            <v>MDO OH/KEN C&amp;M</v>
          </cell>
        </row>
        <row r="2164">
          <cell r="F2164">
            <v>75023</v>
          </cell>
          <cell r="Z2164" t="str">
            <v>LOADSWCH</v>
          </cell>
          <cell r="AN2164" t="str">
            <v>MDO C&amp;M</v>
          </cell>
          <cell r="AO2164" t="str">
            <v>MDO OH/KEN C&amp;M</v>
          </cell>
        </row>
        <row r="2165">
          <cell r="F2165">
            <v>75023</v>
          </cell>
          <cell r="Z2165" t="str">
            <v>LOADSWCH</v>
          </cell>
          <cell r="AN2165" t="str">
            <v>MDO C&amp;M</v>
          </cell>
          <cell r="AO2165" t="str">
            <v>MDO OH/KEN C&amp;M</v>
          </cell>
        </row>
        <row r="2166">
          <cell r="F2166">
            <v>75023</v>
          </cell>
          <cell r="Z2166" t="str">
            <v>LOADSWCH</v>
          </cell>
          <cell r="AN2166" t="str">
            <v>MDO C&amp;M</v>
          </cell>
          <cell r="AO2166" t="str">
            <v>MDO OH/KEN C&amp;M</v>
          </cell>
        </row>
        <row r="2167">
          <cell r="F2167">
            <v>75023</v>
          </cell>
          <cell r="Z2167" t="str">
            <v>LOADSWCH</v>
          </cell>
          <cell r="AN2167" t="str">
            <v>MDO C&amp;M</v>
          </cell>
          <cell r="AO2167" t="str">
            <v>MDO OH/KEN C&amp;M</v>
          </cell>
        </row>
        <row r="2168">
          <cell r="F2168">
            <v>75023</v>
          </cell>
          <cell r="Z2168" t="str">
            <v>LOADSWCH</v>
          </cell>
          <cell r="AN2168" t="str">
            <v>MDO C&amp;M</v>
          </cell>
          <cell r="AO2168" t="str">
            <v>MDO OH/KEN C&amp;M</v>
          </cell>
        </row>
        <row r="2169">
          <cell r="F2169">
            <v>75023</v>
          </cell>
          <cell r="Z2169" t="str">
            <v>LOADSWCH</v>
          </cell>
          <cell r="AN2169" t="str">
            <v>MDO C&amp;M</v>
          </cell>
          <cell r="AO2169" t="str">
            <v>MDO OH/KEN C&amp;M</v>
          </cell>
        </row>
        <row r="2170">
          <cell r="F2170">
            <v>75023</v>
          </cell>
          <cell r="Z2170" t="str">
            <v>LOADSWCH</v>
          </cell>
          <cell r="AN2170" t="str">
            <v>MDO C&amp;M</v>
          </cell>
          <cell r="AO2170" t="str">
            <v>MDO OH/KEN C&amp;M</v>
          </cell>
        </row>
        <row r="2171">
          <cell r="F2171">
            <v>75023</v>
          </cell>
          <cell r="Z2171" t="str">
            <v>LOADSWCH</v>
          </cell>
          <cell r="AN2171" t="str">
            <v>MDO C&amp;M</v>
          </cell>
          <cell r="AO2171" t="str">
            <v>MDO OH/KEN C&amp;M</v>
          </cell>
        </row>
        <row r="2172">
          <cell r="F2172">
            <v>75023</v>
          </cell>
          <cell r="Z2172" t="str">
            <v>LOADSWCH</v>
          </cell>
          <cell r="AN2172" t="str">
            <v>MDO C&amp;M</v>
          </cell>
          <cell r="AO2172" t="str">
            <v>MDO OH/KEN C&amp;M</v>
          </cell>
        </row>
        <row r="2173">
          <cell r="F2173">
            <v>75023</v>
          </cell>
          <cell r="Z2173" t="str">
            <v>LOADSWCH</v>
          </cell>
          <cell r="AN2173" t="str">
            <v>MDO C&amp;M</v>
          </cell>
          <cell r="AO2173" t="str">
            <v>MDO OH/KEN C&amp;M</v>
          </cell>
        </row>
        <row r="2174">
          <cell r="F2174">
            <v>75023</v>
          </cell>
          <cell r="Z2174" t="str">
            <v>LOADSWCH</v>
          </cell>
          <cell r="AN2174" t="str">
            <v>MDO C&amp;M</v>
          </cell>
          <cell r="AO2174" t="str">
            <v>MDO OH/KEN C&amp;M</v>
          </cell>
        </row>
        <row r="2175">
          <cell r="F2175">
            <v>75023</v>
          </cell>
          <cell r="Z2175" t="str">
            <v>LOADSWCH</v>
          </cell>
          <cell r="AN2175" t="str">
            <v>MDO C&amp;M</v>
          </cell>
          <cell r="AO2175" t="str">
            <v>MDO OH/KEN C&amp;M</v>
          </cell>
        </row>
        <row r="2176">
          <cell r="F2176">
            <v>75023</v>
          </cell>
          <cell r="Z2176" t="str">
            <v>LOADSWCH</v>
          </cell>
          <cell r="AN2176" t="str">
            <v>MDO C&amp;M</v>
          </cell>
          <cell r="AO2176" t="str">
            <v>MDO OH/KEN C&amp;M</v>
          </cell>
        </row>
        <row r="2177">
          <cell r="F2177">
            <v>75023</v>
          </cell>
          <cell r="Z2177" t="str">
            <v>LOADSWCH</v>
          </cell>
          <cell r="AN2177" t="str">
            <v>MDO C&amp;M</v>
          </cell>
          <cell r="AO2177" t="str">
            <v>MDO OH/KEN C&amp;M</v>
          </cell>
        </row>
        <row r="2178">
          <cell r="F2178">
            <v>75023</v>
          </cell>
          <cell r="Z2178" t="str">
            <v>LOADSWCH</v>
          </cell>
          <cell r="AN2178" t="str">
            <v>MDO C&amp;M</v>
          </cell>
          <cell r="AO2178" t="str">
            <v>MDO OH/KEN C&amp;M</v>
          </cell>
        </row>
        <row r="2179">
          <cell r="F2179">
            <v>75023</v>
          </cell>
          <cell r="Z2179" t="str">
            <v>LOADSWCH</v>
          </cell>
          <cell r="AN2179" t="str">
            <v>MDO C&amp;M</v>
          </cell>
          <cell r="AO2179" t="str">
            <v>MDO OH/KEN C&amp;M</v>
          </cell>
        </row>
        <row r="2180">
          <cell r="F2180">
            <v>75023</v>
          </cell>
          <cell r="Z2180" t="str">
            <v>LOADSWCH</v>
          </cell>
          <cell r="AN2180" t="str">
            <v>MDO C&amp;M</v>
          </cell>
          <cell r="AO2180" t="str">
            <v>MDO OH/KEN C&amp;M</v>
          </cell>
        </row>
        <row r="2181">
          <cell r="F2181">
            <v>75023</v>
          </cell>
          <cell r="Z2181" t="str">
            <v>LOADSWCH</v>
          </cell>
          <cell r="AN2181" t="str">
            <v>MDO C&amp;M</v>
          </cell>
          <cell r="AO2181" t="str">
            <v>MDO OH/KEN C&amp;M</v>
          </cell>
        </row>
        <row r="2182">
          <cell r="F2182">
            <v>75023</v>
          </cell>
          <cell r="Z2182" t="str">
            <v>LOADSWCH</v>
          </cell>
          <cell r="AN2182" t="str">
            <v>MDO C&amp;M</v>
          </cell>
          <cell r="AO2182" t="str">
            <v>MDO OH/KEN C&amp;M</v>
          </cell>
        </row>
        <row r="2183">
          <cell r="F2183">
            <v>75023</v>
          </cell>
          <cell r="Z2183" t="str">
            <v>LOADSWCH</v>
          </cell>
          <cell r="AN2183" t="str">
            <v>MDO C&amp;M</v>
          </cell>
          <cell r="AO2183" t="str">
            <v>MDO OH/KEN C&amp;M</v>
          </cell>
        </row>
        <row r="2184">
          <cell r="F2184">
            <v>75023</v>
          </cell>
          <cell r="Z2184" t="str">
            <v>LOADSWCH</v>
          </cell>
          <cell r="AN2184" t="str">
            <v>MDO C&amp;M</v>
          </cell>
          <cell r="AO2184" t="str">
            <v>MDO OH/KEN C&amp;M</v>
          </cell>
        </row>
        <row r="2185">
          <cell r="F2185">
            <v>75023</v>
          </cell>
          <cell r="Z2185" t="str">
            <v>LOADSWCH</v>
          </cell>
          <cell r="AN2185" t="str">
            <v>MDO C&amp;M</v>
          </cell>
          <cell r="AO2185" t="str">
            <v>MDO OH/KEN C&amp;M</v>
          </cell>
        </row>
        <row r="2186">
          <cell r="F2186">
            <v>75023</v>
          </cell>
          <cell r="Z2186" t="str">
            <v>LOADSWCH</v>
          </cell>
          <cell r="AN2186" t="str">
            <v>MDO C&amp;M</v>
          </cell>
          <cell r="AO2186" t="str">
            <v>MDO OH/KEN C&amp;M</v>
          </cell>
        </row>
        <row r="2187">
          <cell r="F2187">
            <v>75023</v>
          </cell>
          <cell r="Z2187" t="str">
            <v>LOADSWCH</v>
          </cell>
          <cell r="AN2187" t="str">
            <v>MDO C&amp;M</v>
          </cell>
          <cell r="AO2187" t="str">
            <v>MDO OH/KEN C&amp;M</v>
          </cell>
        </row>
        <row r="2188">
          <cell r="F2188">
            <v>75023</v>
          </cell>
          <cell r="Z2188" t="str">
            <v>LOADSWCH</v>
          </cell>
          <cell r="AN2188" t="str">
            <v>MDO C&amp;M</v>
          </cell>
          <cell r="AO2188" t="str">
            <v>MDO OH/KEN C&amp;M</v>
          </cell>
        </row>
        <row r="2189">
          <cell r="F2189">
            <v>75023</v>
          </cell>
          <cell r="Z2189" t="str">
            <v>LOADSWCH</v>
          </cell>
          <cell r="AN2189" t="str">
            <v>MDO C&amp;M</v>
          </cell>
          <cell r="AO2189" t="str">
            <v>MDO OH/KEN C&amp;M</v>
          </cell>
        </row>
        <row r="2190">
          <cell r="F2190">
            <v>75023</v>
          </cell>
          <cell r="Z2190" t="str">
            <v>LOADSWCH</v>
          </cell>
          <cell r="AN2190" t="str">
            <v>MDO C&amp;M</v>
          </cell>
          <cell r="AO2190" t="str">
            <v>MDO OH/KEN C&amp;M</v>
          </cell>
        </row>
        <row r="2191">
          <cell r="F2191">
            <v>75023</v>
          </cell>
          <cell r="Z2191" t="str">
            <v>LOADSWCH</v>
          </cell>
          <cell r="AN2191" t="str">
            <v>MDO C&amp;M</v>
          </cell>
          <cell r="AO2191" t="str">
            <v>MDO OH/KEN C&amp;M</v>
          </cell>
        </row>
        <row r="2192">
          <cell r="F2192">
            <v>75023</v>
          </cell>
          <cell r="Z2192" t="str">
            <v>LOADSWCH</v>
          </cell>
          <cell r="AN2192" t="str">
            <v>MDO C&amp;M</v>
          </cell>
          <cell r="AO2192" t="str">
            <v>MDO OH/KEN C&amp;M</v>
          </cell>
        </row>
        <row r="2193">
          <cell r="F2193">
            <v>75023</v>
          </cell>
          <cell r="Z2193" t="str">
            <v>LOADSWCH</v>
          </cell>
          <cell r="AN2193" t="str">
            <v>MDO C&amp;M</v>
          </cell>
          <cell r="AO2193" t="str">
            <v>MDO OH/KEN C&amp;M</v>
          </cell>
        </row>
        <row r="2194">
          <cell r="F2194">
            <v>75023</v>
          </cell>
          <cell r="Z2194" t="str">
            <v>LOADSWCH</v>
          </cell>
          <cell r="AN2194" t="str">
            <v>MDO C&amp;M</v>
          </cell>
          <cell r="AO2194" t="str">
            <v>MDO OH/KEN C&amp;M</v>
          </cell>
        </row>
        <row r="2195">
          <cell r="F2195">
            <v>75023</v>
          </cell>
          <cell r="Z2195" t="str">
            <v>LOADSWCH</v>
          </cell>
          <cell r="AN2195" t="str">
            <v>MDO C&amp;M</v>
          </cell>
          <cell r="AO2195" t="str">
            <v>MDO OH/KEN C&amp;M</v>
          </cell>
        </row>
        <row r="2196">
          <cell r="F2196">
            <v>75023</v>
          </cell>
          <cell r="Z2196" t="str">
            <v>LOADSWCH</v>
          </cell>
          <cell r="AN2196" t="str">
            <v>MDO C&amp;M</v>
          </cell>
          <cell r="AO2196" t="str">
            <v>MDO OH/KEN C&amp;M</v>
          </cell>
        </row>
        <row r="2197">
          <cell r="F2197">
            <v>75023</v>
          </cell>
          <cell r="Z2197" t="str">
            <v>LOADSWCH</v>
          </cell>
          <cell r="AN2197" t="str">
            <v>MDO C&amp;M</v>
          </cell>
          <cell r="AO2197" t="str">
            <v>MDO OH/KEN C&amp;M</v>
          </cell>
        </row>
        <row r="2198">
          <cell r="F2198">
            <v>75023</v>
          </cell>
          <cell r="Z2198" t="str">
            <v>LOADSWCH</v>
          </cell>
          <cell r="AN2198" t="str">
            <v>MDO C&amp;M</v>
          </cell>
          <cell r="AO2198" t="str">
            <v>MDO OH/KEN C&amp;M</v>
          </cell>
        </row>
        <row r="2199">
          <cell r="F2199">
            <v>75023</v>
          </cell>
          <cell r="Z2199" t="str">
            <v>LOADSWCH</v>
          </cell>
          <cell r="AN2199" t="str">
            <v>MDO C&amp;M</v>
          </cell>
          <cell r="AO2199" t="str">
            <v>MDO OH/KEN C&amp;M</v>
          </cell>
        </row>
        <row r="2200">
          <cell r="F2200">
            <v>75023</v>
          </cell>
          <cell r="Z2200" t="str">
            <v>LOADSWCH</v>
          </cell>
          <cell r="AN2200" t="str">
            <v>MDO C&amp;M</v>
          </cell>
          <cell r="AO2200" t="str">
            <v>MDO OH/KEN C&amp;M</v>
          </cell>
        </row>
        <row r="2201">
          <cell r="F2201">
            <v>75023</v>
          </cell>
          <cell r="Z2201" t="str">
            <v>LOADSWCH</v>
          </cell>
          <cell r="AN2201" t="str">
            <v>MDO C&amp;M</v>
          </cell>
          <cell r="AO2201" t="str">
            <v>MDO OH/KEN C&amp;M</v>
          </cell>
        </row>
        <row r="2202">
          <cell r="F2202">
            <v>75023</v>
          </cell>
          <cell r="Z2202" t="str">
            <v>LOADSWCH</v>
          </cell>
          <cell r="AN2202" t="str">
            <v>MDO C&amp;M</v>
          </cell>
          <cell r="AO2202" t="str">
            <v>MDO OH/KEN C&amp;M</v>
          </cell>
        </row>
        <row r="2203">
          <cell r="F2203">
            <v>75023</v>
          </cell>
          <cell r="Z2203" t="str">
            <v>LOADSWCH</v>
          </cell>
          <cell r="AN2203" t="str">
            <v>MDO C&amp;M</v>
          </cell>
          <cell r="AO2203" t="str">
            <v>MDO OH/KEN C&amp;M</v>
          </cell>
        </row>
        <row r="2204">
          <cell r="F2204">
            <v>75023</v>
          </cell>
          <cell r="Z2204" t="str">
            <v>LOADSWCH</v>
          </cell>
          <cell r="AN2204" t="str">
            <v>MDO C&amp;M</v>
          </cell>
          <cell r="AO2204" t="str">
            <v>MDO OH/KEN C&amp;M</v>
          </cell>
        </row>
        <row r="2205">
          <cell r="F2205">
            <v>75023</v>
          </cell>
          <cell r="Z2205" t="str">
            <v>LOADSWCH</v>
          </cell>
          <cell r="AN2205" t="str">
            <v>MDO C&amp;M</v>
          </cell>
          <cell r="AO2205" t="str">
            <v>MDO OH/KEN C&amp;M</v>
          </cell>
        </row>
        <row r="2206">
          <cell r="F2206">
            <v>75023</v>
          </cell>
          <cell r="Z2206" t="str">
            <v>LOADSWCH</v>
          </cell>
          <cell r="AN2206" t="str">
            <v>MDO C&amp;M</v>
          </cell>
          <cell r="AO2206" t="str">
            <v>MDO OH/KEN C&amp;M</v>
          </cell>
        </row>
        <row r="2207">
          <cell r="F2207">
            <v>75023</v>
          </cell>
          <cell r="Z2207" t="str">
            <v>LOADSWCH</v>
          </cell>
          <cell r="AN2207" t="str">
            <v>MDO C&amp;M</v>
          </cell>
          <cell r="AO2207" t="str">
            <v>MDO OH/KEN C&amp;M</v>
          </cell>
        </row>
        <row r="2208">
          <cell r="F2208">
            <v>75023</v>
          </cell>
          <cell r="Z2208" t="str">
            <v>LOADSWCH</v>
          </cell>
          <cell r="AN2208" t="str">
            <v>MDO C&amp;M</v>
          </cell>
          <cell r="AO2208" t="str">
            <v>MDO OH/KEN C&amp;M</v>
          </cell>
        </row>
        <row r="2209">
          <cell r="F2209">
            <v>75023</v>
          </cell>
          <cell r="Z2209" t="str">
            <v>LOADSWCH</v>
          </cell>
          <cell r="AN2209" t="str">
            <v>MDO C&amp;M</v>
          </cell>
          <cell r="AO2209" t="str">
            <v>MDO OH/KEN C&amp;M</v>
          </cell>
        </row>
        <row r="2210">
          <cell r="F2210">
            <v>75023</v>
          </cell>
          <cell r="Z2210" t="str">
            <v>LOADSWCH</v>
          </cell>
          <cell r="AN2210" t="str">
            <v>MDO C&amp;M</v>
          </cell>
          <cell r="AO2210" t="str">
            <v>MDO OH/KEN C&amp;M</v>
          </cell>
        </row>
        <row r="2211">
          <cell r="F2211">
            <v>75023</v>
          </cell>
          <cell r="Z2211" t="str">
            <v>LOADSWCH</v>
          </cell>
          <cell r="AN2211" t="str">
            <v>MDO C&amp;M</v>
          </cell>
          <cell r="AO2211" t="str">
            <v>MDO OH/KEN C&amp;M</v>
          </cell>
        </row>
        <row r="2212">
          <cell r="F2212">
            <v>75023</v>
          </cell>
          <cell r="Z2212" t="str">
            <v>LOADSWCH</v>
          </cell>
          <cell r="AN2212" t="str">
            <v>MDO C&amp;M</v>
          </cell>
          <cell r="AO2212" t="str">
            <v>MDO OH/KEN C&amp;M</v>
          </cell>
        </row>
        <row r="2213">
          <cell r="F2213">
            <v>75023</v>
          </cell>
          <cell r="Z2213" t="str">
            <v>LOADSWCH</v>
          </cell>
          <cell r="AN2213" t="str">
            <v>MDO C&amp;M</v>
          </cell>
          <cell r="AO2213" t="str">
            <v>MDO OH/KEN C&amp;M</v>
          </cell>
        </row>
        <row r="2214">
          <cell r="F2214">
            <v>75023</v>
          </cell>
          <cell r="Z2214" t="str">
            <v>LOADSWCH</v>
          </cell>
          <cell r="AN2214" t="str">
            <v>MDO C&amp;M</v>
          </cell>
          <cell r="AO2214" t="str">
            <v>MDO OH/KEN C&amp;M</v>
          </cell>
        </row>
        <row r="2215">
          <cell r="F2215">
            <v>75023</v>
          </cell>
          <cell r="Z2215" t="str">
            <v>LOADSWCH</v>
          </cell>
          <cell r="AN2215" t="str">
            <v>MDO C&amp;M</v>
          </cell>
          <cell r="AO2215" t="str">
            <v>MDO OH/KEN C&amp;M</v>
          </cell>
        </row>
        <row r="2216">
          <cell r="F2216">
            <v>75023</v>
          </cell>
          <cell r="Z2216" t="str">
            <v>LOADSWCH</v>
          </cell>
          <cell r="AN2216" t="str">
            <v>MDO C&amp;M</v>
          </cell>
          <cell r="AO2216" t="str">
            <v>MDO OH/KEN C&amp;M</v>
          </cell>
        </row>
        <row r="2217">
          <cell r="F2217">
            <v>75023</v>
          </cell>
          <cell r="Z2217" t="str">
            <v>LOADSWCH</v>
          </cell>
          <cell r="AN2217" t="str">
            <v>MDO C&amp;M</v>
          </cell>
          <cell r="AO2217" t="str">
            <v>MDO OH/KEN C&amp;M</v>
          </cell>
        </row>
        <row r="2218">
          <cell r="F2218">
            <v>75023</v>
          </cell>
          <cell r="Z2218" t="str">
            <v>LOADSWCH</v>
          </cell>
          <cell r="AN2218" t="str">
            <v>MDO C&amp;M</v>
          </cell>
          <cell r="AO2218" t="str">
            <v>MDO OH/KEN C&amp;M</v>
          </cell>
        </row>
        <row r="2219">
          <cell r="F2219">
            <v>75023</v>
          </cell>
          <cell r="Z2219" t="str">
            <v>LOADSWCH</v>
          </cell>
          <cell r="AN2219" t="str">
            <v>MDO C&amp;M</v>
          </cell>
          <cell r="AO2219" t="str">
            <v>MDO OH/KEN C&amp;M</v>
          </cell>
        </row>
        <row r="2220">
          <cell r="F2220">
            <v>75023</v>
          </cell>
          <cell r="Z2220" t="str">
            <v>LOADSWCH</v>
          </cell>
          <cell r="AN2220" t="str">
            <v>MDO C&amp;M</v>
          </cell>
          <cell r="AO2220" t="str">
            <v>MDO OH/KEN C&amp;M</v>
          </cell>
        </row>
        <row r="2221">
          <cell r="F2221">
            <v>75023</v>
          </cell>
          <cell r="Z2221" t="str">
            <v>LOADSWCH</v>
          </cell>
          <cell r="AN2221" t="str">
            <v>MDO C&amp;M</v>
          </cell>
          <cell r="AO2221" t="str">
            <v>MDO OH/KEN C&amp;M</v>
          </cell>
        </row>
        <row r="2222">
          <cell r="F2222">
            <v>75023</v>
          </cell>
          <cell r="Z2222" t="str">
            <v>LOADSWCH</v>
          </cell>
          <cell r="AN2222" t="str">
            <v>MDO C&amp;M</v>
          </cell>
          <cell r="AO2222" t="str">
            <v>MDO OH/KEN C&amp;M</v>
          </cell>
        </row>
        <row r="2223">
          <cell r="F2223">
            <v>75023</v>
          </cell>
          <cell r="Z2223" t="str">
            <v>LOADSWCH</v>
          </cell>
          <cell r="AN2223" t="str">
            <v>MDO C&amp;M</v>
          </cell>
          <cell r="AO2223" t="str">
            <v>MDO OH/KEN C&amp;M</v>
          </cell>
        </row>
        <row r="2224">
          <cell r="F2224">
            <v>75023</v>
          </cell>
          <cell r="Z2224" t="str">
            <v>LOADSWCH</v>
          </cell>
          <cell r="AN2224" t="str">
            <v>MDO C&amp;M</v>
          </cell>
          <cell r="AO2224" t="str">
            <v>MDO OH/KEN C&amp;M</v>
          </cell>
        </row>
        <row r="2225">
          <cell r="F2225">
            <v>75023</v>
          </cell>
          <cell r="Z2225" t="str">
            <v>LOADSWCH</v>
          </cell>
          <cell r="AN2225" t="str">
            <v>MDO C&amp;M</v>
          </cell>
          <cell r="AO2225" t="str">
            <v>MDO OH/KEN C&amp;M</v>
          </cell>
        </row>
        <row r="2226">
          <cell r="F2226">
            <v>75023</v>
          </cell>
          <cell r="Z2226" t="str">
            <v>LOADSWCH</v>
          </cell>
          <cell r="AN2226" t="str">
            <v>MDO C&amp;M</v>
          </cell>
          <cell r="AO2226" t="str">
            <v>MDO OH/KEN C&amp;M</v>
          </cell>
        </row>
        <row r="2227">
          <cell r="F2227">
            <v>75023</v>
          </cell>
          <cell r="Z2227" t="str">
            <v>LOADSWCH</v>
          </cell>
          <cell r="AN2227" t="str">
            <v>MDO C&amp;M</v>
          </cell>
          <cell r="AO2227" t="str">
            <v>MDO OH/KEN C&amp;M</v>
          </cell>
        </row>
        <row r="2228">
          <cell r="F2228">
            <v>75023</v>
          </cell>
          <cell r="Z2228" t="str">
            <v>LOADSWCH</v>
          </cell>
          <cell r="AN2228" t="str">
            <v>MDO C&amp;M</v>
          </cell>
          <cell r="AO2228" t="str">
            <v>MDO OH/KEN C&amp;M</v>
          </cell>
        </row>
        <row r="2229">
          <cell r="F2229">
            <v>75023</v>
          </cell>
          <cell r="Z2229" t="str">
            <v>LOADSWCH</v>
          </cell>
          <cell r="AN2229" t="str">
            <v>MDO C&amp;M</v>
          </cell>
          <cell r="AO2229" t="str">
            <v>MDO OH/KEN C&amp;M</v>
          </cell>
        </row>
        <row r="2230">
          <cell r="F2230">
            <v>75023</v>
          </cell>
          <cell r="Z2230" t="str">
            <v>LOADSWCH</v>
          </cell>
          <cell r="AN2230" t="str">
            <v>MDO C&amp;M</v>
          </cell>
          <cell r="AO2230" t="str">
            <v>MDO OH/KEN C&amp;M</v>
          </cell>
        </row>
        <row r="2231">
          <cell r="F2231">
            <v>75023</v>
          </cell>
          <cell r="Z2231" t="str">
            <v>LOADSWCH</v>
          </cell>
          <cell r="AN2231" t="str">
            <v>MDO C&amp;M</v>
          </cell>
          <cell r="AO2231" t="str">
            <v>MDO OH/KEN C&amp;M</v>
          </cell>
        </row>
        <row r="2232">
          <cell r="F2232">
            <v>75023</v>
          </cell>
          <cell r="Z2232" t="str">
            <v>LOADSWCH</v>
          </cell>
          <cell r="AN2232" t="str">
            <v>MDO C&amp;M</v>
          </cell>
          <cell r="AO2232" t="str">
            <v>MDO OH/KEN C&amp;M</v>
          </cell>
        </row>
        <row r="2233">
          <cell r="F2233">
            <v>75023</v>
          </cell>
          <cell r="Z2233" t="str">
            <v>LOADSWCH</v>
          </cell>
          <cell r="AN2233" t="str">
            <v>MDO C&amp;M</v>
          </cell>
          <cell r="AO2233" t="str">
            <v>MDO OH/KEN C&amp;M</v>
          </cell>
        </row>
        <row r="2234">
          <cell r="F2234">
            <v>75023</v>
          </cell>
          <cell r="Z2234" t="str">
            <v>LOADSWCH</v>
          </cell>
          <cell r="AN2234" t="str">
            <v>MDO C&amp;M</v>
          </cell>
          <cell r="AO2234" t="str">
            <v>MDO OH/KEN C&amp;M</v>
          </cell>
        </row>
        <row r="2235">
          <cell r="F2235">
            <v>75023</v>
          </cell>
          <cell r="Z2235" t="str">
            <v>LOADSWCH</v>
          </cell>
          <cell r="AN2235" t="str">
            <v>MDO C&amp;M</v>
          </cell>
          <cell r="AO2235" t="str">
            <v>MDO OH/KEN C&amp;M</v>
          </cell>
        </row>
        <row r="2236">
          <cell r="F2236">
            <v>75023</v>
          </cell>
          <cell r="Z2236" t="str">
            <v>LOADSWCH</v>
          </cell>
          <cell r="AN2236" t="str">
            <v>MDO C&amp;M</v>
          </cell>
          <cell r="AO2236" t="str">
            <v>MDO OH/KEN C&amp;M</v>
          </cell>
        </row>
        <row r="2237">
          <cell r="F2237">
            <v>75023</v>
          </cell>
          <cell r="Z2237" t="str">
            <v>LOADSWCH</v>
          </cell>
          <cell r="AN2237" t="str">
            <v>MDO C&amp;M</v>
          </cell>
          <cell r="AO2237" t="str">
            <v>MDO OH/KEN C&amp;M</v>
          </cell>
        </row>
        <row r="2238">
          <cell r="F2238">
            <v>75023</v>
          </cell>
          <cell r="Z2238" t="str">
            <v>LOADSWCH</v>
          </cell>
          <cell r="AN2238" t="str">
            <v>MDO C&amp;M</v>
          </cell>
          <cell r="AO2238" t="str">
            <v>MDO OH/KEN C&amp;M</v>
          </cell>
        </row>
        <row r="2239">
          <cell r="F2239">
            <v>75023</v>
          </cell>
          <cell r="Z2239" t="str">
            <v>LOADSWCH</v>
          </cell>
          <cell r="AN2239" t="str">
            <v>MDO C&amp;M</v>
          </cell>
          <cell r="AO2239" t="str">
            <v>MDO OH/KEN C&amp;M</v>
          </cell>
        </row>
        <row r="2240">
          <cell r="F2240">
            <v>75023</v>
          </cell>
          <cell r="Z2240" t="str">
            <v>LOADSWCH</v>
          </cell>
          <cell r="AN2240" t="str">
            <v>MDO C&amp;M</v>
          </cell>
          <cell r="AO2240" t="str">
            <v>MDO OH/KEN C&amp;M</v>
          </cell>
        </row>
        <row r="2241">
          <cell r="F2241">
            <v>75023</v>
          </cell>
          <cell r="Z2241" t="str">
            <v>LOADSWCH</v>
          </cell>
          <cell r="AN2241" t="str">
            <v>MDO C&amp;M</v>
          </cell>
          <cell r="AO2241" t="str">
            <v>MDO OH/KEN C&amp;M</v>
          </cell>
        </row>
        <row r="2242">
          <cell r="F2242">
            <v>75023</v>
          </cell>
          <cell r="Z2242" t="str">
            <v>LOADSWCH</v>
          </cell>
          <cell r="AN2242" t="str">
            <v>MDO C&amp;M</v>
          </cell>
          <cell r="AO2242" t="str">
            <v>MDO OH/KEN C&amp;M</v>
          </cell>
        </row>
        <row r="2243">
          <cell r="F2243">
            <v>75023</v>
          </cell>
          <cell r="Z2243" t="str">
            <v>LOADSWCH</v>
          </cell>
          <cell r="AN2243" t="str">
            <v>MDO C&amp;M</v>
          </cell>
          <cell r="AO2243" t="str">
            <v>MDO OH/KEN C&amp;M</v>
          </cell>
        </row>
        <row r="2244">
          <cell r="F2244">
            <v>75023</v>
          </cell>
          <cell r="Z2244" t="str">
            <v>LOADSWCH</v>
          </cell>
          <cell r="AN2244" t="str">
            <v>MDO C&amp;M</v>
          </cell>
          <cell r="AO2244" t="str">
            <v>MDO OH/KEN C&amp;M</v>
          </cell>
        </row>
        <row r="2245">
          <cell r="F2245">
            <v>75023</v>
          </cell>
          <cell r="Z2245" t="str">
            <v>LOADSWCH</v>
          </cell>
          <cell r="AN2245" t="str">
            <v>MDO C&amp;M</v>
          </cell>
          <cell r="AO2245" t="str">
            <v>MDO OH/KEN C&amp;M</v>
          </cell>
        </row>
        <row r="2246">
          <cell r="F2246">
            <v>75023</v>
          </cell>
          <cell r="Z2246" t="str">
            <v>LOADSWCH</v>
          </cell>
          <cell r="AN2246" t="str">
            <v>MDO C&amp;M</v>
          </cell>
          <cell r="AO2246" t="str">
            <v>MDO OH/KEN C&amp;M</v>
          </cell>
        </row>
        <row r="2247">
          <cell r="F2247">
            <v>75023</v>
          </cell>
          <cell r="Z2247" t="str">
            <v>LOADSWCH</v>
          </cell>
          <cell r="AN2247" t="str">
            <v>MDO C&amp;M</v>
          </cell>
          <cell r="AO2247" t="str">
            <v>MDO OH/KEN C&amp;M</v>
          </cell>
        </row>
        <row r="2248">
          <cell r="F2248">
            <v>75023</v>
          </cell>
          <cell r="Z2248" t="str">
            <v>LOADSWCH</v>
          </cell>
          <cell r="AN2248" t="str">
            <v>MDO C&amp;M</v>
          </cell>
          <cell r="AO2248" t="str">
            <v>MDO OH/KEN C&amp;M</v>
          </cell>
        </row>
        <row r="2249">
          <cell r="F2249">
            <v>75023</v>
          </cell>
          <cell r="Z2249" t="str">
            <v>LOADSWCH</v>
          </cell>
          <cell r="AN2249" t="str">
            <v>MDO C&amp;M</v>
          </cell>
          <cell r="AO2249" t="str">
            <v>MDO OH/KEN C&amp;M</v>
          </cell>
        </row>
        <row r="2250">
          <cell r="F2250">
            <v>75023</v>
          </cell>
          <cell r="Z2250" t="str">
            <v>LOADSWCH</v>
          </cell>
          <cell r="AN2250" t="str">
            <v>MDO C&amp;M</v>
          </cell>
          <cell r="AO2250" t="str">
            <v>MDO OH/KEN C&amp;M</v>
          </cell>
        </row>
        <row r="2251">
          <cell r="F2251">
            <v>75023</v>
          </cell>
          <cell r="Z2251" t="str">
            <v>LOADSWCH</v>
          </cell>
          <cell r="AN2251" t="str">
            <v>MDO C&amp;M</v>
          </cell>
          <cell r="AO2251" t="str">
            <v>MDO OH/KEN C&amp;M</v>
          </cell>
        </row>
        <row r="2252">
          <cell r="F2252">
            <v>75023</v>
          </cell>
          <cell r="Z2252" t="str">
            <v>LOADSWCH</v>
          </cell>
          <cell r="AN2252" t="str">
            <v>MDO C&amp;M</v>
          </cell>
          <cell r="AO2252" t="str">
            <v>MDO OH/KEN C&amp;M</v>
          </cell>
        </row>
        <row r="2253">
          <cell r="F2253">
            <v>75023</v>
          </cell>
          <cell r="Z2253" t="str">
            <v>LOADSWCH</v>
          </cell>
          <cell r="AN2253" t="str">
            <v>MDO C&amp;M</v>
          </cell>
          <cell r="AO2253" t="str">
            <v>MDO OH/KEN C&amp;M</v>
          </cell>
        </row>
        <row r="2254">
          <cell r="F2254">
            <v>75023</v>
          </cell>
          <cell r="Z2254" t="str">
            <v>LOADSWCH</v>
          </cell>
          <cell r="AN2254" t="str">
            <v>MDO C&amp;M</v>
          </cell>
          <cell r="AO2254" t="str">
            <v>MDO OH/KEN C&amp;M</v>
          </cell>
        </row>
        <row r="2255">
          <cell r="F2255">
            <v>75023</v>
          </cell>
          <cell r="Z2255" t="str">
            <v>LOADSWCH</v>
          </cell>
          <cell r="AN2255" t="str">
            <v>MDO C&amp;M</v>
          </cell>
          <cell r="AO2255" t="str">
            <v>MDO OH/KEN C&amp;M</v>
          </cell>
        </row>
        <row r="2256">
          <cell r="F2256">
            <v>75023</v>
          </cell>
          <cell r="Z2256" t="str">
            <v>LOADSWCH</v>
          </cell>
          <cell r="AN2256" t="str">
            <v>MDO C&amp;M</v>
          </cell>
          <cell r="AO2256" t="str">
            <v>MDO OH/KEN C&amp;M</v>
          </cell>
        </row>
        <row r="2257">
          <cell r="F2257">
            <v>75023</v>
          </cell>
          <cell r="Z2257" t="str">
            <v>LOADSWCH</v>
          </cell>
          <cell r="AN2257" t="str">
            <v>MDO C&amp;M</v>
          </cell>
          <cell r="AO2257" t="str">
            <v>MDO OH/KEN C&amp;M</v>
          </cell>
        </row>
        <row r="2258">
          <cell r="F2258">
            <v>75023</v>
          </cell>
          <cell r="Z2258" t="str">
            <v>LOADSWCH</v>
          </cell>
          <cell r="AN2258" t="str">
            <v>MDO C&amp;M</v>
          </cell>
          <cell r="AO2258" t="str">
            <v>MDO OH/KEN C&amp;M</v>
          </cell>
        </row>
        <row r="2259">
          <cell r="F2259">
            <v>75023</v>
          </cell>
          <cell r="Z2259" t="str">
            <v>LOADSWCH</v>
          </cell>
          <cell r="AN2259" t="str">
            <v>MDO C&amp;M</v>
          </cell>
          <cell r="AO2259" t="str">
            <v>MDO OH/KEN C&amp;M</v>
          </cell>
        </row>
        <row r="2260">
          <cell r="F2260">
            <v>75023</v>
          </cell>
          <cell r="Z2260" t="str">
            <v>LOADSWCH</v>
          </cell>
          <cell r="AN2260" t="str">
            <v>MDO C&amp;M</v>
          </cell>
          <cell r="AO2260" t="str">
            <v>MDO OH/KEN C&amp;M</v>
          </cell>
        </row>
        <row r="2261">
          <cell r="F2261">
            <v>75023</v>
          </cell>
          <cell r="Z2261" t="str">
            <v>LOADSWCH</v>
          </cell>
          <cell r="AN2261" t="str">
            <v>MDO C&amp;M</v>
          </cell>
          <cell r="AO2261" t="str">
            <v>MDO OH/KEN C&amp;M</v>
          </cell>
        </row>
        <row r="2262">
          <cell r="F2262">
            <v>75023</v>
          </cell>
          <cell r="Z2262" t="str">
            <v>LOADSWCH</v>
          </cell>
          <cell r="AN2262" t="str">
            <v>MDO C&amp;M</v>
          </cell>
          <cell r="AO2262" t="str">
            <v>MDO OH/KEN C&amp;M</v>
          </cell>
        </row>
        <row r="2263">
          <cell r="F2263">
            <v>75023</v>
          </cell>
          <cell r="Z2263" t="str">
            <v>LOADSWCH</v>
          </cell>
          <cell r="AN2263" t="str">
            <v>MDO C&amp;M</v>
          </cell>
          <cell r="AO2263" t="str">
            <v>MDO OH/KEN C&amp;M</v>
          </cell>
        </row>
        <row r="2264">
          <cell r="F2264">
            <v>75023</v>
          </cell>
          <cell r="Z2264" t="str">
            <v>LOADSWCH</v>
          </cell>
          <cell r="AN2264" t="str">
            <v>MDO C&amp;M</v>
          </cell>
          <cell r="AO2264" t="str">
            <v>MDO OH/KEN C&amp;M</v>
          </cell>
        </row>
        <row r="2265">
          <cell r="F2265">
            <v>75023</v>
          </cell>
          <cell r="Z2265" t="str">
            <v>LOADSWCH</v>
          </cell>
          <cell r="AN2265" t="str">
            <v>MDO C&amp;M</v>
          </cell>
          <cell r="AO2265" t="str">
            <v>MDO OH/KEN C&amp;M</v>
          </cell>
        </row>
        <row r="2266">
          <cell r="F2266">
            <v>75023</v>
          </cell>
          <cell r="Z2266" t="str">
            <v>LOADSWCH</v>
          </cell>
          <cell r="AN2266" t="str">
            <v>MDO C&amp;M</v>
          </cell>
          <cell r="AO2266" t="str">
            <v>MDO OH/KEN C&amp;M</v>
          </cell>
        </row>
        <row r="2267">
          <cell r="F2267">
            <v>75023</v>
          </cell>
          <cell r="Z2267" t="str">
            <v>LOADSWCH</v>
          </cell>
          <cell r="AN2267" t="str">
            <v>MDO C&amp;M</v>
          </cell>
          <cell r="AO2267" t="str">
            <v>MDO OH/KEN C&amp;M</v>
          </cell>
        </row>
        <row r="2268">
          <cell r="F2268">
            <v>75023</v>
          </cell>
          <cell r="Z2268" t="str">
            <v>LOADSWCH</v>
          </cell>
          <cell r="AN2268" t="str">
            <v>MDO C&amp;M</v>
          </cell>
          <cell r="AO2268" t="str">
            <v>MDO OH/KEN C&amp;M</v>
          </cell>
        </row>
        <row r="2269">
          <cell r="F2269">
            <v>75023</v>
          </cell>
          <cell r="Z2269" t="str">
            <v>LOADSWCH</v>
          </cell>
          <cell r="AN2269" t="str">
            <v>MDO C&amp;M</v>
          </cell>
          <cell r="AO2269" t="str">
            <v>MDO OH/KEN C&amp;M</v>
          </cell>
        </row>
        <row r="2270">
          <cell r="F2270">
            <v>75023</v>
          </cell>
          <cell r="Z2270" t="str">
            <v>LOADSWCH</v>
          </cell>
          <cell r="AN2270" t="str">
            <v>MDO C&amp;M</v>
          </cell>
          <cell r="AO2270" t="str">
            <v>MDO OH/KEN C&amp;M</v>
          </cell>
        </row>
        <row r="2271">
          <cell r="F2271">
            <v>75023</v>
          </cell>
          <cell r="Z2271" t="str">
            <v>LOADSWCH</v>
          </cell>
          <cell r="AN2271" t="str">
            <v>MDO C&amp;M</v>
          </cell>
          <cell r="AO2271" t="str">
            <v>MDO OH/KEN C&amp;M</v>
          </cell>
        </row>
        <row r="2272">
          <cell r="F2272">
            <v>75023</v>
          </cell>
          <cell r="Z2272" t="str">
            <v>LOADSWCH</v>
          </cell>
          <cell r="AN2272" t="str">
            <v>MDO C&amp;M</v>
          </cell>
          <cell r="AO2272" t="str">
            <v>MDO OH/KEN C&amp;M</v>
          </cell>
        </row>
        <row r="2273">
          <cell r="F2273">
            <v>75023</v>
          </cell>
          <cell r="Z2273" t="str">
            <v>LOADSWCH</v>
          </cell>
          <cell r="AN2273" t="str">
            <v>MDO C&amp;M</v>
          </cell>
          <cell r="AO2273" t="str">
            <v>MDO OH/KEN C&amp;M</v>
          </cell>
        </row>
        <row r="2274">
          <cell r="F2274">
            <v>75023</v>
          </cell>
          <cell r="Z2274" t="str">
            <v>LOADSWCH</v>
          </cell>
          <cell r="AN2274" t="str">
            <v>MDO C&amp;M</v>
          </cell>
          <cell r="AO2274" t="str">
            <v>MDO OH/KEN C&amp;M</v>
          </cell>
        </row>
        <row r="2275">
          <cell r="F2275">
            <v>75023</v>
          </cell>
          <cell r="Z2275" t="str">
            <v>LOADSWCH</v>
          </cell>
          <cell r="AN2275" t="str">
            <v>MDO C&amp;M</v>
          </cell>
          <cell r="AO2275" t="str">
            <v>MDO OH/KEN C&amp;M</v>
          </cell>
        </row>
        <row r="2276">
          <cell r="F2276">
            <v>75023</v>
          </cell>
          <cell r="Z2276" t="str">
            <v>LOADSWCH</v>
          </cell>
          <cell r="AN2276" t="str">
            <v>MDO C&amp;M</v>
          </cell>
          <cell r="AO2276" t="str">
            <v>MDO OH/KEN C&amp;M</v>
          </cell>
        </row>
        <row r="2277">
          <cell r="F2277">
            <v>75023</v>
          </cell>
          <cell r="Z2277" t="str">
            <v>LOADSWCH</v>
          </cell>
          <cell r="AN2277" t="str">
            <v>MDO C&amp;M</v>
          </cell>
          <cell r="AO2277" t="str">
            <v>MDO OH/KEN C&amp;M</v>
          </cell>
        </row>
        <row r="2278">
          <cell r="F2278">
            <v>75023</v>
          </cell>
          <cell r="Z2278" t="str">
            <v>LOADSWCH</v>
          </cell>
          <cell r="AN2278" t="str">
            <v>MDO C&amp;M</v>
          </cell>
          <cell r="AO2278" t="str">
            <v>MDO OH/KEN C&amp;M</v>
          </cell>
        </row>
        <row r="2279">
          <cell r="F2279">
            <v>75023</v>
          </cell>
          <cell r="Z2279" t="str">
            <v>LOADSWCH</v>
          </cell>
          <cell r="AN2279" t="str">
            <v>MDO C&amp;M</v>
          </cell>
          <cell r="AO2279" t="str">
            <v>MDO OH/KEN C&amp;M</v>
          </cell>
        </row>
        <row r="2280">
          <cell r="F2280">
            <v>75023</v>
          </cell>
          <cell r="Z2280" t="str">
            <v>LOADSWCH</v>
          </cell>
          <cell r="AN2280" t="str">
            <v>MDO C&amp;M</v>
          </cell>
          <cell r="AO2280" t="str">
            <v>MDO OH/KEN C&amp;M</v>
          </cell>
        </row>
        <row r="2281">
          <cell r="F2281">
            <v>75023</v>
          </cell>
          <cell r="Z2281" t="str">
            <v>LOADSWCH</v>
          </cell>
          <cell r="AN2281" t="str">
            <v>MDO C&amp;M</v>
          </cell>
          <cell r="AO2281" t="str">
            <v>MDO OH/KEN C&amp;M</v>
          </cell>
        </row>
        <row r="2282">
          <cell r="F2282">
            <v>75023</v>
          </cell>
          <cell r="Z2282" t="str">
            <v>LOADSWCH</v>
          </cell>
          <cell r="AN2282" t="str">
            <v>MDO C&amp;M</v>
          </cell>
          <cell r="AO2282" t="str">
            <v>MDO OH/KEN C&amp;M</v>
          </cell>
        </row>
        <row r="2283">
          <cell r="F2283">
            <v>75023</v>
          </cell>
          <cell r="Z2283" t="str">
            <v>LOADSWCH</v>
          </cell>
          <cell r="AN2283" t="str">
            <v>MDO C&amp;M</v>
          </cell>
          <cell r="AO2283" t="str">
            <v>MDO OH/KEN C&amp;M</v>
          </cell>
        </row>
        <row r="2284">
          <cell r="F2284">
            <v>75023</v>
          </cell>
          <cell r="Z2284" t="str">
            <v>LOADSWCH</v>
          </cell>
          <cell r="AN2284" t="str">
            <v>MDO C&amp;M</v>
          </cell>
          <cell r="AO2284" t="str">
            <v>MDO OH/KEN C&amp;M</v>
          </cell>
        </row>
        <row r="2285">
          <cell r="F2285">
            <v>75023</v>
          </cell>
          <cell r="Z2285" t="str">
            <v>LOADSWCH</v>
          </cell>
          <cell r="AN2285" t="str">
            <v>MDO C&amp;M</v>
          </cell>
          <cell r="AO2285" t="str">
            <v>MDO OH/KEN C&amp;M</v>
          </cell>
        </row>
        <row r="2286">
          <cell r="F2286">
            <v>75023</v>
          </cell>
          <cell r="Z2286" t="str">
            <v>LOADSWCH</v>
          </cell>
          <cell r="AN2286" t="str">
            <v>MDO C&amp;M</v>
          </cell>
          <cell r="AO2286" t="str">
            <v>MDO OH/KEN C&amp;M</v>
          </cell>
        </row>
        <row r="2287">
          <cell r="F2287">
            <v>75023</v>
          </cell>
          <cell r="Z2287" t="str">
            <v>LOADSWCH</v>
          </cell>
          <cell r="AN2287" t="str">
            <v>MDO C&amp;M</v>
          </cell>
          <cell r="AO2287" t="str">
            <v>MDO OH/KEN C&amp;M</v>
          </cell>
        </row>
        <row r="2288">
          <cell r="F2288">
            <v>75023</v>
          </cell>
          <cell r="Z2288" t="str">
            <v>LOADSWCH</v>
          </cell>
          <cell r="AN2288" t="str">
            <v>MDO C&amp;M</v>
          </cell>
          <cell r="AO2288" t="str">
            <v>MDO OH/KEN C&amp;M</v>
          </cell>
        </row>
        <row r="2289">
          <cell r="F2289">
            <v>75023</v>
          </cell>
          <cell r="Z2289" t="str">
            <v>LOADSWCH</v>
          </cell>
          <cell r="AN2289" t="str">
            <v>MDO C&amp;M</v>
          </cell>
          <cell r="AO2289" t="str">
            <v>MDO OH/KEN C&amp;M</v>
          </cell>
        </row>
        <row r="2290">
          <cell r="F2290">
            <v>75023</v>
          </cell>
          <cell r="Z2290" t="str">
            <v>LOADSWCH</v>
          </cell>
          <cell r="AN2290" t="str">
            <v>MDO C&amp;M</v>
          </cell>
          <cell r="AO2290" t="str">
            <v>MDO OH/KEN C&amp;M</v>
          </cell>
        </row>
        <row r="2291">
          <cell r="F2291">
            <v>75023</v>
          </cell>
          <cell r="Z2291" t="str">
            <v>LOADSWCH</v>
          </cell>
          <cell r="AN2291" t="str">
            <v>MDO C&amp;M</v>
          </cell>
          <cell r="AO2291" t="str">
            <v>MDO OH/KEN C&amp;M</v>
          </cell>
        </row>
        <row r="2292">
          <cell r="F2292">
            <v>75023</v>
          </cell>
          <cell r="Z2292" t="str">
            <v>LOADSWCH</v>
          </cell>
          <cell r="AN2292" t="str">
            <v>MDO C&amp;M</v>
          </cell>
          <cell r="AO2292" t="str">
            <v>MDO OH/KEN C&amp;M</v>
          </cell>
        </row>
        <row r="2293">
          <cell r="F2293">
            <v>75023</v>
          </cell>
          <cell r="Z2293" t="str">
            <v>LOADSWCH</v>
          </cell>
          <cell r="AN2293" t="str">
            <v>MDO C&amp;M</v>
          </cell>
          <cell r="AO2293" t="str">
            <v>MDO OH/KEN C&amp;M</v>
          </cell>
        </row>
        <row r="2294">
          <cell r="F2294">
            <v>75023</v>
          </cell>
          <cell r="Z2294" t="str">
            <v>LOADSWCH</v>
          </cell>
          <cell r="AN2294" t="str">
            <v>MDO C&amp;M</v>
          </cell>
          <cell r="AO2294" t="str">
            <v>MDO OH/KEN C&amp;M</v>
          </cell>
        </row>
        <row r="2295">
          <cell r="F2295">
            <v>75023</v>
          </cell>
          <cell r="Z2295" t="str">
            <v>LOADSWCH</v>
          </cell>
          <cell r="AN2295" t="str">
            <v>MDO C&amp;M</v>
          </cell>
          <cell r="AO2295" t="str">
            <v>MDO OH/KEN C&amp;M</v>
          </cell>
        </row>
        <row r="2296">
          <cell r="F2296">
            <v>75023</v>
          </cell>
          <cell r="Z2296" t="str">
            <v>LOADSWCH</v>
          </cell>
          <cell r="AN2296" t="str">
            <v>MDO C&amp;M</v>
          </cell>
          <cell r="AO2296" t="str">
            <v>MDO OH/KEN C&amp;M</v>
          </cell>
        </row>
        <row r="2297">
          <cell r="F2297">
            <v>75023</v>
          </cell>
          <cell r="Z2297" t="str">
            <v>LOADSWCH</v>
          </cell>
          <cell r="AN2297" t="str">
            <v>MDO C&amp;M</v>
          </cell>
          <cell r="AO2297" t="str">
            <v>MDO OH/KEN C&amp;M</v>
          </cell>
        </row>
        <row r="2298">
          <cell r="F2298">
            <v>75023</v>
          </cell>
          <cell r="Z2298" t="str">
            <v>LOADSWCH</v>
          </cell>
          <cell r="AN2298" t="str">
            <v>MDO C&amp;M</v>
          </cell>
          <cell r="AO2298" t="str">
            <v>MDO OH/KEN C&amp;M</v>
          </cell>
        </row>
        <row r="2299">
          <cell r="F2299">
            <v>75023</v>
          </cell>
          <cell r="Z2299" t="str">
            <v>LOADSWCH</v>
          </cell>
          <cell r="AN2299" t="str">
            <v>MDO C&amp;M</v>
          </cell>
          <cell r="AO2299" t="str">
            <v>MDO OH/KEN C&amp;M</v>
          </cell>
        </row>
        <row r="2300">
          <cell r="F2300">
            <v>75023</v>
          </cell>
          <cell r="Z2300" t="str">
            <v>LOADSWCH</v>
          </cell>
          <cell r="AN2300" t="str">
            <v>MDO C&amp;M</v>
          </cell>
          <cell r="AO2300" t="str">
            <v>MDO OH/KEN C&amp;M</v>
          </cell>
        </row>
        <row r="2301">
          <cell r="F2301">
            <v>75023</v>
          </cell>
          <cell r="Z2301" t="str">
            <v>LOADSWCH</v>
          </cell>
          <cell r="AN2301" t="str">
            <v>MDO C&amp;M</v>
          </cell>
          <cell r="AO2301" t="str">
            <v>MDO OH/KEN C&amp;M</v>
          </cell>
        </row>
        <row r="2302">
          <cell r="F2302">
            <v>75023</v>
          </cell>
          <cell r="Z2302" t="str">
            <v>LOADSWCH</v>
          </cell>
          <cell r="AN2302" t="str">
            <v>MDO C&amp;M</v>
          </cell>
          <cell r="AO2302" t="str">
            <v>MDO OH/KEN C&amp;M</v>
          </cell>
        </row>
        <row r="2303">
          <cell r="F2303">
            <v>75023</v>
          </cell>
          <cell r="Z2303" t="str">
            <v>LOADSWCH</v>
          </cell>
          <cell r="AN2303" t="str">
            <v>MDO C&amp;M</v>
          </cell>
          <cell r="AO2303" t="str">
            <v>MDO OH/KEN C&amp;M</v>
          </cell>
        </row>
        <row r="2304">
          <cell r="F2304">
            <v>75023</v>
          </cell>
          <cell r="Z2304" t="str">
            <v>LOADSWCH</v>
          </cell>
          <cell r="AN2304" t="str">
            <v>MDO C&amp;M</v>
          </cell>
          <cell r="AO2304" t="str">
            <v>MDO OH/KEN C&amp;M</v>
          </cell>
        </row>
        <row r="2305">
          <cell r="F2305">
            <v>75023</v>
          </cell>
          <cell r="Z2305" t="str">
            <v>LOADSWCH</v>
          </cell>
          <cell r="AN2305" t="str">
            <v>MDO C&amp;M</v>
          </cell>
          <cell r="AO2305" t="str">
            <v>MDO OH/KEN C&amp;M</v>
          </cell>
        </row>
        <row r="2306">
          <cell r="F2306">
            <v>75023</v>
          </cell>
          <cell r="Z2306" t="str">
            <v>LOADSWCH</v>
          </cell>
          <cell r="AN2306" t="str">
            <v>MDO C&amp;M</v>
          </cell>
          <cell r="AO2306" t="str">
            <v>MDO OH/KEN C&amp;M</v>
          </cell>
        </row>
        <row r="2307">
          <cell r="F2307">
            <v>75023</v>
          </cell>
          <cell r="Z2307" t="str">
            <v>LOADSWCH</v>
          </cell>
          <cell r="AN2307" t="str">
            <v>MDO C&amp;M</v>
          </cell>
          <cell r="AO2307" t="str">
            <v>MDO OH/KEN C&amp;M</v>
          </cell>
        </row>
        <row r="2308">
          <cell r="F2308">
            <v>75023</v>
          </cell>
          <cell r="Z2308" t="str">
            <v>LOADSWCH</v>
          </cell>
          <cell r="AN2308" t="str">
            <v>MDO C&amp;M</v>
          </cell>
          <cell r="AO2308" t="str">
            <v>MDO OH/KEN C&amp;M</v>
          </cell>
        </row>
        <row r="2309">
          <cell r="F2309">
            <v>75023</v>
          </cell>
          <cell r="Z2309" t="str">
            <v>LOADSWCH</v>
          </cell>
          <cell r="AN2309" t="str">
            <v>MDO C&amp;M</v>
          </cell>
          <cell r="AO2309" t="str">
            <v>MDO OH/KEN C&amp;M</v>
          </cell>
        </row>
        <row r="2310">
          <cell r="F2310">
            <v>75023</v>
          </cell>
          <cell r="Z2310" t="str">
            <v>LOADSWCH</v>
          </cell>
          <cell r="AN2310" t="str">
            <v>MDO C&amp;M</v>
          </cell>
          <cell r="AO2310" t="str">
            <v>MDO OH/KEN C&amp;M</v>
          </cell>
        </row>
        <row r="2311">
          <cell r="F2311">
            <v>75023</v>
          </cell>
          <cell r="Z2311" t="str">
            <v>LOADSWCH</v>
          </cell>
          <cell r="AN2311" t="str">
            <v>MDO C&amp;M</v>
          </cell>
          <cell r="AO2311" t="str">
            <v>MDO OH/KEN C&amp;M</v>
          </cell>
        </row>
        <row r="2312">
          <cell r="F2312">
            <v>75023</v>
          </cell>
          <cell r="Z2312" t="str">
            <v>LOADSWCH</v>
          </cell>
          <cell r="AN2312" t="str">
            <v>MDO C&amp;M</v>
          </cell>
          <cell r="AO2312" t="str">
            <v>MDO OH/KEN C&amp;M</v>
          </cell>
        </row>
        <row r="2313">
          <cell r="F2313">
            <v>75023</v>
          </cell>
          <cell r="Z2313" t="str">
            <v>LOADSWCH</v>
          </cell>
          <cell r="AN2313" t="str">
            <v>MDO C&amp;M</v>
          </cell>
          <cell r="AO2313" t="str">
            <v>MDO OH/KEN C&amp;M</v>
          </cell>
        </row>
        <row r="2314">
          <cell r="F2314">
            <v>75023</v>
          </cell>
          <cell r="Z2314" t="str">
            <v>LOADSWCH</v>
          </cell>
          <cell r="AN2314" t="str">
            <v>MDO C&amp;M</v>
          </cell>
          <cell r="AO2314" t="str">
            <v>MDO OH/KEN C&amp;M</v>
          </cell>
        </row>
        <row r="2315">
          <cell r="F2315">
            <v>75023</v>
          </cell>
          <cell r="Z2315" t="str">
            <v>LOADSWCH</v>
          </cell>
          <cell r="AN2315" t="str">
            <v>MDO C&amp;M</v>
          </cell>
          <cell r="AO2315" t="str">
            <v>MDO OH/KEN C&amp;M</v>
          </cell>
        </row>
        <row r="2316">
          <cell r="F2316">
            <v>75023</v>
          </cell>
          <cell r="Z2316" t="str">
            <v>LOADSWCH</v>
          </cell>
          <cell r="AN2316" t="str">
            <v>MDO C&amp;M</v>
          </cell>
          <cell r="AO2316" t="str">
            <v>MDO OH/KEN C&amp;M</v>
          </cell>
        </row>
        <row r="2317">
          <cell r="F2317">
            <v>75023</v>
          </cell>
          <cell r="Z2317" t="str">
            <v>LOADSWCH</v>
          </cell>
          <cell r="AN2317" t="str">
            <v>MDO C&amp;M</v>
          </cell>
          <cell r="AO2317" t="str">
            <v>MDO OH/KEN C&amp;M</v>
          </cell>
        </row>
        <row r="2318">
          <cell r="F2318">
            <v>75023</v>
          </cell>
          <cell r="Z2318" t="str">
            <v>LOADSWCH</v>
          </cell>
          <cell r="AN2318" t="str">
            <v>MDO C&amp;M</v>
          </cell>
          <cell r="AO2318" t="str">
            <v>MDO OH/KEN C&amp;M</v>
          </cell>
        </row>
        <row r="2319">
          <cell r="F2319">
            <v>75023</v>
          </cell>
          <cell r="Z2319" t="str">
            <v>LOADSWCH</v>
          </cell>
          <cell r="AN2319" t="str">
            <v>MDO C&amp;M</v>
          </cell>
          <cell r="AO2319" t="str">
            <v>MDO OH/KEN C&amp;M</v>
          </cell>
        </row>
        <row r="2320">
          <cell r="F2320">
            <v>75023</v>
          </cell>
          <cell r="Z2320" t="str">
            <v>LOADSWCH</v>
          </cell>
          <cell r="AN2320" t="str">
            <v>MDO C&amp;M</v>
          </cell>
          <cell r="AO2320" t="str">
            <v>MDO OH/KEN C&amp;M</v>
          </cell>
        </row>
        <row r="2321">
          <cell r="F2321">
            <v>75023</v>
          </cell>
          <cell r="Z2321" t="str">
            <v>LOADSWCH</v>
          </cell>
          <cell r="AN2321" t="str">
            <v>MDO C&amp;M</v>
          </cell>
          <cell r="AO2321" t="str">
            <v>MDO OH/KEN C&amp;M</v>
          </cell>
        </row>
        <row r="2322">
          <cell r="F2322">
            <v>75023</v>
          </cell>
          <cell r="Z2322" t="str">
            <v>LOADSWCH</v>
          </cell>
          <cell r="AN2322" t="str">
            <v>MDO C&amp;M</v>
          </cell>
          <cell r="AO2322" t="str">
            <v>MDO OH/KEN C&amp;M</v>
          </cell>
        </row>
        <row r="2323">
          <cell r="F2323">
            <v>75023</v>
          </cell>
          <cell r="Z2323" t="str">
            <v>LOADSWCH</v>
          </cell>
          <cell r="AN2323" t="str">
            <v>MDO C&amp;M</v>
          </cell>
          <cell r="AO2323" t="str">
            <v>MDO OH/KEN C&amp;M</v>
          </cell>
        </row>
        <row r="2324">
          <cell r="F2324">
            <v>75023</v>
          </cell>
          <cell r="Z2324" t="str">
            <v>LOADSWCH</v>
          </cell>
          <cell r="AN2324" t="str">
            <v>MDO C&amp;M</v>
          </cell>
          <cell r="AO2324" t="str">
            <v>MDO OH/KEN C&amp;M</v>
          </cell>
        </row>
        <row r="2325">
          <cell r="F2325">
            <v>75023</v>
          </cell>
          <cell r="Z2325" t="str">
            <v>LOADSWCH</v>
          </cell>
          <cell r="AN2325" t="str">
            <v>MDO C&amp;M</v>
          </cell>
          <cell r="AO2325" t="str">
            <v>MDO OH/KEN C&amp;M</v>
          </cell>
        </row>
        <row r="2326">
          <cell r="F2326">
            <v>75023</v>
          </cell>
          <cell r="Z2326" t="str">
            <v>LOADSWCH</v>
          </cell>
          <cell r="AN2326" t="str">
            <v>MDO C&amp;M</v>
          </cell>
          <cell r="AO2326" t="str">
            <v>MDO OH/KEN C&amp;M</v>
          </cell>
        </row>
        <row r="2327">
          <cell r="F2327">
            <v>75023</v>
          </cell>
          <cell r="Z2327" t="str">
            <v>LOADSWCH</v>
          </cell>
          <cell r="AN2327" t="str">
            <v>MDO C&amp;M</v>
          </cell>
          <cell r="AO2327" t="str">
            <v>MDO OH/KEN C&amp;M</v>
          </cell>
        </row>
        <row r="2328">
          <cell r="F2328">
            <v>75023</v>
          </cell>
          <cell r="Z2328" t="str">
            <v>LOADSWCH</v>
          </cell>
          <cell r="AN2328" t="str">
            <v>MDO C&amp;M</v>
          </cell>
          <cell r="AO2328" t="str">
            <v>MDO OH/KEN C&amp;M</v>
          </cell>
        </row>
        <row r="2329">
          <cell r="F2329">
            <v>75023</v>
          </cell>
          <cell r="Z2329" t="str">
            <v>LOADSWCH</v>
          </cell>
          <cell r="AN2329" t="str">
            <v>MDO C&amp;M</v>
          </cell>
          <cell r="AO2329" t="str">
            <v>MDO OH/KEN C&amp;M</v>
          </cell>
        </row>
        <row r="2330">
          <cell r="F2330">
            <v>75023</v>
          </cell>
          <cell r="Z2330" t="str">
            <v>LOADSWCH</v>
          </cell>
          <cell r="AN2330" t="str">
            <v>MDO C&amp;M</v>
          </cell>
          <cell r="AO2330" t="str">
            <v>MDO OH/KEN C&amp;M</v>
          </cell>
        </row>
        <row r="2331">
          <cell r="F2331">
            <v>75023</v>
          </cell>
          <cell r="Z2331" t="str">
            <v>LOADSWCH</v>
          </cell>
          <cell r="AN2331" t="str">
            <v>MDO C&amp;M</v>
          </cell>
          <cell r="AO2331" t="str">
            <v>MDO OH/KEN C&amp;M</v>
          </cell>
        </row>
        <row r="2332">
          <cell r="F2332">
            <v>75023</v>
          </cell>
          <cell r="Z2332" t="str">
            <v>LOADSWCH</v>
          </cell>
          <cell r="AN2332" t="str">
            <v>MDO C&amp;M</v>
          </cell>
          <cell r="AO2332" t="str">
            <v>MDO OH/KEN C&amp;M</v>
          </cell>
        </row>
        <row r="2333">
          <cell r="F2333">
            <v>75023</v>
          </cell>
          <cell r="Z2333" t="str">
            <v>LOADSWCH</v>
          </cell>
          <cell r="AN2333" t="str">
            <v>MDO C&amp;M</v>
          </cell>
          <cell r="AO2333" t="str">
            <v>MDO OH/KEN C&amp;M</v>
          </cell>
        </row>
        <row r="2334">
          <cell r="F2334">
            <v>75023</v>
          </cell>
          <cell r="Z2334" t="str">
            <v>LOADSWCH</v>
          </cell>
          <cell r="AN2334" t="str">
            <v>MDO C&amp;M</v>
          </cell>
          <cell r="AO2334" t="str">
            <v>MDO OH/KEN C&amp;M</v>
          </cell>
        </row>
        <row r="2335">
          <cell r="F2335">
            <v>75023</v>
          </cell>
          <cell r="Z2335" t="str">
            <v>LOADSWCH</v>
          </cell>
          <cell r="AN2335" t="str">
            <v>MDO C&amp;M</v>
          </cell>
          <cell r="AO2335" t="str">
            <v>MDO OH/KEN C&amp;M</v>
          </cell>
        </row>
        <row r="2336">
          <cell r="F2336">
            <v>75023</v>
          </cell>
          <cell r="Z2336" t="str">
            <v>LOADSWCH</v>
          </cell>
          <cell r="AN2336" t="str">
            <v>MDO C&amp;M</v>
          </cell>
          <cell r="AO2336" t="str">
            <v>MDO OH/KEN C&amp;M</v>
          </cell>
        </row>
        <row r="2337">
          <cell r="F2337">
            <v>75023</v>
          </cell>
          <cell r="Z2337" t="str">
            <v>LOADSWCH</v>
          </cell>
          <cell r="AN2337" t="str">
            <v>MDO C&amp;M</v>
          </cell>
          <cell r="AO2337" t="str">
            <v>MDO OH/KEN C&amp;M</v>
          </cell>
        </row>
        <row r="2338">
          <cell r="F2338">
            <v>75023</v>
          </cell>
          <cell r="Z2338" t="str">
            <v>LOADSWCH</v>
          </cell>
          <cell r="AN2338" t="str">
            <v>MDO C&amp;M</v>
          </cell>
          <cell r="AO2338" t="str">
            <v>MDO OH/KEN C&amp;M</v>
          </cell>
        </row>
        <row r="2339">
          <cell r="F2339">
            <v>75023</v>
          </cell>
          <cell r="Z2339" t="str">
            <v>LOADSWCH</v>
          </cell>
          <cell r="AN2339" t="str">
            <v>MDO C&amp;M</v>
          </cell>
          <cell r="AO2339" t="str">
            <v>MDO OH/KEN C&amp;M</v>
          </cell>
        </row>
        <row r="2340">
          <cell r="F2340">
            <v>75023</v>
          </cell>
          <cell r="Z2340" t="str">
            <v>LOADSWCH</v>
          </cell>
          <cell r="AN2340" t="str">
            <v>MDO C&amp;M</v>
          </cell>
          <cell r="AO2340" t="str">
            <v>MDO OH/KEN C&amp;M</v>
          </cell>
        </row>
        <row r="2341">
          <cell r="F2341">
            <v>75023</v>
          </cell>
          <cell r="Z2341" t="str">
            <v>LOADSWCH</v>
          </cell>
          <cell r="AN2341" t="str">
            <v>MDO C&amp;M</v>
          </cell>
          <cell r="AO2341" t="str">
            <v>MDO OH/KEN C&amp;M</v>
          </cell>
        </row>
        <row r="2342">
          <cell r="F2342">
            <v>75023</v>
          </cell>
          <cell r="Z2342" t="str">
            <v>LOADSWCH</v>
          </cell>
          <cell r="AN2342" t="str">
            <v>MDO C&amp;M</v>
          </cell>
          <cell r="AO2342" t="str">
            <v>MDO OH/KEN C&amp;M</v>
          </cell>
        </row>
        <row r="2343">
          <cell r="F2343">
            <v>75023</v>
          </cell>
          <cell r="Z2343" t="str">
            <v>LOADSWCH</v>
          </cell>
          <cell r="AN2343" t="str">
            <v>MDO C&amp;M</v>
          </cell>
          <cell r="AO2343" t="str">
            <v>MDO OH/KEN C&amp;M</v>
          </cell>
        </row>
        <row r="2344">
          <cell r="F2344">
            <v>75023</v>
          </cell>
          <cell r="Z2344" t="str">
            <v>LOADSWCH</v>
          </cell>
          <cell r="AN2344" t="str">
            <v>MDO C&amp;M</v>
          </cell>
          <cell r="AO2344" t="str">
            <v>MDO OH/KEN C&amp;M</v>
          </cell>
        </row>
        <row r="2345">
          <cell r="F2345">
            <v>75023</v>
          </cell>
          <cell r="Z2345" t="str">
            <v>LOADSWCH</v>
          </cell>
          <cell r="AN2345" t="str">
            <v>MDO C&amp;M</v>
          </cell>
          <cell r="AO2345" t="str">
            <v>MDO OH/KEN C&amp;M</v>
          </cell>
        </row>
        <row r="2346">
          <cell r="F2346">
            <v>75023</v>
          </cell>
          <cell r="Z2346" t="str">
            <v>LOADSWCH</v>
          </cell>
          <cell r="AN2346" t="str">
            <v>MDO C&amp;M</v>
          </cell>
          <cell r="AO2346" t="str">
            <v>MDO OH/KEN C&amp;M</v>
          </cell>
        </row>
        <row r="2347">
          <cell r="F2347">
            <v>75023</v>
          </cell>
          <cell r="Z2347" t="str">
            <v>LOADSWCH</v>
          </cell>
          <cell r="AN2347" t="str">
            <v>MDO C&amp;M</v>
          </cell>
          <cell r="AO2347" t="str">
            <v>MDO OH/KEN C&amp;M</v>
          </cell>
        </row>
        <row r="2348">
          <cell r="F2348">
            <v>75023</v>
          </cell>
          <cell r="Z2348" t="str">
            <v>LOADSWCH</v>
          </cell>
          <cell r="AN2348" t="str">
            <v>MDO C&amp;M</v>
          </cell>
          <cell r="AO2348" t="str">
            <v>MDO OH/KEN C&amp;M</v>
          </cell>
        </row>
        <row r="2349">
          <cell r="F2349">
            <v>75023</v>
          </cell>
          <cell r="Z2349" t="str">
            <v>LOADSWCH</v>
          </cell>
          <cell r="AN2349" t="str">
            <v>MDO C&amp;M</v>
          </cell>
          <cell r="AO2349" t="str">
            <v>MDO OH/KEN C&amp;M</v>
          </cell>
        </row>
        <row r="2350">
          <cell r="F2350">
            <v>75023</v>
          </cell>
          <cell r="Z2350" t="str">
            <v>LOADSWCH</v>
          </cell>
          <cell r="AN2350" t="str">
            <v>MDO C&amp;M</v>
          </cell>
          <cell r="AO2350" t="str">
            <v>MDO OH/KEN C&amp;M</v>
          </cell>
        </row>
        <row r="2351">
          <cell r="F2351">
            <v>75023</v>
          </cell>
          <cell r="Z2351" t="str">
            <v>LOADSWCH</v>
          </cell>
          <cell r="AN2351" t="str">
            <v>MDO C&amp;M</v>
          </cell>
          <cell r="AO2351" t="str">
            <v>MDO OH/KEN C&amp;M</v>
          </cell>
        </row>
        <row r="2352">
          <cell r="F2352">
            <v>75023</v>
          </cell>
          <cell r="Z2352" t="str">
            <v>LOADSWCH</v>
          </cell>
          <cell r="AN2352" t="str">
            <v>MDO C&amp;M</v>
          </cell>
          <cell r="AO2352" t="str">
            <v>MDO OH/KEN C&amp;M</v>
          </cell>
        </row>
        <row r="2353">
          <cell r="F2353">
            <v>75023</v>
          </cell>
          <cell r="Z2353" t="str">
            <v>LOADSWCH</v>
          </cell>
          <cell r="AN2353" t="str">
            <v>MDO C&amp;M</v>
          </cell>
          <cell r="AO2353" t="str">
            <v>MDO OH/KEN C&amp;M</v>
          </cell>
        </row>
        <row r="2354">
          <cell r="F2354">
            <v>75023</v>
          </cell>
          <cell r="Z2354" t="str">
            <v>LOADSWCH</v>
          </cell>
          <cell r="AN2354" t="str">
            <v>MDO C&amp;M</v>
          </cell>
          <cell r="AO2354" t="str">
            <v>MDO OH/KEN C&amp;M</v>
          </cell>
        </row>
        <row r="2355">
          <cell r="F2355">
            <v>75023</v>
          </cell>
          <cell r="Z2355" t="str">
            <v>LOADSWCH</v>
          </cell>
          <cell r="AN2355" t="str">
            <v>MDO C&amp;M</v>
          </cell>
          <cell r="AO2355" t="str">
            <v>MDO OH/KEN C&amp;M</v>
          </cell>
        </row>
        <row r="2356">
          <cell r="F2356">
            <v>75023</v>
          </cell>
          <cell r="Z2356" t="str">
            <v>LOADSWCH</v>
          </cell>
          <cell r="AN2356" t="str">
            <v>MDO C&amp;M</v>
          </cell>
          <cell r="AO2356" t="str">
            <v>MDO OH/KEN C&amp;M</v>
          </cell>
        </row>
        <row r="2357">
          <cell r="F2357">
            <v>75023</v>
          </cell>
          <cell r="Z2357" t="str">
            <v>LOADSWCH</v>
          </cell>
          <cell r="AN2357" t="str">
            <v>MDO C&amp;M</v>
          </cell>
          <cell r="AO2357" t="str">
            <v>MDO OH/KEN C&amp;M</v>
          </cell>
        </row>
        <row r="2358">
          <cell r="F2358">
            <v>75023</v>
          </cell>
          <cell r="Z2358" t="str">
            <v>LOADSWCH</v>
          </cell>
          <cell r="AN2358" t="str">
            <v>MDO C&amp;M</v>
          </cell>
          <cell r="AO2358" t="str">
            <v>MDO OH/KEN C&amp;M</v>
          </cell>
        </row>
        <row r="2359">
          <cell r="F2359">
            <v>75023</v>
          </cell>
          <cell r="Z2359" t="str">
            <v>LOADSWCH</v>
          </cell>
          <cell r="AN2359" t="str">
            <v>MDO C&amp;M</v>
          </cell>
          <cell r="AO2359" t="str">
            <v>MDO OH/KEN C&amp;M</v>
          </cell>
        </row>
        <row r="2360">
          <cell r="F2360">
            <v>75023</v>
          </cell>
          <cell r="Z2360" t="str">
            <v>LOADSWCH</v>
          </cell>
          <cell r="AN2360" t="str">
            <v>MDO C&amp;M</v>
          </cell>
          <cell r="AO2360" t="str">
            <v>MDO OH/KEN C&amp;M</v>
          </cell>
        </row>
        <row r="2361">
          <cell r="F2361">
            <v>75023</v>
          </cell>
          <cell r="Z2361" t="str">
            <v>LOADSWCH</v>
          </cell>
          <cell r="AN2361" t="str">
            <v>MDO C&amp;M</v>
          </cell>
          <cell r="AO2361" t="str">
            <v>MDO OH/KEN C&amp;M</v>
          </cell>
        </row>
        <row r="2362">
          <cell r="F2362">
            <v>75023</v>
          </cell>
          <cell r="Z2362" t="str">
            <v>LOADSWCH</v>
          </cell>
          <cell r="AN2362" t="str">
            <v>MDO C&amp;M</v>
          </cell>
          <cell r="AO2362" t="str">
            <v>MDO OH/KEN C&amp;M</v>
          </cell>
        </row>
        <row r="2363">
          <cell r="F2363">
            <v>75023</v>
          </cell>
          <cell r="Z2363" t="str">
            <v>LOADSWCH</v>
          </cell>
          <cell r="AN2363" t="str">
            <v>MDO C&amp;M</v>
          </cell>
          <cell r="AO2363" t="str">
            <v>MDO OH/KEN C&amp;M</v>
          </cell>
        </row>
        <row r="2364">
          <cell r="F2364">
            <v>75023</v>
          </cell>
          <cell r="Z2364" t="str">
            <v>LOADSWCH</v>
          </cell>
          <cell r="AN2364" t="str">
            <v>MDO C&amp;M</v>
          </cell>
          <cell r="AO2364" t="str">
            <v>MDO OH/KEN C&amp;M</v>
          </cell>
        </row>
        <row r="2365">
          <cell r="F2365">
            <v>75023</v>
          </cell>
          <cell r="Z2365" t="str">
            <v>LOADSWCH</v>
          </cell>
          <cell r="AN2365" t="str">
            <v>MDO C&amp;M</v>
          </cell>
          <cell r="AO2365" t="str">
            <v>MDO OH/KEN C&amp;M</v>
          </cell>
        </row>
        <row r="2366">
          <cell r="F2366">
            <v>75023</v>
          </cell>
          <cell r="Z2366" t="str">
            <v>LOADSWCH</v>
          </cell>
          <cell r="AN2366" t="str">
            <v>MDO C&amp;M</v>
          </cell>
          <cell r="AO2366" t="str">
            <v>MDO OH/KEN C&amp;M</v>
          </cell>
        </row>
        <row r="2367">
          <cell r="F2367">
            <v>75023</v>
          </cell>
          <cell r="Z2367" t="str">
            <v>LOADSWCH</v>
          </cell>
          <cell r="AN2367" t="str">
            <v>MDO C&amp;M</v>
          </cell>
          <cell r="AO2367" t="str">
            <v>MDO OH/KEN C&amp;M</v>
          </cell>
        </row>
        <row r="2368">
          <cell r="F2368">
            <v>75023</v>
          </cell>
          <cell r="Z2368" t="str">
            <v>LOADSWCH</v>
          </cell>
          <cell r="AN2368" t="str">
            <v>MDO C&amp;M</v>
          </cell>
          <cell r="AO2368" t="str">
            <v>MDO OH/KEN C&amp;M</v>
          </cell>
        </row>
        <row r="2369">
          <cell r="F2369">
            <v>75023</v>
          </cell>
          <cell r="Z2369" t="str">
            <v>LOADSWCH</v>
          </cell>
          <cell r="AN2369" t="str">
            <v>MDO C&amp;M</v>
          </cell>
          <cell r="AO2369" t="str">
            <v>MDO OH/KEN C&amp;M</v>
          </cell>
        </row>
        <row r="2370">
          <cell r="F2370">
            <v>75023</v>
          </cell>
          <cell r="Z2370" t="str">
            <v>LOADSWCH</v>
          </cell>
          <cell r="AN2370" t="str">
            <v>MDO C&amp;M</v>
          </cell>
          <cell r="AO2370" t="str">
            <v>MDO OH/KEN C&amp;M</v>
          </cell>
        </row>
        <row r="2371">
          <cell r="F2371">
            <v>75023</v>
          </cell>
          <cell r="Z2371" t="str">
            <v>LOADSWCH</v>
          </cell>
          <cell r="AN2371" t="str">
            <v>MDO C&amp;M</v>
          </cell>
          <cell r="AO2371" t="str">
            <v>MDO OH/KEN C&amp;M</v>
          </cell>
        </row>
        <row r="2372">
          <cell r="F2372">
            <v>75023</v>
          </cell>
          <cell r="Z2372" t="str">
            <v>LOADSWCH</v>
          </cell>
          <cell r="AN2372" t="str">
            <v>MDO C&amp;M</v>
          </cell>
          <cell r="AO2372" t="str">
            <v>MDO OH/KEN C&amp;M</v>
          </cell>
        </row>
        <row r="2373">
          <cell r="F2373">
            <v>75023</v>
          </cell>
          <cell r="Z2373" t="str">
            <v>LOADSWCH</v>
          </cell>
          <cell r="AN2373" t="str">
            <v>MDO C&amp;M</v>
          </cell>
          <cell r="AO2373" t="str">
            <v>MDO OH/KEN C&amp;M</v>
          </cell>
        </row>
        <row r="2374">
          <cell r="F2374">
            <v>75023</v>
          </cell>
          <cell r="Z2374" t="str">
            <v>LOADSWCH</v>
          </cell>
          <cell r="AN2374" t="str">
            <v>MDO C&amp;M</v>
          </cell>
          <cell r="AO2374" t="str">
            <v>MDO OH/KEN C&amp;M</v>
          </cell>
        </row>
        <row r="2375">
          <cell r="F2375">
            <v>75023</v>
          </cell>
          <cell r="Z2375" t="str">
            <v>LOADSWCH</v>
          </cell>
          <cell r="AN2375" t="str">
            <v>MDO C&amp;M</v>
          </cell>
          <cell r="AO2375" t="str">
            <v>MDO OH/KEN C&amp;M</v>
          </cell>
        </row>
        <row r="2376">
          <cell r="F2376">
            <v>75023</v>
          </cell>
          <cell r="Z2376" t="str">
            <v>LOADSWCH</v>
          </cell>
          <cell r="AN2376" t="str">
            <v>MDO C&amp;M</v>
          </cell>
          <cell r="AO2376" t="str">
            <v>MDO OH/KEN C&amp;M</v>
          </cell>
        </row>
        <row r="2377">
          <cell r="F2377">
            <v>75023</v>
          </cell>
          <cell r="Z2377" t="str">
            <v>LOADSWCH</v>
          </cell>
          <cell r="AN2377" t="str">
            <v>MDO C&amp;M</v>
          </cell>
          <cell r="AO2377" t="str">
            <v>MDO OH/KEN C&amp;M</v>
          </cell>
        </row>
        <row r="2378">
          <cell r="F2378">
            <v>75023</v>
          </cell>
          <cell r="Z2378" t="str">
            <v>LOADSWCH</v>
          </cell>
          <cell r="AN2378" t="str">
            <v>MDO C&amp;M</v>
          </cell>
          <cell r="AO2378" t="str">
            <v>MDO OH/KEN C&amp;M</v>
          </cell>
        </row>
        <row r="2379">
          <cell r="F2379">
            <v>75023</v>
          </cell>
          <cell r="Z2379" t="str">
            <v>LOADSWCH</v>
          </cell>
          <cell r="AN2379" t="str">
            <v>MDO C&amp;M</v>
          </cell>
          <cell r="AO2379" t="str">
            <v>MDO OH/KEN C&amp;M</v>
          </cell>
        </row>
        <row r="2380">
          <cell r="F2380">
            <v>75023</v>
          </cell>
          <cell r="Z2380" t="str">
            <v>LOADSWCH</v>
          </cell>
          <cell r="AN2380" t="str">
            <v>MDO C&amp;M</v>
          </cell>
          <cell r="AO2380" t="str">
            <v>MDO OH/KEN C&amp;M</v>
          </cell>
        </row>
        <row r="2381">
          <cell r="F2381">
            <v>75023</v>
          </cell>
          <cell r="Z2381" t="str">
            <v>LOADSWCH</v>
          </cell>
          <cell r="AN2381" t="str">
            <v>MDO C&amp;M</v>
          </cell>
          <cell r="AO2381" t="str">
            <v>MDO OH/KEN C&amp;M</v>
          </cell>
        </row>
        <row r="2382">
          <cell r="F2382">
            <v>75023</v>
          </cell>
          <cell r="Z2382" t="str">
            <v>LOADSWCH</v>
          </cell>
          <cell r="AN2382" t="str">
            <v>MDO C&amp;M</v>
          </cell>
          <cell r="AO2382" t="str">
            <v>MDO OH/KEN C&amp;M</v>
          </cell>
        </row>
        <row r="2383">
          <cell r="F2383">
            <v>75023</v>
          </cell>
          <cell r="Z2383" t="str">
            <v>LOADSWCH</v>
          </cell>
          <cell r="AN2383" t="str">
            <v>MDO C&amp;M</v>
          </cell>
          <cell r="AO2383" t="str">
            <v>MDO OH/KEN C&amp;M</v>
          </cell>
        </row>
        <row r="2384">
          <cell r="F2384">
            <v>75023</v>
          </cell>
          <cell r="Z2384" t="str">
            <v>LOADSWCH</v>
          </cell>
          <cell r="AN2384" t="str">
            <v>MDO C&amp;M</v>
          </cell>
          <cell r="AO2384" t="str">
            <v>MDO OH/KEN C&amp;M</v>
          </cell>
        </row>
        <row r="2385">
          <cell r="F2385">
            <v>75023</v>
          </cell>
          <cell r="Z2385" t="str">
            <v>LOADSWCH</v>
          </cell>
          <cell r="AN2385" t="str">
            <v>MDO C&amp;M</v>
          </cell>
          <cell r="AO2385" t="str">
            <v>MDO OH/KEN C&amp;M</v>
          </cell>
        </row>
        <row r="2386">
          <cell r="F2386">
            <v>75023</v>
          </cell>
          <cell r="Z2386" t="str">
            <v>LOADSWCH</v>
          </cell>
          <cell r="AN2386" t="str">
            <v>MDO C&amp;M</v>
          </cell>
          <cell r="AO2386" t="str">
            <v>MDO OH/KEN C&amp;M</v>
          </cell>
        </row>
        <row r="2387">
          <cell r="F2387">
            <v>75023</v>
          </cell>
          <cell r="Z2387" t="str">
            <v>LOADSWCH</v>
          </cell>
          <cell r="AN2387" t="str">
            <v>MDO C&amp;M</v>
          </cell>
          <cell r="AO2387" t="str">
            <v>MDO OH/KEN C&amp;M</v>
          </cell>
        </row>
        <row r="2388">
          <cell r="F2388">
            <v>75023</v>
          </cell>
          <cell r="Z2388" t="str">
            <v>LOADSWCH</v>
          </cell>
          <cell r="AN2388" t="str">
            <v>MDO C&amp;M</v>
          </cell>
          <cell r="AO2388" t="str">
            <v>MDO OH/KEN C&amp;M</v>
          </cell>
        </row>
        <row r="2389">
          <cell r="F2389">
            <v>75023</v>
          </cell>
          <cell r="Z2389" t="str">
            <v>LOADSWCH</v>
          </cell>
          <cell r="AN2389" t="str">
            <v>MDO C&amp;M</v>
          </cell>
          <cell r="AO2389" t="str">
            <v>MDO OH/KEN C&amp;M</v>
          </cell>
        </row>
        <row r="2390">
          <cell r="F2390">
            <v>75023</v>
          </cell>
          <cell r="Z2390" t="str">
            <v>LOADSWCH</v>
          </cell>
          <cell r="AN2390" t="str">
            <v>MDO C&amp;M</v>
          </cell>
          <cell r="AO2390" t="str">
            <v>MDO OH/KEN C&amp;M</v>
          </cell>
        </row>
        <row r="2391">
          <cell r="F2391">
            <v>75023</v>
          </cell>
          <cell r="Z2391" t="str">
            <v>LOADSWCH</v>
          </cell>
          <cell r="AN2391" t="str">
            <v>MDO C&amp;M</v>
          </cell>
          <cell r="AO2391" t="str">
            <v>MDO OH/KEN C&amp;M</v>
          </cell>
        </row>
        <row r="2392">
          <cell r="F2392">
            <v>75023</v>
          </cell>
          <cell r="Z2392" t="str">
            <v>LOADSWCH</v>
          </cell>
          <cell r="AN2392" t="str">
            <v>MDO C&amp;M</v>
          </cell>
          <cell r="AO2392" t="str">
            <v>MDO OH/KEN C&amp;M</v>
          </cell>
        </row>
        <row r="2393">
          <cell r="F2393">
            <v>75023</v>
          </cell>
          <cell r="Z2393" t="str">
            <v>LOADSWCH</v>
          </cell>
          <cell r="AN2393" t="str">
            <v>MDO C&amp;M</v>
          </cell>
          <cell r="AO2393" t="str">
            <v>MDO OH/KEN C&amp;M</v>
          </cell>
        </row>
        <row r="2394">
          <cell r="F2394">
            <v>75023</v>
          </cell>
          <cell r="Z2394" t="str">
            <v>LOADSWCH</v>
          </cell>
          <cell r="AN2394" t="str">
            <v>MDO C&amp;M</v>
          </cell>
          <cell r="AO2394" t="str">
            <v>MDO OH/KEN C&amp;M</v>
          </cell>
        </row>
        <row r="2395">
          <cell r="F2395">
            <v>75023</v>
          </cell>
          <cell r="Z2395" t="str">
            <v>LOADSWCH</v>
          </cell>
          <cell r="AN2395" t="str">
            <v>MDO C&amp;M</v>
          </cell>
          <cell r="AO2395" t="str">
            <v>MDO OH/KEN C&amp;M</v>
          </cell>
        </row>
        <row r="2396">
          <cell r="F2396">
            <v>75023</v>
          </cell>
          <cell r="Z2396" t="str">
            <v>LOADSWCH</v>
          </cell>
          <cell r="AN2396" t="str">
            <v>MDO C&amp;M</v>
          </cell>
          <cell r="AO2396" t="str">
            <v>MDO OH/KEN C&amp;M</v>
          </cell>
        </row>
        <row r="2397">
          <cell r="F2397">
            <v>75023</v>
          </cell>
          <cell r="Z2397" t="str">
            <v>LOADSWCH</v>
          </cell>
          <cell r="AN2397" t="str">
            <v>MDO C&amp;M</v>
          </cell>
          <cell r="AO2397" t="str">
            <v>MDO OH/KEN C&amp;M</v>
          </cell>
        </row>
        <row r="2398">
          <cell r="F2398">
            <v>75023</v>
          </cell>
          <cell r="Z2398" t="str">
            <v>LOADSWCH</v>
          </cell>
          <cell r="AN2398" t="str">
            <v>MDO C&amp;M</v>
          </cell>
          <cell r="AO2398" t="str">
            <v>MDO OH/KEN C&amp;M</v>
          </cell>
        </row>
        <row r="2399">
          <cell r="F2399">
            <v>75023</v>
          </cell>
          <cell r="Z2399" t="str">
            <v>LOADSWCH</v>
          </cell>
          <cell r="AN2399" t="str">
            <v>MDO C&amp;M</v>
          </cell>
          <cell r="AO2399" t="str">
            <v>MDO OH/KEN C&amp;M</v>
          </cell>
        </row>
        <row r="2400">
          <cell r="F2400">
            <v>75023</v>
          </cell>
          <cell r="Z2400" t="str">
            <v>LOADSWCH</v>
          </cell>
          <cell r="AN2400" t="str">
            <v>MDO C&amp;M</v>
          </cell>
          <cell r="AO2400" t="str">
            <v>MDO OH/KEN C&amp;M</v>
          </cell>
        </row>
        <row r="2401">
          <cell r="F2401">
            <v>75084</v>
          </cell>
          <cell r="Z2401" t="str">
            <v>LOADSWCH</v>
          </cell>
          <cell r="AN2401" t="str">
            <v>MDO C&amp;M</v>
          </cell>
          <cell r="AO2401" t="str">
            <v>MDO OH/KEN C&amp;M</v>
          </cell>
        </row>
        <row r="2402">
          <cell r="F2402">
            <v>75084</v>
          </cell>
          <cell r="Z2402" t="str">
            <v>LOADSWCH</v>
          </cell>
          <cell r="AN2402" t="str">
            <v>MDO C&amp;M</v>
          </cell>
          <cell r="AO2402" t="str">
            <v>MDO OH/KEN C&amp;M</v>
          </cell>
        </row>
        <row r="2403">
          <cell r="F2403">
            <v>75084</v>
          </cell>
          <cell r="Z2403" t="str">
            <v>LOADSWCH</v>
          </cell>
          <cell r="AN2403" t="str">
            <v>MDO C&amp;M</v>
          </cell>
          <cell r="AO2403" t="str">
            <v>MDO OH/KEN C&amp;M</v>
          </cell>
        </row>
        <row r="2404">
          <cell r="F2404">
            <v>75084</v>
          </cell>
          <cell r="Z2404" t="str">
            <v>LOADSWCH</v>
          </cell>
          <cell r="AN2404" t="str">
            <v>MDO C&amp;M</v>
          </cell>
          <cell r="AO2404" t="str">
            <v>MDO OH/KEN C&amp;M</v>
          </cell>
        </row>
        <row r="2405">
          <cell r="F2405">
            <v>75084</v>
          </cell>
          <cell r="Z2405" t="str">
            <v>LOADSWCH</v>
          </cell>
          <cell r="AN2405" t="str">
            <v>MDO C&amp;M</v>
          </cell>
          <cell r="AO2405" t="str">
            <v>MDO OH/KEN C&amp;M</v>
          </cell>
        </row>
        <row r="2406">
          <cell r="F2406">
            <v>75084</v>
          </cell>
          <cell r="Z2406" t="str">
            <v>LOADSWCH</v>
          </cell>
          <cell r="AN2406" t="str">
            <v>MDO C&amp;M</v>
          </cell>
          <cell r="AO2406" t="str">
            <v>MDO OH/KEN C&amp;M</v>
          </cell>
        </row>
        <row r="2407">
          <cell r="F2407">
            <v>75084</v>
          </cell>
          <cell r="Z2407" t="str">
            <v>LOADSWCH</v>
          </cell>
          <cell r="AN2407" t="str">
            <v>MDO C&amp;M</v>
          </cell>
          <cell r="AO2407" t="str">
            <v>MDO OH/KEN C&amp;M</v>
          </cell>
        </row>
        <row r="2408">
          <cell r="F2408">
            <v>75084</v>
          </cell>
          <cell r="Z2408" t="str">
            <v>LOADSWCH</v>
          </cell>
          <cell r="AN2408" t="str">
            <v>MDO C&amp;M</v>
          </cell>
          <cell r="AO2408" t="str">
            <v>MDO OH/KEN C&amp;M</v>
          </cell>
        </row>
        <row r="2409">
          <cell r="F2409">
            <v>75084</v>
          </cell>
          <cell r="Z2409" t="str">
            <v>LOADSWCH</v>
          </cell>
          <cell r="AN2409" t="str">
            <v>MDO C&amp;M</v>
          </cell>
          <cell r="AO2409" t="str">
            <v>MDO OH/KEN C&amp;M</v>
          </cell>
        </row>
        <row r="2410">
          <cell r="F2410">
            <v>75084</v>
          </cell>
          <cell r="Z2410" t="str">
            <v>LOADSWCH</v>
          </cell>
          <cell r="AN2410" t="str">
            <v>MDO C&amp;M</v>
          </cell>
          <cell r="AO2410" t="str">
            <v>MDO OH/KEN C&amp;M</v>
          </cell>
        </row>
        <row r="2411">
          <cell r="F2411">
            <v>75084</v>
          </cell>
          <cell r="Z2411" t="str">
            <v>LOADSWCH</v>
          </cell>
          <cell r="AN2411" t="str">
            <v>MDO C&amp;M</v>
          </cell>
          <cell r="AO2411" t="str">
            <v>MDO OH/KEN C&amp;M</v>
          </cell>
        </row>
        <row r="2412">
          <cell r="F2412">
            <v>75084</v>
          </cell>
          <cell r="Z2412" t="str">
            <v>LOADSWCH</v>
          </cell>
          <cell r="AN2412" t="str">
            <v>MDO C&amp;M</v>
          </cell>
          <cell r="AO2412" t="str">
            <v>MDO OH/KEN C&amp;M</v>
          </cell>
        </row>
        <row r="2413">
          <cell r="F2413">
            <v>75084</v>
          </cell>
          <cell r="Z2413" t="str">
            <v>LOADSWCH</v>
          </cell>
          <cell r="AN2413" t="str">
            <v>MDO C&amp;M</v>
          </cell>
          <cell r="AO2413" t="str">
            <v>MDO OH/KEN C&amp;M</v>
          </cell>
        </row>
        <row r="2414">
          <cell r="F2414">
            <v>75084</v>
          </cell>
          <cell r="Z2414" t="str">
            <v>LOADSWCH</v>
          </cell>
          <cell r="AN2414" t="str">
            <v>MDO C&amp;M</v>
          </cell>
          <cell r="AO2414" t="str">
            <v>MDO OH/KEN C&amp;M</v>
          </cell>
        </row>
        <row r="2415">
          <cell r="F2415">
            <v>75084</v>
          </cell>
          <cell r="Z2415" t="str">
            <v>LOADSWCH</v>
          </cell>
          <cell r="AN2415" t="str">
            <v>MDO C&amp;M</v>
          </cell>
          <cell r="AO2415" t="str">
            <v>MDO OH/KEN C&amp;M</v>
          </cell>
        </row>
        <row r="2416">
          <cell r="F2416">
            <v>75084</v>
          </cell>
          <cell r="Z2416" t="str">
            <v>LOADSWCH</v>
          </cell>
          <cell r="AN2416" t="str">
            <v>MDO C&amp;M</v>
          </cell>
          <cell r="AO2416" t="str">
            <v>MDO OH/KEN C&amp;M</v>
          </cell>
        </row>
        <row r="2417">
          <cell r="F2417">
            <v>75115</v>
          </cell>
          <cell r="Z2417" t="str">
            <v>LOADSWCH</v>
          </cell>
          <cell r="AN2417" t="str">
            <v>MDO C&amp;M</v>
          </cell>
          <cell r="AO2417" t="str">
            <v>MDO INDIANA SOUTHWEST C&amp;M</v>
          </cell>
        </row>
        <row r="2418">
          <cell r="F2418">
            <v>75115</v>
          </cell>
          <cell r="Z2418" t="str">
            <v>LOADSWCH</v>
          </cell>
          <cell r="AN2418" t="str">
            <v>MDO C&amp;M</v>
          </cell>
          <cell r="AO2418" t="str">
            <v>MDO INDIANA SOUTHWEST C&amp;M</v>
          </cell>
        </row>
        <row r="2419">
          <cell r="F2419">
            <v>75115</v>
          </cell>
          <cell r="Z2419" t="str">
            <v>LOADSWCH</v>
          </cell>
          <cell r="AN2419" t="str">
            <v>MDO C&amp;M</v>
          </cell>
          <cell r="AO2419" t="str">
            <v>MDO INDIANA SOUTHWEST C&amp;M</v>
          </cell>
        </row>
        <row r="2420">
          <cell r="F2420">
            <v>75115</v>
          </cell>
          <cell r="Z2420" t="str">
            <v>LOADSWCH</v>
          </cell>
          <cell r="AN2420" t="str">
            <v>MDO C&amp;M</v>
          </cell>
          <cell r="AO2420" t="str">
            <v>MDO INDIANA SOUTHWEST C&amp;M</v>
          </cell>
        </row>
        <row r="2421">
          <cell r="F2421">
            <v>75115</v>
          </cell>
          <cell r="Z2421" t="str">
            <v>LOADSWCH</v>
          </cell>
          <cell r="AN2421" t="str">
            <v>MDO C&amp;M</v>
          </cell>
          <cell r="AO2421" t="str">
            <v>MDO INDIANA SOUTHWEST C&amp;M</v>
          </cell>
        </row>
        <row r="2422">
          <cell r="F2422">
            <v>75115</v>
          </cell>
          <cell r="Z2422" t="str">
            <v>LOADSWCH</v>
          </cell>
          <cell r="AN2422" t="str">
            <v>MDO C&amp;M</v>
          </cell>
          <cell r="AO2422" t="str">
            <v>MDO INDIANA SOUTHWEST C&amp;M</v>
          </cell>
        </row>
        <row r="2423">
          <cell r="F2423">
            <v>75115</v>
          </cell>
          <cell r="Z2423" t="str">
            <v>LOADSWCH</v>
          </cell>
          <cell r="AN2423" t="str">
            <v>MDO C&amp;M</v>
          </cell>
          <cell r="AO2423" t="str">
            <v>MDO INDIANA SOUTHWEST C&amp;M</v>
          </cell>
        </row>
        <row r="2424">
          <cell r="F2424">
            <v>75115</v>
          </cell>
          <cell r="Z2424" t="str">
            <v>LOADSWCH</v>
          </cell>
          <cell r="AN2424" t="str">
            <v>MDO C&amp;M</v>
          </cell>
          <cell r="AO2424" t="str">
            <v>MDO INDIANA SOUTHWEST C&amp;M</v>
          </cell>
        </row>
        <row r="2425">
          <cell r="F2425">
            <v>75115</v>
          </cell>
          <cell r="Z2425" t="str">
            <v>LOADSWCH</v>
          </cell>
          <cell r="AN2425" t="str">
            <v>MDO C&amp;M</v>
          </cell>
          <cell r="AO2425" t="str">
            <v>MDO INDIANA SOUTHWEST C&amp;M</v>
          </cell>
        </row>
        <row r="2426">
          <cell r="F2426">
            <v>75115</v>
          </cell>
          <cell r="Z2426" t="str">
            <v>LOADSWCH</v>
          </cell>
          <cell r="AN2426" t="str">
            <v>MDO C&amp;M</v>
          </cell>
          <cell r="AO2426" t="str">
            <v>MDO INDIANA SOUTHWEST C&amp;M</v>
          </cell>
        </row>
        <row r="2427">
          <cell r="F2427">
            <v>75115</v>
          </cell>
          <cell r="Z2427" t="str">
            <v>LOADSWCH</v>
          </cell>
          <cell r="AN2427" t="str">
            <v>MDO C&amp;M</v>
          </cell>
          <cell r="AO2427" t="str">
            <v>MDO INDIANA SOUTHWEST C&amp;M</v>
          </cell>
        </row>
        <row r="2428">
          <cell r="F2428">
            <v>75115</v>
          </cell>
          <cell r="Z2428" t="str">
            <v>LOADSWCH</v>
          </cell>
          <cell r="AN2428" t="str">
            <v>MDO C&amp;M</v>
          </cell>
          <cell r="AO2428" t="str">
            <v>MDO INDIANA SOUTHWEST C&amp;M</v>
          </cell>
        </row>
        <row r="2429">
          <cell r="F2429">
            <v>75115</v>
          </cell>
          <cell r="Z2429" t="str">
            <v>LOADSWCH</v>
          </cell>
          <cell r="AN2429" t="str">
            <v>MDO C&amp;M</v>
          </cell>
          <cell r="AO2429" t="str">
            <v>MDO INDIANA SOUTHWEST C&amp;M</v>
          </cell>
        </row>
        <row r="2430">
          <cell r="F2430">
            <v>75115</v>
          </cell>
          <cell r="Z2430" t="str">
            <v>LOADSWCH</v>
          </cell>
          <cell r="AN2430" t="str">
            <v>MDO C&amp;M</v>
          </cell>
          <cell r="AO2430" t="str">
            <v>MDO INDIANA SOUTHWEST C&amp;M</v>
          </cell>
        </row>
        <row r="2431">
          <cell r="F2431">
            <v>75115</v>
          </cell>
          <cell r="Z2431" t="str">
            <v>LOADSWCH</v>
          </cell>
          <cell r="AN2431" t="str">
            <v>MDO C&amp;M</v>
          </cell>
          <cell r="AO2431" t="str">
            <v>MDO INDIANA SOUTHWEST C&amp;M</v>
          </cell>
        </row>
        <row r="2432">
          <cell r="F2432">
            <v>75115</v>
          </cell>
          <cell r="Z2432" t="str">
            <v>LOADSWCH</v>
          </cell>
          <cell r="AN2432" t="str">
            <v>MDO C&amp;M</v>
          </cell>
          <cell r="AO2432" t="str">
            <v>MDO INDIANA SOUTHWEST C&amp;M</v>
          </cell>
        </row>
        <row r="2433">
          <cell r="F2433">
            <v>75115</v>
          </cell>
          <cell r="Z2433" t="str">
            <v>LOADSWCH</v>
          </cell>
          <cell r="AN2433" t="str">
            <v>MDO C&amp;M</v>
          </cell>
          <cell r="AO2433" t="str">
            <v>MDO INDIANA SOUTHWEST C&amp;M</v>
          </cell>
        </row>
        <row r="2434">
          <cell r="F2434">
            <v>75115</v>
          </cell>
          <cell r="Z2434" t="str">
            <v>LOADSWCH</v>
          </cell>
          <cell r="AN2434" t="str">
            <v>MDO C&amp;M</v>
          </cell>
          <cell r="AO2434" t="str">
            <v>MDO INDIANA SOUTHWEST C&amp;M</v>
          </cell>
        </row>
        <row r="2435">
          <cell r="F2435">
            <v>75115</v>
          </cell>
          <cell r="Z2435" t="str">
            <v>LOADSWCH</v>
          </cell>
          <cell r="AN2435" t="str">
            <v>MDO C&amp;M</v>
          </cell>
          <cell r="AO2435" t="str">
            <v>MDO INDIANA SOUTHWEST C&amp;M</v>
          </cell>
        </row>
        <row r="2436">
          <cell r="F2436">
            <v>75115</v>
          </cell>
          <cell r="Z2436" t="str">
            <v>LOADSWCH</v>
          </cell>
          <cell r="AN2436" t="str">
            <v>MDO C&amp;M</v>
          </cell>
          <cell r="AO2436" t="str">
            <v>MDO INDIANA SOUTHWEST C&amp;M</v>
          </cell>
        </row>
        <row r="2437">
          <cell r="F2437">
            <v>75115</v>
          </cell>
          <cell r="Z2437" t="str">
            <v>LOADSWCH</v>
          </cell>
          <cell r="AN2437" t="str">
            <v>MDO C&amp;M</v>
          </cell>
          <cell r="AO2437" t="str">
            <v>MDO INDIANA SOUTHWEST C&amp;M</v>
          </cell>
        </row>
        <row r="2438">
          <cell r="F2438">
            <v>75115</v>
          </cell>
          <cell r="Z2438" t="str">
            <v>LOADSWCH</v>
          </cell>
          <cell r="AN2438" t="str">
            <v>MDO C&amp;M</v>
          </cell>
          <cell r="AO2438" t="str">
            <v>MDO INDIANA SOUTHWEST C&amp;M</v>
          </cell>
        </row>
        <row r="2439">
          <cell r="F2439">
            <v>75115</v>
          </cell>
          <cell r="Z2439" t="str">
            <v>LOADSWCH</v>
          </cell>
          <cell r="AN2439" t="str">
            <v>MDO C&amp;M</v>
          </cell>
          <cell r="AO2439" t="str">
            <v>MDO INDIANA SOUTHWEST C&amp;M</v>
          </cell>
        </row>
        <row r="2440">
          <cell r="F2440">
            <v>75115</v>
          </cell>
          <cell r="Z2440" t="str">
            <v>LOADSWCH</v>
          </cell>
          <cell r="AN2440" t="str">
            <v>MDO C&amp;M</v>
          </cell>
          <cell r="AO2440" t="str">
            <v>MDO INDIANA SOUTHWEST C&amp;M</v>
          </cell>
        </row>
        <row r="2441">
          <cell r="F2441">
            <v>75115</v>
          </cell>
          <cell r="Z2441" t="str">
            <v>LOADSWCH</v>
          </cell>
          <cell r="AN2441" t="str">
            <v>MDO C&amp;M</v>
          </cell>
          <cell r="AO2441" t="str">
            <v>MDO INDIANA SOUTHWEST C&amp;M</v>
          </cell>
        </row>
        <row r="2442">
          <cell r="F2442">
            <v>75115</v>
          </cell>
          <cell r="Z2442" t="str">
            <v>LOADSWCH</v>
          </cell>
          <cell r="AN2442" t="str">
            <v>MDO C&amp;M</v>
          </cell>
          <cell r="AO2442" t="str">
            <v>MDO INDIANA SOUTHWEST C&amp;M</v>
          </cell>
        </row>
        <row r="2443">
          <cell r="F2443">
            <v>75115</v>
          </cell>
          <cell r="Z2443" t="str">
            <v>LOADSWCH</v>
          </cell>
          <cell r="AN2443" t="str">
            <v>MDO C&amp;M</v>
          </cell>
          <cell r="AO2443" t="str">
            <v>MDO INDIANA SOUTHWEST C&amp;M</v>
          </cell>
        </row>
        <row r="2444">
          <cell r="F2444">
            <v>75115</v>
          </cell>
          <cell r="Z2444" t="str">
            <v>LOADSWCH</v>
          </cell>
          <cell r="AN2444" t="str">
            <v>MDO C&amp;M</v>
          </cell>
          <cell r="AO2444" t="str">
            <v>MDO INDIANA SOUTHWEST C&amp;M</v>
          </cell>
        </row>
        <row r="2445">
          <cell r="F2445">
            <v>75115</v>
          </cell>
          <cell r="Z2445" t="str">
            <v>LOADSWCH</v>
          </cell>
          <cell r="AN2445" t="str">
            <v>MDO C&amp;M</v>
          </cell>
          <cell r="AO2445" t="str">
            <v>MDO INDIANA SOUTHWEST C&amp;M</v>
          </cell>
        </row>
        <row r="2446">
          <cell r="F2446">
            <v>75115</v>
          </cell>
          <cell r="Z2446" t="str">
            <v>LOADSWCH</v>
          </cell>
          <cell r="AN2446" t="str">
            <v>MDO C&amp;M</v>
          </cell>
          <cell r="AO2446" t="str">
            <v>MDO INDIANA SOUTHWEST C&amp;M</v>
          </cell>
        </row>
        <row r="2447">
          <cell r="F2447">
            <v>75115</v>
          </cell>
          <cell r="Z2447" t="str">
            <v>LOADSWCH</v>
          </cell>
          <cell r="AN2447" t="str">
            <v>MDO C&amp;M</v>
          </cell>
          <cell r="AO2447" t="str">
            <v>MDO INDIANA SOUTHWEST C&amp;M</v>
          </cell>
        </row>
        <row r="2448">
          <cell r="F2448">
            <v>75115</v>
          </cell>
          <cell r="Z2448" t="str">
            <v>LOADSWCH</v>
          </cell>
          <cell r="AN2448" t="str">
            <v>MDO C&amp;M</v>
          </cell>
          <cell r="AO2448" t="str">
            <v>MDO INDIANA SOUTHWEST C&amp;M</v>
          </cell>
        </row>
        <row r="2449">
          <cell r="F2449">
            <v>75115</v>
          </cell>
          <cell r="Z2449" t="str">
            <v>LOADSWCH</v>
          </cell>
          <cell r="AN2449" t="str">
            <v>MDO C&amp;M</v>
          </cell>
          <cell r="AO2449" t="str">
            <v>MDO INDIANA SOUTHWEST C&amp;M</v>
          </cell>
        </row>
        <row r="2450">
          <cell r="F2450">
            <v>75115</v>
          </cell>
          <cell r="Z2450" t="str">
            <v>LOADSWCH</v>
          </cell>
          <cell r="AN2450" t="str">
            <v>MDO C&amp;M</v>
          </cell>
          <cell r="AO2450" t="str">
            <v>MDO INDIANA SOUTHWEST C&amp;M</v>
          </cell>
        </row>
        <row r="2451">
          <cell r="F2451">
            <v>75115</v>
          </cell>
          <cell r="Z2451" t="str">
            <v>LOADSWCH</v>
          </cell>
          <cell r="AN2451" t="str">
            <v>MDO C&amp;M</v>
          </cell>
          <cell r="AO2451" t="str">
            <v>MDO INDIANA SOUTHWEST C&amp;M</v>
          </cell>
        </row>
        <row r="2452">
          <cell r="F2452">
            <v>75115</v>
          </cell>
          <cell r="Z2452" t="str">
            <v>LOADSWCH</v>
          </cell>
          <cell r="AN2452" t="str">
            <v>MDO C&amp;M</v>
          </cell>
          <cell r="AO2452" t="str">
            <v>MDO INDIANA SOUTHWEST C&amp;M</v>
          </cell>
        </row>
        <row r="2453">
          <cell r="F2453">
            <v>75115</v>
          </cell>
          <cell r="Z2453" t="str">
            <v>LOADSWCH</v>
          </cell>
          <cell r="AN2453" t="str">
            <v>MDO C&amp;M</v>
          </cell>
          <cell r="AO2453" t="str">
            <v>MDO INDIANA SOUTHWEST C&amp;M</v>
          </cell>
        </row>
        <row r="2454">
          <cell r="F2454">
            <v>75115</v>
          </cell>
          <cell r="Z2454" t="str">
            <v>LOADSWCH</v>
          </cell>
          <cell r="AN2454" t="str">
            <v>MDO C&amp;M</v>
          </cell>
          <cell r="AO2454" t="str">
            <v>MDO INDIANA SOUTHWEST C&amp;M</v>
          </cell>
        </row>
        <row r="2455">
          <cell r="F2455">
            <v>75115</v>
          </cell>
          <cell r="Z2455" t="str">
            <v>LOADSWCH</v>
          </cell>
          <cell r="AN2455" t="str">
            <v>MDO C&amp;M</v>
          </cell>
          <cell r="AO2455" t="str">
            <v>MDO INDIANA SOUTHWEST C&amp;M</v>
          </cell>
        </row>
        <row r="2456">
          <cell r="F2456">
            <v>75115</v>
          </cell>
          <cell r="Z2456" t="str">
            <v>LOADSWCH</v>
          </cell>
          <cell r="AN2456" t="str">
            <v>MDO C&amp;M</v>
          </cell>
          <cell r="AO2456" t="str">
            <v>MDO INDIANA SOUTHWEST C&amp;M</v>
          </cell>
        </row>
        <row r="2457">
          <cell r="F2457">
            <v>75115</v>
          </cell>
          <cell r="Z2457" t="str">
            <v>LOADSWCH</v>
          </cell>
          <cell r="AN2457" t="str">
            <v>MDO C&amp;M</v>
          </cell>
          <cell r="AO2457" t="str">
            <v>MDO INDIANA SOUTHWEST C&amp;M</v>
          </cell>
        </row>
        <row r="2458">
          <cell r="F2458">
            <v>75115</v>
          </cell>
          <cell r="Z2458" t="str">
            <v>LOADSWCH</v>
          </cell>
          <cell r="AN2458" t="str">
            <v>MDO C&amp;M</v>
          </cell>
          <cell r="AO2458" t="str">
            <v>MDO INDIANA SOUTHWEST C&amp;M</v>
          </cell>
        </row>
        <row r="2459">
          <cell r="F2459">
            <v>75115</v>
          </cell>
          <cell r="Z2459" t="str">
            <v>LOADSWCH</v>
          </cell>
          <cell r="AN2459" t="str">
            <v>MDO C&amp;M</v>
          </cell>
          <cell r="AO2459" t="str">
            <v>MDO INDIANA SOUTHWEST C&amp;M</v>
          </cell>
        </row>
        <row r="2460">
          <cell r="F2460">
            <v>75115</v>
          </cell>
          <cell r="Z2460" t="str">
            <v>LOADSWCH</v>
          </cell>
          <cell r="AN2460" t="str">
            <v>MDO C&amp;M</v>
          </cell>
          <cell r="AO2460" t="str">
            <v>MDO INDIANA SOUTHWEST C&amp;M</v>
          </cell>
        </row>
        <row r="2461">
          <cell r="F2461">
            <v>75115</v>
          </cell>
          <cell r="Z2461" t="str">
            <v>LOADSWCH</v>
          </cell>
          <cell r="AN2461" t="str">
            <v>MDO C&amp;M</v>
          </cell>
          <cell r="AO2461" t="str">
            <v>MDO INDIANA SOUTHWEST C&amp;M</v>
          </cell>
        </row>
        <row r="2462">
          <cell r="F2462">
            <v>75115</v>
          </cell>
          <cell r="Z2462" t="str">
            <v>LOADSWCH</v>
          </cell>
          <cell r="AN2462" t="str">
            <v>MDO C&amp;M</v>
          </cell>
          <cell r="AO2462" t="str">
            <v>MDO INDIANA SOUTHWEST C&amp;M</v>
          </cell>
        </row>
        <row r="2463">
          <cell r="F2463">
            <v>75115</v>
          </cell>
          <cell r="Z2463" t="str">
            <v>LOADSWCH</v>
          </cell>
          <cell r="AN2463" t="str">
            <v>MDO C&amp;M</v>
          </cell>
          <cell r="AO2463" t="str">
            <v>MDO INDIANA SOUTHWEST C&amp;M</v>
          </cell>
        </row>
        <row r="2464">
          <cell r="F2464">
            <v>75115</v>
          </cell>
          <cell r="Z2464" t="str">
            <v>LOADSWCH</v>
          </cell>
          <cell r="AN2464" t="str">
            <v>MDO C&amp;M</v>
          </cell>
          <cell r="AO2464" t="str">
            <v>MDO INDIANA SOUTHWEST C&amp;M</v>
          </cell>
        </row>
        <row r="2465">
          <cell r="F2465">
            <v>75115</v>
          </cell>
          <cell r="Z2465" t="str">
            <v>LOADSWCH</v>
          </cell>
          <cell r="AN2465" t="str">
            <v>MDO C&amp;M</v>
          </cell>
          <cell r="AO2465" t="str">
            <v>MDO INDIANA SOUTHWEST C&amp;M</v>
          </cell>
        </row>
        <row r="2466">
          <cell r="F2466">
            <v>75115</v>
          </cell>
          <cell r="Z2466" t="str">
            <v>LOADSWCH</v>
          </cell>
          <cell r="AN2466" t="str">
            <v>MDO C&amp;M</v>
          </cell>
          <cell r="AO2466" t="str">
            <v>MDO INDIANA SOUTHWEST C&amp;M</v>
          </cell>
        </row>
        <row r="2467">
          <cell r="F2467">
            <v>75115</v>
          </cell>
          <cell r="Z2467" t="str">
            <v>LOADSWCH</v>
          </cell>
          <cell r="AN2467" t="str">
            <v>MDO C&amp;M</v>
          </cell>
          <cell r="AO2467" t="str">
            <v>MDO INDIANA SOUTHWEST C&amp;M</v>
          </cell>
        </row>
        <row r="2468">
          <cell r="F2468">
            <v>75115</v>
          </cell>
          <cell r="Z2468" t="str">
            <v>LOADSWCH</v>
          </cell>
          <cell r="AN2468" t="str">
            <v>MDO C&amp;M</v>
          </cell>
          <cell r="AO2468" t="str">
            <v>MDO INDIANA SOUTHWEST C&amp;M</v>
          </cell>
        </row>
        <row r="2469">
          <cell r="F2469">
            <v>75115</v>
          </cell>
          <cell r="Z2469" t="str">
            <v>LOADSWCH</v>
          </cell>
          <cell r="AN2469" t="str">
            <v>MDO C&amp;M</v>
          </cell>
          <cell r="AO2469" t="str">
            <v>MDO INDIANA SOUTHWEST C&amp;M</v>
          </cell>
        </row>
        <row r="2470">
          <cell r="F2470">
            <v>75115</v>
          </cell>
          <cell r="Z2470" t="str">
            <v>LOADSWCH</v>
          </cell>
          <cell r="AN2470" t="str">
            <v>MDO C&amp;M</v>
          </cell>
          <cell r="AO2470" t="str">
            <v>MDO INDIANA SOUTHWEST C&amp;M</v>
          </cell>
        </row>
        <row r="2471">
          <cell r="F2471">
            <v>75115</v>
          </cell>
          <cell r="Z2471" t="str">
            <v>LOADSWCH</v>
          </cell>
          <cell r="AN2471" t="str">
            <v>MDO C&amp;M</v>
          </cell>
          <cell r="AO2471" t="str">
            <v>MDO INDIANA SOUTHWEST C&amp;M</v>
          </cell>
        </row>
        <row r="2472">
          <cell r="F2472">
            <v>75115</v>
          </cell>
          <cell r="Z2472" t="str">
            <v>LOADSWCH</v>
          </cell>
          <cell r="AN2472" t="str">
            <v>MDO C&amp;M</v>
          </cell>
          <cell r="AO2472" t="str">
            <v>MDO INDIANA SOUTHWEST C&amp;M</v>
          </cell>
        </row>
        <row r="2473">
          <cell r="F2473">
            <v>75115</v>
          </cell>
          <cell r="Z2473" t="str">
            <v>LOADSWCH</v>
          </cell>
          <cell r="AN2473" t="str">
            <v>MDO C&amp;M</v>
          </cell>
          <cell r="AO2473" t="str">
            <v>MDO INDIANA SOUTHWEST C&amp;M</v>
          </cell>
        </row>
        <row r="2474">
          <cell r="F2474">
            <v>75115</v>
          </cell>
          <cell r="Z2474" t="str">
            <v>LOADSWCH</v>
          </cell>
          <cell r="AN2474" t="str">
            <v>MDO C&amp;M</v>
          </cell>
          <cell r="AO2474" t="str">
            <v>MDO INDIANA SOUTHWEST C&amp;M</v>
          </cell>
        </row>
        <row r="2475">
          <cell r="F2475">
            <v>75115</v>
          </cell>
          <cell r="Z2475" t="str">
            <v>LOADSWCH</v>
          </cell>
          <cell r="AN2475" t="str">
            <v>MDO C&amp;M</v>
          </cell>
          <cell r="AO2475" t="str">
            <v>MDO INDIANA SOUTHWEST C&amp;M</v>
          </cell>
        </row>
        <row r="2476">
          <cell r="F2476">
            <v>75115</v>
          </cell>
          <cell r="Z2476" t="str">
            <v>LOADSWCH</v>
          </cell>
          <cell r="AN2476" t="str">
            <v>MDO C&amp;M</v>
          </cell>
          <cell r="AO2476" t="str">
            <v>MDO INDIANA SOUTHWEST C&amp;M</v>
          </cell>
        </row>
        <row r="2477">
          <cell r="F2477">
            <v>75115</v>
          </cell>
          <cell r="Z2477" t="str">
            <v>LOADSWCH</v>
          </cell>
          <cell r="AN2477" t="str">
            <v>MDO C&amp;M</v>
          </cell>
          <cell r="AO2477" t="str">
            <v>MDO INDIANA SOUTHWEST C&amp;M</v>
          </cell>
        </row>
        <row r="2478">
          <cell r="F2478">
            <v>75115</v>
          </cell>
          <cell r="Z2478" t="str">
            <v>LOADSWCH</v>
          </cell>
          <cell r="AN2478" t="str">
            <v>MDO C&amp;M</v>
          </cell>
          <cell r="AO2478" t="str">
            <v>MDO INDIANA SOUTHWEST C&amp;M</v>
          </cell>
        </row>
        <row r="2479">
          <cell r="F2479">
            <v>75115</v>
          </cell>
          <cell r="Z2479" t="str">
            <v>LOADSWCH</v>
          </cell>
          <cell r="AN2479" t="str">
            <v>MDO C&amp;M</v>
          </cell>
          <cell r="AO2479" t="str">
            <v>MDO INDIANA SOUTHWEST C&amp;M</v>
          </cell>
        </row>
        <row r="2480">
          <cell r="F2480">
            <v>75115</v>
          </cell>
          <cell r="Z2480" t="str">
            <v>LOADSWCH</v>
          </cell>
          <cell r="AN2480" t="str">
            <v>MDO C&amp;M</v>
          </cell>
          <cell r="AO2480" t="str">
            <v>MDO INDIANA SOUTHWEST C&amp;M</v>
          </cell>
        </row>
        <row r="2481">
          <cell r="F2481">
            <v>75115</v>
          </cell>
          <cell r="Z2481" t="str">
            <v>LOADSWCH</v>
          </cell>
          <cell r="AN2481" t="str">
            <v>MDO C&amp;M</v>
          </cell>
          <cell r="AO2481" t="str">
            <v>MDO INDIANA SOUTHWEST C&amp;M</v>
          </cell>
        </row>
        <row r="2482">
          <cell r="F2482">
            <v>75115</v>
          </cell>
          <cell r="Z2482" t="str">
            <v>LOADSWCH</v>
          </cell>
          <cell r="AN2482" t="str">
            <v>MDO C&amp;M</v>
          </cell>
          <cell r="AO2482" t="str">
            <v>MDO INDIANA SOUTHWEST C&amp;M</v>
          </cell>
        </row>
        <row r="2483">
          <cell r="F2483">
            <v>75115</v>
          </cell>
          <cell r="Z2483" t="str">
            <v>LOADSWCH</v>
          </cell>
          <cell r="AN2483" t="str">
            <v>MDO C&amp;M</v>
          </cell>
          <cell r="AO2483" t="str">
            <v>MDO INDIANA SOUTHWEST C&amp;M</v>
          </cell>
        </row>
        <row r="2484">
          <cell r="F2484">
            <v>75115</v>
          </cell>
          <cell r="Z2484" t="str">
            <v>LOADSWCH</v>
          </cell>
          <cell r="AN2484" t="str">
            <v>MDO C&amp;M</v>
          </cell>
          <cell r="AO2484" t="str">
            <v>MDO INDIANA SOUTHWEST C&amp;M</v>
          </cell>
        </row>
        <row r="2485">
          <cell r="F2485">
            <v>75115</v>
          </cell>
          <cell r="Z2485" t="str">
            <v>LOADSWCH</v>
          </cell>
          <cell r="AN2485" t="str">
            <v>MDO C&amp;M</v>
          </cell>
          <cell r="AO2485" t="str">
            <v>MDO INDIANA SOUTHWEST C&amp;M</v>
          </cell>
        </row>
        <row r="2486">
          <cell r="F2486">
            <v>75115</v>
          </cell>
          <cell r="Z2486" t="str">
            <v>LOADSWCH</v>
          </cell>
          <cell r="AN2486" t="str">
            <v>MDO C&amp;M</v>
          </cell>
          <cell r="AO2486" t="str">
            <v>MDO INDIANA SOUTHWEST C&amp;M</v>
          </cell>
        </row>
        <row r="2487">
          <cell r="F2487">
            <v>75115</v>
          </cell>
          <cell r="Z2487" t="str">
            <v>LOADSWCH</v>
          </cell>
          <cell r="AN2487" t="str">
            <v>MDO C&amp;M</v>
          </cell>
          <cell r="AO2487" t="str">
            <v>MDO INDIANA SOUTHWEST C&amp;M</v>
          </cell>
        </row>
        <row r="2488">
          <cell r="F2488">
            <v>75115</v>
          </cell>
          <cell r="Z2488" t="str">
            <v>LOADSWCH</v>
          </cell>
          <cell r="AN2488" t="str">
            <v>MDO C&amp;M</v>
          </cell>
          <cell r="AO2488" t="str">
            <v>MDO INDIANA SOUTHWEST C&amp;M</v>
          </cell>
        </row>
        <row r="2489">
          <cell r="F2489">
            <v>75115</v>
          </cell>
          <cell r="Z2489" t="str">
            <v>LOADSWCH</v>
          </cell>
          <cell r="AN2489" t="str">
            <v>MDO C&amp;M</v>
          </cell>
          <cell r="AO2489" t="str">
            <v>MDO INDIANA SOUTHWEST C&amp;M</v>
          </cell>
        </row>
        <row r="2490">
          <cell r="F2490">
            <v>75115</v>
          </cell>
          <cell r="Z2490" t="str">
            <v>LOADSWCH</v>
          </cell>
          <cell r="AN2490" t="str">
            <v>MDO C&amp;M</v>
          </cell>
          <cell r="AO2490" t="str">
            <v>MDO INDIANA SOUTHWEST C&amp;M</v>
          </cell>
        </row>
        <row r="2491">
          <cell r="F2491">
            <v>75115</v>
          </cell>
          <cell r="Z2491" t="str">
            <v>LOADSWCH</v>
          </cell>
          <cell r="AN2491" t="str">
            <v>MDO C&amp;M</v>
          </cell>
          <cell r="AO2491" t="str">
            <v>MDO INDIANA SOUTHWEST C&amp;M</v>
          </cell>
        </row>
        <row r="2492">
          <cell r="F2492">
            <v>75115</v>
          </cell>
          <cell r="Z2492" t="str">
            <v>LOADSWCH</v>
          </cell>
          <cell r="AN2492" t="str">
            <v>MDO C&amp;M</v>
          </cell>
          <cell r="AO2492" t="str">
            <v>MDO INDIANA SOUTHWEST C&amp;M</v>
          </cell>
        </row>
        <row r="2493">
          <cell r="F2493">
            <v>75115</v>
          </cell>
          <cell r="Z2493" t="str">
            <v>LOADSWCH</v>
          </cell>
          <cell r="AN2493" t="str">
            <v>MDO C&amp;M</v>
          </cell>
          <cell r="AO2493" t="str">
            <v>MDO INDIANA SOUTHWEST C&amp;M</v>
          </cell>
        </row>
        <row r="2494">
          <cell r="F2494">
            <v>75115</v>
          </cell>
          <cell r="Z2494" t="str">
            <v>LOADSWCH</v>
          </cell>
          <cell r="AN2494" t="str">
            <v>MDO C&amp;M</v>
          </cell>
          <cell r="AO2494" t="str">
            <v>MDO INDIANA SOUTHWEST C&amp;M</v>
          </cell>
        </row>
        <row r="2495">
          <cell r="F2495">
            <v>75115</v>
          </cell>
          <cell r="Z2495" t="str">
            <v>LOADSWCH</v>
          </cell>
          <cell r="AN2495" t="str">
            <v>MDO C&amp;M</v>
          </cell>
          <cell r="AO2495" t="str">
            <v>MDO INDIANA SOUTHWEST C&amp;M</v>
          </cell>
        </row>
        <row r="2496">
          <cell r="F2496">
            <v>75115</v>
          </cell>
          <cell r="Z2496" t="str">
            <v>LOADSWCH</v>
          </cell>
          <cell r="AN2496" t="str">
            <v>MDO C&amp;M</v>
          </cell>
          <cell r="AO2496" t="str">
            <v>MDO INDIANA SOUTHWEST C&amp;M</v>
          </cell>
        </row>
        <row r="2497">
          <cell r="F2497">
            <v>75115</v>
          </cell>
          <cell r="Z2497" t="str">
            <v>LOADSWCH</v>
          </cell>
          <cell r="AN2497" t="str">
            <v>MDO C&amp;M</v>
          </cell>
          <cell r="AO2497" t="str">
            <v>MDO INDIANA SOUTHWEST C&amp;M</v>
          </cell>
        </row>
        <row r="2498">
          <cell r="F2498">
            <v>75115</v>
          </cell>
          <cell r="Z2498" t="str">
            <v>LOADSWCH</v>
          </cell>
          <cell r="AN2498" t="str">
            <v>MDO C&amp;M</v>
          </cell>
          <cell r="AO2498" t="str">
            <v>MDO INDIANA SOUTHWEST C&amp;M</v>
          </cell>
        </row>
        <row r="2499">
          <cell r="F2499">
            <v>75115</v>
          </cell>
          <cell r="Z2499" t="str">
            <v>LOADSWCH</v>
          </cell>
          <cell r="AN2499" t="str">
            <v>MDO C&amp;M</v>
          </cell>
          <cell r="AO2499" t="str">
            <v>MDO INDIANA SOUTHEAST C&amp;M</v>
          </cell>
        </row>
        <row r="2500">
          <cell r="F2500">
            <v>75115</v>
          </cell>
          <cell r="Z2500" t="str">
            <v>LOADSWCH</v>
          </cell>
          <cell r="AN2500" t="str">
            <v>MDO C&amp;M</v>
          </cell>
          <cell r="AO2500" t="str">
            <v>MDO INDIANA SOUTHEAST C&amp;M</v>
          </cell>
        </row>
        <row r="2501">
          <cell r="F2501">
            <v>75115</v>
          </cell>
          <cell r="Z2501" t="str">
            <v>LOADSWCH</v>
          </cell>
          <cell r="AN2501" t="str">
            <v>MDO C&amp;M</v>
          </cell>
          <cell r="AO2501" t="str">
            <v>MDO INDIANA SOUTHEAST C&amp;M</v>
          </cell>
        </row>
        <row r="2502">
          <cell r="F2502">
            <v>75115</v>
          </cell>
          <cell r="Z2502" t="str">
            <v>LOADSWCH</v>
          </cell>
          <cell r="AN2502" t="str">
            <v>MDO C&amp;M</v>
          </cell>
          <cell r="AO2502" t="str">
            <v>MDO INDIANA SOUTHEAST C&amp;M</v>
          </cell>
        </row>
        <row r="2503">
          <cell r="F2503">
            <v>75115</v>
          </cell>
          <cell r="Z2503" t="str">
            <v>LOADSWCH</v>
          </cell>
          <cell r="AN2503" t="str">
            <v>MDO C&amp;M</v>
          </cell>
          <cell r="AO2503" t="str">
            <v>MDO INDIANA SOUTHEAST C&amp;M</v>
          </cell>
        </row>
        <row r="2504">
          <cell r="F2504">
            <v>75115</v>
          </cell>
          <cell r="Z2504" t="str">
            <v>LOADSWCH</v>
          </cell>
          <cell r="AN2504" t="str">
            <v>MDO C&amp;M</v>
          </cell>
          <cell r="AO2504" t="str">
            <v>MDO INDIANA SOUTHEAST C&amp;M</v>
          </cell>
        </row>
        <row r="2505">
          <cell r="F2505">
            <v>75115</v>
          </cell>
          <cell r="Z2505" t="str">
            <v>LOADSWCH</v>
          </cell>
          <cell r="AN2505" t="str">
            <v>MDO C&amp;M</v>
          </cell>
          <cell r="AO2505" t="str">
            <v>MDO INDIANA SOUTHEAST C&amp;M</v>
          </cell>
        </row>
        <row r="2506">
          <cell r="F2506">
            <v>75115</v>
          </cell>
          <cell r="Z2506" t="str">
            <v>LOADSWCH</v>
          </cell>
          <cell r="AN2506" t="str">
            <v>MDO C&amp;M</v>
          </cell>
          <cell r="AO2506" t="str">
            <v>MDO INDIANA SOUTHEAST C&amp;M</v>
          </cell>
        </row>
        <row r="2507">
          <cell r="F2507">
            <v>75115</v>
          </cell>
          <cell r="Z2507" t="str">
            <v>LOADSWCH</v>
          </cell>
          <cell r="AN2507" t="str">
            <v>MDO C&amp;M</v>
          </cell>
          <cell r="AO2507" t="str">
            <v>MDO INDIANA SOUTHEAST C&amp;M</v>
          </cell>
        </row>
        <row r="2508">
          <cell r="F2508">
            <v>75115</v>
          </cell>
          <cell r="Z2508" t="str">
            <v>LOADSWCH</v>
          </cell>
          <cell r="AN2508" t="str">
            <v>MDO C&amp;M</v>
          </cell>
          <cell r="AO2508" t="str">
            <v>MDO INDIANA SOUTHEAST C&amp;M</v>
          </cell>
        </row>
        <row r="2509">
          <cell r="F2509">
            <v>75115</v>
          </cell>
          <cell r="Z2509" t="str">
            <v>LOADSWCH</v>
          </cell>
          <cell r="AN2509" t="str">
            <v>MDO C&amp;M</v>
          </cell>
          <cell r="AO2509" t="str">
            <v>MDO INDIANA SOUTHEAST C&amp;M</v>
          </cell>
        </row>
        <row r="2510">
          <cell r="F2510">
            <v>75115</v>
          </cell>
          <cell r="Z2510" t="str">
            <v>LOADSWCH</v>
          </cell>
          <cell r="AN2510" t="str">
            <v>MDO C&amp;M</v>
          </cell>
          <cell r="AO2510" t="str">
            <v>MDO INDIANA SOUTHEAST C&amp;M</v>
          </cell>
        </row>
        <row r="2511">
          <cell r="F2511">
            <v>75115</v>
          </cell>
          <cell r="Z2511" t="str">
            <v>LOADSWCH</v>
          </cell>
          <cell r="AN2511" t="str">
            <v>MDO C&amp;M</v>
          </cell>
          <cell r="AO2511" t="str">
            <v>MDO INDIANA SOUTHEAST C&amp;M</v>
          </cell>
        </row>
        <row r="2512">
          <cell r="F2512">
            <v>75115</v>
          </cell>
          <cell r="Z2512" t="str">
            <v>LOADSWCH</v>
          </cell>
          <cell r="AN2512" t="str">
            <v>MDO C&amp;M</v>
          </cell>
          <cell r="AO2512" t="str">
            <v>MDO INDIANA SOUTHEAST C&amp;M</v>
          </cell>
        </row>
        <row r="2513">
          <cell r="F2513">
            <v>75115</v>
          </cell>
          <cell r="Z2513" t="str">
            <v>LOADSWCH</v>
          </cell>
          <cell r="AN2513" t="str">
            <v>MDO C&amp;M</v>
          </cell>
          <cell r="AO2513" t="str">
            <v>MDO INDIANA SOUTHEAST C&amp;M</v>
          </cell>
        </row>
        <row r="2514">
          <cell r="F2514">
            <v>75115</v>
          </cell>
          <cell r="Z2514" t="str">
            <v>LOADSWCH</v>
          </cell>
          <cell r="AN2514" t="str">
            <v>MDO C&amp;M</v>
          </cell>
          <cell r="AO2514" t="str">
            <v>MDO INDIANA SOUTHEAST C&amp;M</v>
          </cell>
        </row>
        <row r="2515">
          <cell r="F2515">
            <v>75115</v>
          </cell>
          <cell r="Z2515" t="str">
            <v>LOADSWCH</v>
          </cell>
          <cell r="AN2515" t="str">
            <v>MDO C&amp;M</v>
          </cell>
          <cell r="AO2515" t="str">
            <v>MDO INDIANA SOUTHEAST C&amp;M</v>
          </cell>
        </row>
        <row r="2516">
          <cell r="F2516">
            <v>75115</v>
          </cell>
          <cell r="Z2516" t="str">
            <v>LOADSWCH</v>
          </cell>
          <cell r="AN2516" t="str">
            <v>MDO C&amp;M</v>
          </cell>
          <cell r="AO2516" t="str">
            <v>MDO INDIANA SOUTHEAST C&amp;M</v>
          </cell>
        </row>
        <row r="2517">
          <cell r="F2517">
            <v>75115</v>
          </cell>
          <cell r="Z2517" t="str">
            <v>LOADSWCH</v>
          </cell>
          <cell r="AN2517" t="str">
            <v>MDO C&amp;M</v>
          </cell>
          <cell r="AO2517" t="str">
            <v>MDO INDIANA SOUTHEAST C&amp;M</v>
          </cell>
        </row>
        <row r="2518">
          <cell r="F2518">
            <v>75115</v>
          </cell>
          <cell r="Z2518" t="str">
            <v>LOADSWCH</v>
          </cell>
          <cell r="AN2518" t="str">
            <v>MDO C&amp;M</v>
          </cell>
          <cell r="AO2518" t="str">
            <v>MDO INDIANA SOUTHEAST C&amp;M</v>
          </cell>
        </row>
        <row r="2519">
          <cell r="F2519">
            <v>75115</v>
          </cell>
          <cell r="Z2519" t="str">
            <v>LOADSWCH</v>
          </cell>
          <cell r="AN2519" t="str">
            <v>MDO C&amp;M</v>
          </cell>
          <cell r="AO2519" t="str">
            <v>MDO INDIANA SOUTHEAST C&amp;M</v>
          </cell>
        </row>
        <row r="2520">
          <cell r="F2520">
            <v>75115</v>
          </cell>
          <cell r="Z2520" t="str">
            <v>LOADSWCH</v>
          </cell>
          <cell r="AN2520" t="str">
            <v>MDO C&amp;M</v>
          </cell>
          <cell r="AO2520" t="str">
            <v>MDO INDIANA SOUTHEAST C&amp;M</v>
          </cell>
        </row>
        <row r="2521">
          <cell r="F2521">
            <v>75115</v>
          </cell>
          <cell r="Z2521" t="str">
            <v>LOADSWCH</v>
          </cell>
          <cell r="AN2521" t="str">
            <v>MDO C&amp;M</v>
          </cell>
          <cell r="AO2521" t="str">
            <v>MDO INDIANA SOUTHEAST C&amp;M</v>
          </cell>
        </row>
        <row r="2522">
          <cell r="F2522">
            <v>75115</v>
          </cell>
          <cell r="Z2522" t="str">
            <v>LOADSWCH</v>
          </cell>
          <cell r="AN2522" t="str">
            <v>MDO C&amp;M</v>
          </cell>
          <cell r="AO2522" t="str">
            <v>MDO INDIANA SOUTHEAST C&amp;M</v>
          </cell>
        </row>
        <row r="2523">
          <cell r="F2523">
            <v>75115</v>
          </cell>
          <cell r="Z2523" t="str">
            <v>LOADSWCH</v>
          </cell>
          <cell r="AN2523" t="str">
            <v>MDO C&amp;M</v>
          </cell>
          <cell r="AO2523" t="str">
            <v>MDO INDIANA SOUTHEAST C&amp;M</v>
          </cell>
        </row>
        <row r="2524">
          <cell r="F2524">
            <v>75115</v>
          </cell>
          <cell r="Z2524" t="str">
            <v>LOADSWCH</v>
          </cell>
          <cell r="AN2524" t="str">
            <v>MDO C&amp;M</v>
          </cell>
          <cell r="AO2524" t="str">
            <v>MDO INDIANA SOUTHEAST C&amp;M</v>
          </cell>
        </row>
        <row r="2525">
          <cell r="F2525">
            <v>75115</v>
          </cell>
          <cell r="Z2525" t="str">
            <v>LOADSWCH</v>
          </cell>
          <cell r="AN2525" t="str">
            <v>MDO C&amp;M</v>
          </cell>
          <cell r="AO2525" t="str">
            <v>MDO INDIANA SOUTHEAST C&amp;M</v>
          </cell>
        </row>
        <row r="2526">
          <cell r="F2526">
            <v>75115</v>
          </cell>
          <cell r="Z2526" t="str">
            <v>LOADSWCH</v>
          </cell>
          <cell r="AN2526" t="str">
            <v>MDO C&amp;M</v>
          </cell>
          <cell r="AO2526" t="str">
            <v>MDO INDIANA SOUTHEAST C&amp;M</v>
          </cell>
        </row>
        <row r="2527">
          <cell r="F2527">
            <v>75115</v>
          </cell>
          <cell r="Z2527" t="str">
            <v>LOADSWCH</v>
          </cell>
          <cell r="AN2527" t="str">
            <v>MDO C&amp;M</v>
          </cell>
          <cell r="AO2527" t="str">
            <v>MDO INDIANA SOUTHEAST C&amp;M</v>
          </cell>
        </row>
        <row r="2528">
          <cell r="F2528">
            <v>75115</v>
          </cell>
          <cell r="Z2528" t="str">
            <v>LOADSWCH</v>
          </cell>
          <cell r="AN2528" t="str">
            <v>MDO C&amp;M</v>
          </cell>
          <cell r="AO2528" t="str">
            <v>MDO INDIANA SOUTHEAST C&amp;M</v>
          </cell>
        </row>
        <row r="2529">
          <cell r="F2529">
            <v>75115</v>
          </cell>
          <cell r="Z2529" t="str">
            <v>LOADSWCH</v>
          </cell>
          <cell r="AN2529" t="str">
            <v>MDO C&amp;M</v>
          </cell>
          <cell r="AO2529" t="str">
            <v>MDO INDIANA SOUTHEAST C&amp;M</v>
          </cell>
        </row>
        <row r="2530">
          <cell r="F2530">
            <v>75115</v>
          </cell>
          <cell r="Z2530" t="str">
            <v>LOADSWCH</v>
          </cell>
          <cell r="AN2530" t="str">
            <v>MDO C&amp;M</v>
          </cell>
          <cell r="AO2530" t="str">
            <v>MDO INDIANA SOUTHEAST C&amp;M</v>
          </cell>
        </row>
        <row r="2531">
          <cell r="F2531">
            <v>75115</v>
          </cell>
          <cell r="Z2531" t="str">
            <v>LOADSWCH</v>
          </cell>
          <cell r="AN2531" t="str">
            <v>MDO C&amp;M</v>
          </cell>
          <cell r="AO2531" t="str">
            <v>MDO INDIANA SOUTHEAST C&amp;M</v>
          </cell>
        </row>
        <row r="2532">
          <cell r="F2532">
            <v>75115</v>
          </cell>
          <cell r="Z2532" t="str">
            <v>LOADSWCH</v>
          </cell>
          <cell r="AN2532" t="str">
            <v>MDO C&amp;M</v>
          </cell>
          <cell r="AO2532" t="str">
            <v>MDO INDIANA SOUTHEAST C&amp;M</v>
          </cell>
        </row>
        <row r="2533">
          <cell r="F2533">
            <v>75115</v>
          </cell>
          <cell r="Z2533" t="str">
            <v>LOADSWCH</v>
          </cell>
          <cell r="AN2533" t="str">
            <v>MDO C&amp;M</v>
          </cell>
          <cell r="AO2533" t="str">
            <v>MDO INDIANA SOUTHEAST C&amp;M</v>
          </cell>
        </row>
        <row r="2534">
          <cell r="F2534">
            <v>75115</v>
          </cell>
          <cell r="Z2534" t="str">
            <v>LOADSWCH</v>
          </cell>
          <cell r="AN2534" t="str">
            <v>MDO C&amp;M</v>
          </cell>
          <cell r="AO2534" t="str">
            <v>MDO INDIANA SOUTHEAST C&amp;M</v>
          </cell>
        </row>
        <row r="2535">
          <cell r="F2535">
            <v>75115</v>
          </cell>
          <cell r="Z2535" t="str">
            <v>LOADSWCH</v>
          </cell>
          <cell r="AN2535" t="str">
            <v>MDO C&amp;M</v>
          </cell>
          <cell r="AO2535" t="str">
            <v>MDO INDIANA SOUTHEAST C&amp;M</v>
          </cell>
        </row>
        <row r="2536">
          <cell r="F2536">
            <v>75115</v>
          </cell>
          <cell r="Z2536" t="str">
            <v>LOADSWCH</v>
          </cell>
          <cell r="AN2536" t="str">
            <v>MDO C&amp;M</v>
          </cell>
          <cell r="AO2536" t="str">
            <v>MDO INDIANA SOUTHEAST C&amp;M</v>
          </cell>
        </row>
        <row r="2537">
          <cell r="F2537">
            <v>75115</v>
          </cell>
          <cell r="Z2537" t="str">
            <v>LOADSWCH</v>
          </cell>
          <cell r="AN2537" t="str">
            <v>MDO C&amp;M</v>
          </cell>
          <cell r="AO2537" t="str">
            <v>MDO INDIANA SOUTHEAST C&amp;M</v>
          </cell>
        </row>
        <row r="2538">
          <cell r="F2538">
            <v>75115</v>
          </cell>
          <cell r="Z2538" t="str">
            <v>LOADSWCH</v>
          </cell>
          <cell r="AN2538" t="str">
            <v>MDO C&amp;M</v>
          </cell>
          <cell r="AO2538" t="str">
            <v>MDO INDIANA SOUTHEAST C&amp;M</v>
          </cell>
        </row>
        <row r="2539">
          <cell r="F2539">
            <v>75115</v>
          </cell>
          <cell r="Z2539" t="str">
            <v>LOADSWCH</v>
          </cell>
          <cell r="AN2539" t="str">
            <v>MDO C&amp;M</v>
          </cell>
          <cell r="AO2539" t="str">
            <v>MDO INDIANA SOUTHEAST C&amp;M</v>
          </cell>
        </row>
        <row r="2540">
          <cell r="F2540">
            <v>75115</v>
          </cell>
          <cell r="Z2540" t="str">
            <v>LOADSWCH</v>
          </cell>
          <cell r="AN2540" t="str">
            <v>MDO C&amp;M</v>
          </cell>
          <cell r="AO2540" t="str">
            <v>MDO INDIANA SOUTHEAST C&amp;M</v>
          </cell>
        </row>
        <row r="2541">
          <cell r="F2541">
            <v>75115</v>
          </cell>
          <cell r="Z2541" t="str">
            <v>LOADSWCH</v>
          </cell>
          <cell r="AN2541" t="str">
            <v>MDO C&amp;M</v>
          </cell>
          <cell r="AO2541" t="str">
            <v>MDO INDIANA SOUTHEAST C&amp;M</v>
          </cell>
        </row>
        <row r="2542">
          <cell r="F2542">
            <v>75115</v>
          </cell>
          <cell r="Z2542" t="str">
            <v>LOADSWCH</v>
          </cell>
          <cell r="AN2542" t="str">
            <v>MDO C&amp;M</v>
          </cell>
          <cell r="AO2542" t="str">
            <v>MDO INDIANA SOUTHEAST C&amp;M</v>
          </cell>
        </row>
        <row r="2543">
          <cell r="F2543">
            <v>75115</v>
          </cell>
          <cell r="Z2543" t="str">
            <v>LOADSWCH</v>
          </cell>
          <cell r="AN2543" t="str">
            <v>MDO C&amp;M</v>
          </cell>
          <cell r="AO2543" t="str">
            <v>MDO INDIANA SOUTHEAST C&amp;M</v>
          </cell>
        </row>
        <row r="2544">
          <cell r="F2544">
            <v>75115</v>
          </cell>
          <cell r="Z2544" t="str">
            <v>LOADSWCH</v>
          </cell>
          <cell r="AN2544" t="str">
            <v>MDO C&amp;M</v>
          </cell>
          <cell r="AO2544" t="str">
            <v>MDO INDIANA SOUTHEAST C&amp;M</v>
          </cell>
        </row>
        <row r="2545">
          <cell r="F2545">
            <v>75115</v>
          </cell>
          <cell r="Z2545" t="str">
            <v>LOADSWCH</v>
          </cell>
          <cell r="AN2545" t="str">
            <v>MDO C&amp;M</v>
          </cell>
          <cell r="AO2545" t="str">
            <v>MDO INDIANA SOUTHEAST C&amp;M</v>
          </cell>
        </row>
        <row r="2546">
          <cell r="F2546">
            <v>75115</v>
          </cell>
          <cell r="Z2546" t="str">
            <v>LOADSWCH</v>
          </cell>
          <cell r="AN2546" t="str">
            <v>MDO C&amp;M</v>
          </cell>
          <cell r="AO2546" t="str">
            <v>MDO INDIANA SOUTHEAST C&amp;M</v>
          </cell>
        </row>
        <row r="2547">
          <cell r="F2547">
            <v>75115</v>
          </cell>
          <cell r="Z2547" t="str">
            <v>LOADSWCH</v>
          </cell>
          <cell r="AN2547" t="str">
            <v>MDO C&amp;M</v>
          </cell>
          <cell r="AO2547" t="str">
            <v>MDO INDIANA SOUTHEAST C&amp;M</v>
          </cell>
        </row>
        <row r="2548">
          <cell r="F2548">
            <v>75115</v>
          </cell>
          <cell r="Z2548" t="str">
            <v>LOADSWCH</v>
          </cell>
          <cell r="AN2548" t="str">
            <v>MDO C&amp;M</v>
          </cell>
          <cell r="AO2548" t="str">
            <v>MDO INDIANA SOUTHEAST C&amp;M</v>
          </cell>
        </row>
        <row r="2549">
          <cell r="F2549">
            <v>75115</v>
          </cell>
          <cell r="Z2549" t="str">
            <v>LOADSWCH</v>
          </cell>
          <cell r="AN2549" t="str">
            <v>MDO C&amp;M</v>
          </cell>
          <cell r="AO2549" t="str">
            <v>MDO INDIANA SOUTHEAST C&amp;M</v>
          </cell>
        </row>
        <row r="2550">
          <cell r="F2550">
            <v>75115</v>
          </cell>
          <cell r="Z2550" t="str">
            <v>LOADSWCH</v>
          </cell>
          <cell r="AN2550" t="str">
            <v>MDO C&amp;M</v>
          </cell>
          <cell r="AO2550" t="str">
            <v>MDO INDIANA SOUTHEAST C&amp;M</v>
          </cell>
        </row>
        <row r="2551">
          <cell r="F2551">
            <v>75115</v>
          </cell>
          <cell r="Z2551" t="str">
            <v>LOADSWCH</v>
          </cell>
          <cell r="AN2551" t="str">
            <v>MDO C&amp;M</v>
          </cell>
          <cell r="AO2551" t="str">
            <v>MDO INDIANA SOUTHEAST C&amp;M</v>
          </cell>
        </row>
        <row r="2552">
          <cell r="F2552">
            <v>75115</v>
          </cell>
          <cell r="Z2552" t="str">
            <v>LOADSWCH</v>
          </cell>
          <cell r="AN2552" t="str">
            <v>MDO C&amp;M</v>
          </cell>
          <cell r="AO2552" t="str">
            <v>MDO INDIANA SOUTHEAST C&amp;M</v>
          </cell>
        </row>
        <row r="2553">
          <cell r="F2553">
            <v>75115</v>
          </cell>
          <cell r="Z2553" t="str">
            <v>LOADSWCH</v>
          </cell>
          <cell r="AN2553" t="str">
            <v>MDO C&amp;M</v>
          </cell>
          <cell r="AO2553" t="str">
            <v>MDO INDIANA SOUTHEAST C&amp;M</v>
          </cell>
        </row>
        <row r="2554">
          <cell r="F2554">
            <v>75115</v>
          </cell>
          <cell r="Z2554" t="str">
            <v>LOADSWCH</v>
          </cell>
          <cell r="AN2554" t="str">
            <v>MDO C&amp;M</v>
          </cell>
          <cell r="AO2554" t="str">
            <v>MDO INDIANA SOUTHEAST C&amp;M</v>
          </cell>
        </row>
        <row r="2555">
          <cell r="F2555">
            <v>75115</v>
          </cell>
          <cell r="Z2555" t="str">
            <v>LOADSWCH</v>
          </cell>
          <cell r="AN2555" t="str">
            <v>MDO C&amp;M</v>
          </cell>
          <cell r="AO2555" t="str">
            <v>MDO INDIANA SOUTHEAST C&amp;M</v>
          </cell>
        </row>
        <row r="2556">
          <cell r="F2556">
            <v>75115</v>
          </cell>
          <cell r="Z2556" t="str">
            <v>LOADSWCH</v>
          </cell>
          <cell r="AN2556" t="str">
            <v>MDO C&amp;M</v>
          </cell>
          <cell r="AO2556" t="str">
            <v>MDO INDIANA SOUTHEAST C&amp;M</v>
          </cell>
        </row>
        <row r="2557">
          <cell r="F2557">
            <v>75115</v>
          </cell>
          <cell r="Z2557" t="str">
            <v>LOADSWCH</v>
          </cell>
          <cell r="AN2557" t="str">
            <v>MDO C&amp;M</v>
          </cell>
          <cell r="AO2557" t="str">
            <v>MDO INDIANA SOUTHEAST C&amp;M</v>
          </cell>
        </row>
        <row r="2558">
          <cell r="F2558">
            <v>75115</v>
          </cell>
          <cell r="Z2558" t="str">
            <v>LOADSWCH</v>
          </cell>
          <cell r="AN2558" t="str">
            <v>MDO C&amp;M</v>
          </cell>
          <cell r="AO2558" t="str">
            <v>MDO INDIANA SOUTHEAST C&amp;M</v>
          </cell>
        </row>
        <row r="2559">
          <cell r="F2559">
            <v>75115</v>
          </cell>
          <cell r="Z2559" t="str">
            <v>LOADSWCH</v>
          </cell>
          <cell r="AN2559" t="str">
            <v>MDO C&amp;M</v>
          </cell>
          <cell r="AO2559" t="str">
            <v>MDO INDIANA SOUTHEAST C&amp;M</v>
          </cell>
        </row>
        <row r="2560">
          <cell r="F2560">
            <v>75115</v>
          </cell>
          <cell r="Z2560" t="str">
            <v>LOADSWCH</v>
          </cell>
          <cell r="AN2560" t="str">
            <v>MDO C&amp;M</v>
          </cell>
          <cell r="AO2560" t="str">
            <v>MDO INDIANA SOUTHEAST C&amp;M</v>
          </cell>
        </row>
        <row r="2561">
          <cell r="F2561">
            <v>75115</v>
          </cell>
          <cell r="Z2561" t="str">
            <v>LOADSWCH</v>
          </cell>
          <cell r="AN2561" t="str">
            <v>MDO C&amp;M</v>
          </cell>
          <cell r="AO2561" t="str">
            <v>MDO INDIANA SOUTHEAST C&amp;M</v>
          </cell>
        </row>
        <row r="2562">
          <cell r="F2562">
            <v>75115</v>
          </cell>
          <cell r="Z2562" t="str">
            <v>LOADSWCH</v>
          </cell>
          <cell r="AN2562" t="str">
            <v>MDO C&amp;M</v>
          </cell>
          <cell r="AO2562" t="str">
            <v>MDO INDIANA SOUTHEAST C&amp;M</v>
          </cell>
        </row>
        <row r="2563">
          <cell r="F2563">
            <v>75115</v>
          </cell>
          <cell r="Z2563" t="str">
            <v>LOADSWCH</v>
          </cell>
          <cell r="AN2563" t="str">
            <v>MDO C&amp;M</v>
          </cell>
          <cell r="AO2563" t="str">
            <v>MDO INDIANA SOUTHEAST C&amp;M</v>
          </cell>
        </row>
        <row r="2564">
          <cell r="F2564">
            <v>75115</v>
          </cell>
          <cell r="Z2564" t="str">
            <v>LOADSWCH</v>
          </cell>
          <cell r="AN2564" t="str">
            <v>MDO C&amp;M</v>
          </cell>
          <cell r="AO2564" t="str">
            <v>MDO INDIANA SOUTHEAST C&amp;M</v>
          </cell>
        </row>
        <row r="2565">
          <cell r="F2565">
            <v>75115</v>
          </cell>
          <cell r="Z2565" t="str">
            <v>LOADSWCH</v>
          </cell>
          <cell r="AN2565" t="str">
            <v>MDO C&amp;M</v>
          </cell>
          <cell r="AO2565" t="str">
            <v>MDO INDIANA NORTH C&amp;M</v>
          </cell>
        </row>
        <row r="2566">
          <cell r="F2566">
            <v>75115</v>
          </cell>
          <cell r="Z2566" t="str">
            <v>LOADSWCH</v>
          </cell>
          <cell r="AN2566" t="str">
            <v>MDO C&amp;M</v>
          </cell>
          <cell r="AO2566" t="str">
            <v>MDO INDIANA NORTH C&amp;M</v>
          </cell>
        </row>
        <row r="2567">
          <cell r="F2567">
            <v>75115</v>
          </cell>
          <cell r="Z2567" t="str">
            <v>LOADSWCH</v>
          </cell>
          <cell r="AN2567" t="str">
            <v>MDO C&amp;M</v>
          </cell>
          <cell r="AO2567" t="str">
            <v>MDO INDIANA NORTH C&amp;M</v>
          </cell>
        </row>
        <row r="2568">
          <cell r="F2568">
            <v>75115</v>
          </cell>
          <cell r="Z2568" t="str">
            <v>LOADSWCH</v>
          </cell>
          <cell r="AN2568" t="str">
            <v>MDO C&amp;M</v>
          </cell>
          <cell r="AO2568" t="str">
            <v>MDO INDIANA NORTH C&amp;M</v>
          </cell>
        </row>
        <row r="2569">
          <cell r="F2569">
            <v>75115</v>
          </cell>
          <cell r="Z2569" t="str">
            <v>LOADSWCH</v>
          </cell>
          <cell r="AN2569" t="str">
            <v>MDO C&amp;M</v>
          </cell>
          <cell r="AO2569" t="str">
            <v>MDO INDIANA NORTH C&amp;M</v>
          </cell>
        </row>
        <row r="2570">
          <cell r="F2570">
            <v>75115</v>
          </cell>
          <cell r="Z2570" t="str">
            <v>LOADSWCH</v>
          </cell>
          <cell r="AN2570" t="str">
            <v>MDO C&amp;M</v>
          </cell>
          <cell r="AO2570" t="str">
            <v>MDO INDIANA NORTH C&amp;M</v>
          </cell>
        </row>
        <row r="2571">
          <cell r="F2571">
            <v>75115</v>
          </cell>
          <cell r="Z2571" t="str">
            <v>LOADSWCH</v>
          </cell>
          <cell r="AN2571" t="str">
            <v>MDO C&amp;M</v>
          </cell>
          <cell r="AO2571" t="str">
            <v>MDO INDIANA NORTH C&amp;M</v>
          </cell>
        </row>
        <row r="2572">
          <cell r="F2572">
            <v>75115</v>
          </cell>
          <cell r="Z2572" t="str">
            <v>LOADSWCH</v>
          </cell>
          <cell r="AN2572" t="str">
            <v>MDO C&amp;M</v>
          </cell>
          <cell r="AO2572" t="str">
            <v>MDO INDIANA NORTH C&amp;M</v>
          </cell>
        </row>
        <row r="2573">
          <cell r="F2573">
            <v>75115</v>
          </cell>
          <cell r="Z2573" t="str">
            <v>LOADSWCH</v>
          </cell>
          <cell r="AN2573" t="str">
            <v>MDO C&amp;M</v>
          </cell>
          <cell r="AO2573" t="str">
            <v>MDO INDIANA NORTH C&amp;M</v>
          </cell>
        </row>
        <row r="2574">
          <cell r="F2574">
            <v>75115</v>
          </cell>
          <cell r="Z2574" t="str">
            <v>LOADSWCH</v>
          </cell>
          <cell r="AN2574" t="str">
            <v>MDO C&amp;M</v>
          </cell>
          <cell r="AO2574" t="str">
            <v>MDO INDIANA NORTH C&amp;M</v>
          </cell>
        </row>
        <row r="2575">
          <cell r="F2575">
            <v>75115</v>
          </cell>
          <cell r="Z2575" t="str">
            <v>LOADSWCH</v>
          </cell>
          <cell r="AN2575" t="str">
            <v>MDO C&amp;M</v>
          </cell>
          <cell r="AO2575" t="str">
            <v>MDO INDIANA NORTH C&amp;M</v>
          </cell>
        </row>
        <row r="2576">
          <cell r="F2576">
            <v>75115</v>
          </cell>
          <cell r="Z2576" t="str">
            <v>LOADSWCH</v>
          </cell>
          <cell r="AN2576" t="str">
            <v>MDO C&amp;M</v>
          </cell>
          <cell r="AO2576" t="str">
            <v>MDO INDIANA NORTH C&amp;M</v>
          </cell>
        </row>
        <row r="2577">
          <cell r="F2577">
            <v>75115</v>
          </cell>
          <cell r="Z2577" t="str">
            <v>LOADSWCH</v>
          </cell>
          <cell r="AN2577" t="str">
            <v>MDO C&amp;M</v>
          </cell>
          <cell r="AO2577" t="str">
            <v>MDO INDIANA NORTH C&amp;M</v>
          </cell>
        </row>
        <row r="2578">
          <cell r="F2578">
            <v>75115</v>
          </cell>
          <cell r="Z2578" t="str">
            <v>LOADSWCH</v>
          </cell>
          <cell r="AN2578" t="str">
            <v>MDO C&amp;M</v>
          </cell>
          <cell r="AO2578" t="str">
            <v>MDO INDIANA NORTH C&amp;M</v>
          </cell>
        </row>
        <row r="2579">
          <cell r="F2579">
            <v>75115</v>
          </cell>
          <cell r="Z2579" t="str">
            <v>LOADSWCH</v>
          </cell>
          <cell r="AN2579" t="str">
            <v>MDO C&amp;M</v>
          </cell>
          <cell r="AO2579" t="str">
            <v>MDO INDIANA NORTH C&amp;M</v>
          </cell>
        </row>
        <row r="2580">
          <cell r="F2580">
            <v>75115</v>
          </cell>
          <cell r="Z2580" t="str">
            <v>LOADSWCH</v>
          </cell>
          <cell r="AN2580" t="str">
            <v>MDO C&amp;M</v>
          </cell>
          <cell r="AO2580" t="str">
            <v>MDO INDIANA NORTH C&amp;M</v>
          </cell>
        </row>
        <row r="2581">
          <cell r="F2581">
            <v>75115</v>
          </cell>
          <cell r="Z2581" t="str">
            <v>LOADSWCH</v>
          </cell>
          <cell r="AN2581" t="str">
            <v>MDO C&amp;M</v>
          </cell>
          <cell r="AO2581" t="str">
            <v>MDO INDIANA NORTH C&amp;M</v>
          </cell>
        </row>
        <row r="2582">
          <cell r="F2582">
            <v>75115</v>
          </cell>
          <cell r="Z2582" t="str">
            <v>LOADSWCH</v>
          </cell>
          <cell r="AN2582" t="str">
            <v>MDO C&amp;M</v>
          </cell>
          <cell r="AO2582" t="str">
            <v>MDO INDIANA NORTH C&amp;M</v>
          </cell>
        </row>
        <row r="2583">
          <cell r="F2583">
            <v>75115</v>
          </cell>
          <cell r="Z2583" t="str">
            <v>LOADSWCH</v>
          </cell>
          <cell r="AN2583" t="str">
            <v>MDO C&amp;M</v>
          </cell>
          <cell r="AO2583" t="str">
            <v>MDO INDIANA NORTH C&amp;M</v>
          </cell>
        </row>
        <row r="2584">
          <cell r="F2584">
            <v>75115</v>
          </cell>
          <cell r="Z2584" t="str">
            <v>LOADSWCH</v>
          </cell>
          <cell r="AN2584" t="str">
            <v>MDO C&amp;M</v>
          </cell>
          <cell r="AO2584" t="str">
            <v>MDO INDIANA NORTH C&amp;M</v>
          </cell>
        </row>
        <row r="2585">
          <cell r="F2585">
            <v>75115</v>
          </cell>
          <cell r="Z2585" t="str">
            <v>LOADSWCH</v>
          </cell>
          <cell r="AN2585" t="str">
            <v>MDO C&amp;M</v>
          </cell>
          <cell r="AO2585" t="str">
            <v>MDO INDIANA NORTH C&amp;M</v>
          </cell>
        </row>
        <row r="2586">
          <cell r="F2586">
            <v>75115</v>
          </cell>
          <cell r="Z2586" t="str">
            <v>LOADSWCH</v>
          </cell>
          <cell r="AN2586" t="str">
            <v>MDO C&amp;M</v>
          </cell>
          <cell r="AO2586" t="str">
            <v>MDO INDIANA NORTH C&amp;M</v>
          </cell>
        </row>
        <row r="2587">
          <cell r="F2587">
            <v>75115</v>
          </cell>
          <cell r="Z2587" t="str">
            <v>LOADSWCH</v>
          </cell>
          <cell r="AN2587" t="str">
            <v>MDO C&amp;M</v>
          </cell>
          <cell r="AO2587" t="str">
            <v>MDO INDIANA NORTH C&amp;M</v>
          </cell>
        </row>
        <row r="2588">
          <cell r="F2588">
            <v>75115</v>
          </cell>
          <cell r="Z2588" t="str">
            <v>LOADSWCH</v>
          </cell>
          <cell r="AN2588" t="str">
            <v>MDO C&amp;M</v>
          </cell>
          <cell r="AO2588" t="str">
            <v>MDO INDIANA NORTH C&amp;M</v>
          </cell>
        </row>
        <row r="2589">
          <cell r="F2589">
            <v>75115</v>
          </cell>
          <cell r="Z2589" t="str">
            <v>LOADSWCH</v>
          </cell>
          <cell r="AN2589" t="str">
            <v>MDO C&amp;M</v>
          </cell>
          <cell r="AO2589" t="str">
            <v>MDO INDIANA NORTH C&amp;M</v>
          </cell>
        </row>
        <row r="2590">
          <cell r="F2590">
            <v>75115</v>
          </cell>
          <cell r="Z2590" t="str">
            <v>LOADSWCH</v>
          </cell>
          <cell r="AN2590" t="str">
            <v>MDO C&amp;M</v>
          </cell>
          <cell r="AO2590" t="str">
            <v>MDO INDIANA NORTH C&amp;M</v>
          </cell>
        </row>
        <row r="2591">
          <cell r="F2591">
            <v>75115</v>
          </cell>
          <cell r="Z2591" t="str">
            <v>LOADSWCH</v>
          </cell>
          <cell r="AN2591" t="str">
            <v>MDO C&amp;M</v>
          </cell>
          <cell r="AO2591" t="str">
            <v>MDO INDIANA NORTH C&amp;M</v>
          </cell>
        </row>
        <row r="2592">
          <cell r="F2592">
            <v>75115</v>
          </cell>
          <cell r="Z2592" t="str">
            <v>LOADSWCH</v>
          </cell>
          <cell r="AN2592" t="str">
            <v>MDO C&amp;M</v>
          </cell>
          <cell r="AO2592" t="str">
            <v>MDO INDIANA NORTH C&amp;M</v>
          </cell>
        </row>
        <row r="2593">
          <cell r="F2593">
            <v>75115</v>
          </cell>
          <cell r="Z2593" t="str">
            <v>LOADSWCH</v>
          </cell>
          <cell r="AN2593" t="str">
            <v>MDO C&amp;M</v>
          </cell>
          <cell r="AO2593" t="str">
            <v>MDO INDIANA NORTH C&amp;M</v>
          </cell>
        </row>
        <row r="2594">
          <cell r="F2594">
            <v>75115</v>
          </cell>
          <cell r="Z2594" t="str">
            <v>LOADSWCH</v>
          </cell>
          <cell r="AN2594" t="str">
            <v>MDO C&amp;M</v>
          </cell>
          <cell r="AO2594" t="str">
            <v>MDO INDIANA NORTH C&amp;M</v>
          </cell>
        </row>
        <row r="2595">
          <cell r="F2595">
            <v>75115</v>
          </cell>
          <cell r="Z2595" t="str">
            <v>LOADSWCH</v>
          </cell>
          <cell r="AN2595" t="str">
            <v>MDO C&amp;M</v>
          </cell>
          <cell r="AO2595" t="str">
            <v>MDO INDIANA NORTH C&amp;M</v>
          </cell>
        </row>
        <row r="2596">
          <cell r="F2596">
            <v>75115</v>
          </cell>
          <cell r="Z2596" t="str">
            <v>LOADSWCH</v>
          </cell>
          <cell r="AN2596" t="str">
            <v>MDO C&amp;M</v>
          </cell>
          <cell r="AO2596" t="str">
            <v>MDO INDIANA NORTH C&amp;M</v>
          </cell>
        </row>
        <row r="2597">
          <cell r="F2597">
            <v>75115</v>
          </cell>
          <cell r="Z2597" t="str">
            <v>LOADSWCH</v>
          </cell>
          <cell r="AN2597" t="str">
            <v>MDO C&amp;M</v>
          </cell>
          <cell r="AO2597" t="str">
            <v>MDO INDIANA NORTH C&amp;M</v>
          </cell>
        </row>
        <row r="2598">
          <cell r="F2598">
            <v>75115</v>
          </cell>
          <cell r="Z2598" t="str">
            <v>LOADSWCH</v>
          </cell>
          <cell r="AN2598" t="str">
            <v>MDO C&amp;M</v>
          </cell>
          <cell r="AO2598" t="str">
            <v>MDO INDIANA NORTH C&amp;M</v>
          </cell>
        </row>
        <row r="2599">
          <cell r="F2599">
            <v>75115</v>
          </cell>
          <cell r="Z2599" t="str">
            <v>LOADSWCH</v>
          </cell>
          <cell r="AN2599" t="str">
            <v>MDO C&amp;M</v>
          </cell>
          <cell r="AO2599" t="str">
            <v>MDO INDIANA NORTH C&amp;M</v>
          </cell>
        </row>
        <row r="2600">
          <cell r="F2600">
            <v>75115</v>
          </cell>
          <cell r="Z2600" t="str">
            <v>LOADSWCH</v>
          </cell>
          <cell r="AN2600" t="str">
            <v>MDO C&amp;M</v>
          </cell>
          <cell r="AO2600" t="str">
            <v>MDO INDIANA NORTH C&amp;M</v>
          </cell>
        </row>
        <row r="2601">
          <cell r="F2601">
            <v>75115</v>
          </cell>
          <cell r="Z2601" t="str">
            <v>LOADSWCH</v>
          </cell>
          <cell r="AN2601" t="str">
            <v>MDO C&amp;M</v>
          </cell>
          <cell r="AO2601" t="str">
            <v>MDO INDIANA NORTH C&amp;M</v>
          </cell>
        </row>
        <row r="2602">
          <cell r="F2602">
            <v>75115</v>
          </cell>
          <cell r="Z2602" t="str">
            <v>LOADSWCH</v>
          </cell>
          <cell r="AN2602" t="str">
            <v>MDO C&amp;M</v>
          </cell>
          <cell r="AO2602" t="str">
            <v>MDO INDIANA NORTH C&amp;M</v>
          </cell>
        </row>
        <row r="2603">
          <cell r="F2603">
            <v>75115</v>
          </cell>
          <cell r="Z2603" t="str">
            <v>LOADSWCH</v>
          </cell>
          <cell r="AN2603" t="str">
            <v>MDO C&amp;M</v>
          </cell>
          <cell r="AO2603" t="str">
            <v>MDO INDIANA NORTH C&amp;M</v>
          </cell>
        </row>
        <row r="2604">
          <cell r="F2604">
            <v>75115</v>
          </cell>
          <cell r="Z2604" t="str">
            <v>LOADSWCH</v>
          </cell>
          <cell r="AN2604" t="str">
            <v>MDO C&amp;M</v>
          </cell>
          <cell r="AO2604" t="str">
            <v>MDO INDIANA NORTH C&amp;M</v>
          </cell>
        </row>
        <row r="2605">
          <cell r="F2605">
            <v>75115</v>
          </cell>
          <cell r="Z2605" t="str">
            <v>LOADSWCH</v>
          </cell>
          <cell r="AN2605" t="str">
            <v>MDO C&amp;M</v>
          </cell>
          <cell r="AO2605" t="str">
            <v>MDO INDIANA NORTH C&amp;M</v>
          </cell>
        </row>
        <row r="2606">
          <cell r="F2606">
            <v>75115</v>
          </cell>
          <cell r="Z2606" t="str">
            <v>LOADSWCH</v>
          </cell>
          <cell r="AN2606" t="str">
            <v>MDO C&amp;M</v>
          </cell>
          <cell r="AO2606" t="str">
            <v>MDO INDIANA NORTH C&amp;M</v>
          </cell>
        </row>
        <row r="2607">
          <cell r="F2607">
            <v>75115</v>
          </cell>
          <cell r="Z2607" t="str">
            <v>LOADSWCH</v>
          </cell>
          <cell r="AN2607" t="str">
            <v>MDO C&amp;M</v>
          </cell>
          <cell r="AO2607" t="str">
            <v>MDO INDIANA NORTH C&amp;M</v>
          </cell>
        </row>
        <row r="2608">
          <cell r="F2608">
            <v>75115</v>
          </cell>
          <cell r="Z2608" t="str">
            <v>LOADSWCH</v>
          </cell>
          <cell r="AN2608" t="str">
            <v>MDO C&amp;M</v>
          </cell>
          <cell r="AO2608" t="str">
            <v>MDO INDIANA NORTH C&amp;M</v>
          </cell>
        </row>
        <row r="2609">
          <cell r="F2609">
            <v>75115</v>
          </cell>
          <cell r="Z2609" t="str">
            <v>LOADSWCH</v>
          </cell>
          <cell r="AN2609" t="str">
            <v>MDO C&amp;M</v>
          </cell>
          <cell r="AO2609" t="str">
            <v>MDO INDIANA NORTH C&amp;M</v>
          </cell>
        </row>
        <row r="2610">
          <cell r="F2610">
            <v>75115</v>
          </cell>
          <cell r="Z2610" t="str">
            <v>LOADSWCH</v>
          </cell>
          <cell r="AN2610" t="str">
            <v>MDO C&amp;M</v>
          </cell>
          <cell r="AO2610" t="str">
            <v>MDO INDIANA NORTH C&amp;M</v>
          </cell>
        </row>
        <row r="2611">
          <cell r="F2611">
            <v>75115</v>
          </cell>
          <cell r="Z2611" t="str">
            <v>LOADSWCH</v>
          </cell>
          <cell r="AN2611" t="str">
            <v>MDO C&amp;M</v>
          </cell>
          <cell r="AO2611" t="str">
            <v>MDO INDIANA NORTH C&amp;M</v>
          </cell>
        </row>
        <row r="2612">
          <cell r="F2612">
            <v>75115</v>
          </cell>
          <cell r="Z2612" t="str">
            <v>LOADSWCH</v>
          </cell>
          <cell r="AN2612" t="str">
            <v>MDO C&amp;M</v>
          </cell>
          <cell r="AO2612" t="str">
            <v>MDO INDIANA NORTH C&amp;M</v>
          </cell>
        </row>
        <row r="2613">
          <cell r="F2613">
            <v>75115</v>
          </cell>
          <cell r="Z2613" t="str">
            <v>LOADSWCH</v>
          </cell>
          <cell r="AN2613" t="str">
            <v>MDO C&amp;M</v>
          </cell>
          <cell r="AO2613" t="str">
            <v>MDO INDIANA NORTH C&amp;M</v>
          </cell>
        </row>
        <row r="2614">
          <cell r="F2614">
            <v>75115</v>
          </cell>
          <cell r="Z2614" t="str">
            <v>LOADSWCH</v>
          </cell>
          <cell r="AN2614" t="str">
            <v>MDO C&amp;M</v>
          </cell>
          <cell r="AO2614" t="str">
            <v>MDO INDIANA NORTH C&amp;M</v>
          </cell>
        </row>
        <row r="2615">
          <cell r="F2615">
            <v>75115</v>
          </cell>
          <cell r="Z2615" t="str">
            <v>LOADSWCH</v>
          </cell>
          <cell r="AN2615" t="str">
            <v>MDO C&amp;M</v>
          </cell>
          <cell r="AO2615" t="str">
            <v>MDO INDIANA NORTH C&amp;M</v>
          </cell>
        </row>
        <row r="2616">
          <cell r="F2616">
            <v>75115</v>
          </cell>
          <cell r="Z2616" t="str">
            <v>LOADSWCH</v>
          </cell>
          <cell r="AN2616" t="str">
            <v>MDO C&amp;M</v>
          </cell>
          <cell r="AO2616" t="str">
            <v>MDO INDIANA NORTH C&amp;M</v>
          </cell>
        </row>
        <row r="2617">
          <cell r="F2617">
            <v>75115</v>
          </cell>
          <cell r="Z2617" t="str">
            <v>LOADSWCH</v>
          </cell>
          <cell r="AN2617" t="str">
            <v>MDO C&amp;M</v>
          </cell>
          <cell r="AO2617" t="str">
            <v>MDO INDIANA NORTH C&amp;M</v>
          </cell>
        </row>
        <row r="2618">
          <cell r="F2618">
            <v>75115</v>
          </cell>
          <cell r="Z2618" t="str">
            <v>LOADSWCH</v>
          </cell>
          <cell r="AN2618" t="str">
            <v>MDO C&amp;M</v>
          </cell>
          <cell r="AO2618" t="str">
            <v>MDO INDIANA NORTH C&amp;M</v>
          </cell>
        </row>
        <row r="2619">
          <cell r="F2619">
            <v>75115</v>
          </cell>
          <cell r="Z2619" t="str">
            <v>LOADSWCH</v>
          </cell>
          <cell r="AN2619" t="str">
            <v>MDO C&amp;M</v>
          </cell>
          <cell r="AO2619" t="str">
            <v>MDO INDIANA NORTH C&amp;M</v>
          </cell>
        </row>
        <row r="2620">
          <cell r="F2620">
            <v>75115</v>
          </cell>
          <cell r="Z2620" t="str">
            <v>LOADSWCH</v>
          </cell>
          <cell r="AN2620" t="str">
            <v>MDO C&amp;M</v>
          </cell>
          <cell r="AO2620" t="str">
            <v>MDO INDIANA NORTH C&amp;M</v>
          </cell>
        </row>
        <row r="2621">
          <cell r="F2621">
            <v>75115</v>
          </cell>
          <cell r="Z2621" t="str">
            <v>LOADSWCH</v>
          </cell>
          <cell r="AN2621" t="str">
            <v>MDO C&amp;M</v>
          </cell>
          <cell r="AO2621" t="str">
            <v>MDO INDIANA NORTH C&amp;M</v>
          </cell>
        </row>
        <row r="2622">
          <cell r="F2622">
            <v>75115</v>
          </cell>
          <cell r="Z2622" t="str">
            <v>LOADSWCH</v>
          </cell>
          <cell r="AN2622" t="str">
            <v>MDO C&amp;M</v>
          </cell>
          <cell r="AO2622" t="str">
            <v>MDO INDIANA NORTH C&amp;M</v>
          </cell>
        </row>
        <row r="2623">
          <cell r="F2623">
            <v>75115</v>
          </cell>
          <cell r="Z2623" t="str">
            <v>LOADSWCH</v>
          </cell>
          <cell r="AN2623" t="str">
            <v>MDO C&amp;M</v>
          </cell>
          <cell r="AO2623" t="str">
            <v>MDO INDIANA NORTH C&amp;M</v>
          </cell>
        </row>
        <row r="2624">
          <cell r="F2624">
            <v>75115</v>
          </cell>
          <cell r="Z2624" t="str">
            <v>LOADSWCH</v>
          </cell>
          <cell r="AN2624" t="str">
            <v>MDO C&amp;M</v>
          </cell>
          <cell r="AO2624" t="str">
            <v>MDO INDIANA NORTH C&amp;M</v>
          </cell>
        </row>
        <row r="2625">
          <cell r="F2625">
            <v>75115</v>
          </cell>
          <cell r="Z2625" t="str">
            <v>LOADSWCH</v>
          </cell>
          <cell r="AN2625" t="str">
            <v>MDO C&amp;M</v>
          </cell>
          <cell r="AO2625" t="str">
            <v>MDO INDIANA NORTH C&amp;M</v>
          </cell>
        </row>
        <row r="2626">
          <cell r="F2626">
            <v>75115</v>
          </cell>
          <cell r="Z2626" t="str">
            <v>LOADSWCH</v>
          </cell>
          <cell r="AN2626" t="str">
            <v>MDO C&amp;M</v>
          </cell>
          <cell r="AO2626" t="str">
            <v>MDO INDIANA NORTH C&amp;M</v>
          </cell>
        </row>
        <row r="2627">
          <cell r="F2627">
            <v>75115</v>
          </cell>
          <cell r="Z2627" t="str">
            <v>LOADSWCH</v>
          </cell>
          <cell r="AN2627" t="str">
            <v>MDO C&amp;M</v>
          </cell>
          <cell r="AO2627" t="str">
            <v>MDO INDIANA NORTH C&amp;M</v>
          </cell>
        </row>
        <row r="2628">
          <cell r="F2628">
            <v>75115</v>
          </cell>
          <cell r="Z2628" t="str">
            <v>LOADSWCH</v>
          </cell>
          <cell r="AN2628" t="str">
            <v>MDO C&amp;M</v>
          </cell>
          <cell r="AO2628" t="str">
            <v>MDO INDIANA NORTH C&amp;M</v>
          </cell>
        </row>
        <row r="2629">
          <cell r="F2629">
            <v>75115</v>
          </cell>
          <cell r="Z2629" t="str">
            <v>LOADSWCH</v>
          </cell>
          <cell r="AN2629" t="str">
            <v>MDO C&amp;M</v>
          </cell>
          <cell r="AO2629" t="str">
            <v>MDO INDIANA NORTH C&amp;M</v>
          </cell>
        </row>
        <row r="2630">
          <cell r="F2630">
            <v>75115</v>
          </cell>
          <cell r="Z2630" t="str">
            <v>LOADSWCH</v>
          </cell>
          <cell r="AN2630" t="str">
            <v>MDO C&amp;M</v>
          </cell>
          <cell r="AO2630" t="str">
            <v>MDO INDIANA NORTH C&amp;M</v>
          </cell>
        </row>
        <row r="2631">
          <cell r="F2631">
            <v>75115</v>
          </cell>
          <cell r="Z2631" t="str">
            <v>LOADSWCH</v>
          </cell>
          <cell r="AN2631" t="str">
            <v>MDO C&amp;M</v>
          </cell>
          <cell r="AO2631" t="str">
            <v>MDO INDIANA NORTH C&amp;M</v>
          </cell>
        </row>
        <row r="2632">
          <cell r="F2632">
            <v>75115</v>
          </cell>
          <cell r="Z2632" t="str">
            <v>LOADSWCH</v>
          </cell>
          <cell r="AN2632" t="str">
            <v>MDO C&amp;M</v>
          </cell>
          <cell r="AO2632" t="str">
            <v>MDO INDIANA NORTH C&amp;M</v>
          </cell>
        </row>
        <row r="2633">
          <cell r="F2633">
            <v>75115</v>
          </cell>
          <cell r="Z2633" t="str">
            <v>LOADSWCH</v>
          </cell>
          <cell r="AN2633" t="str">
            <v>MDO C&amp;M</v>
          </cell>
          <cell r="AO2633" t="str">
            <v>MDO INDIANA NORTH C&amp;M</v>
          </cell>
        </row>
        <row r="2634">
          <cell r="F2634">
            <v>75115</v>
          </cell>
          <cell r="Z2634" t="str">
            <v>LOADSWCH</v>
          </cell>
          <cell r="AN2634" t="str">
            <v>MDO C&amp;M</v>
          </cell>
          <cell r="AO2634" t="str">
            <v>MDO INDIANA NORTH C&amp;M</v>
          </cell>
        </row>
        <row r="2635">
          <cell r="F2635">
            <v>75115</v>
          </cell>
          <cell r="Z2635" t="str">
            <v>LOADSWCH</v>
          </cell>
          <cell r="AN2635" t="str">
            <v>MDO C&amp;M</v>
          </cell>
          <cell r="AO2635" t="str">
            <v>MDO INDIANA NORTH C&amp;M</v>
          </cell>
        </row>
        <row r="2636">
          <cell r="F2636">
            <v>75115</v>
          </cell>
          <cell r="Z2636" t="str">
            <v>LOADSWCH</v>
          </cell>
          <cell r="AN2636" t="str">
            <v>MDO C&amp;M</v>
          </cell>
          <cell r="AO2636" t="str">
            <v>MDO INDIANA NORTH C&amp;M</v>
          </cell>
        </row>
        <row r="2637">
          <cell r="F2637">
            <v>75115</v>
          </cell>
          <cell r="Z2637" t="str">
            <v>LOADSWCH</v>
          </cell>
          <cell r="AN2637" t="str">
            <v>MDO C&amp;M</v>
          </cell>
          <cell r="AO2637" t="str">
            <v>MDO INDIANA NORTH C&amp;M</v>
          </cell>
        </row>
        <row r="2638">
          <cell r="F2638">
            <v>75115</v>
          </cell>
          <cell r="Z2638" t="str">
            <v>LOADSWCH</v>
          </cell>
          <cell r="AN2638" t="str">
            <v>MDO C&amp;M</v>
          </cell>
          <cell r="AO2638" t="str">
            <v>MDO INDIANA NORTH C&amp;M</v>
          </cell>
        </row>
        <row r="2639">
          <cell r="F2639">
            <v>75115</v>
          </cell>
          <cell r="Z2639" t="str">
            <v>LOADSWCH</v>
          </cell>
          <cell r="AN2639" t="str">
            <v>MDO C&amp;M</v>
          </cell>
          <cell r="AO2639" t="str">
            <v>MDO INDIANA NORTH C&amp;M</v>
          </cell>
        </row>
        <row r="2640">
          <cell r="F2640">
            <v>75115</v>
          </cell>
          <cell r="Z2640" t="str">
            <v>LOADSWCH</v>
          </cell>
          <cell r="AN2640" t="str">
            <v>MDO C&amp;M</v>
          </cell>
          <cell r="AO2640" t="str">
            <v>MDO INDIANA NORTH C&amp;M</v>
          </cell>
        </row>
        <row r="2641">
          <cell r="F2641">
            <v>75115</v>
          </cell>
          <cell r="Z2641" t="str">
            <v>LOADSWCH</v>
          </cell>
          <cell r="AN2641" t="str">
            <v>MDO C&amp;M</v>
          </cell>
          <cell r="AO2641" t="str">
            <v>MDO INDIANA NORTH C&amp;M</v>
          </cell>
        </row>
        <row r="2642">
          <cell r="F2642">
            <v>75115</v>
          </cell>
          <cell r="Z2642" t="str">
            <v>LOADSWCH</v>
          </cell>
          <cell r="AN2642" t="str">
            <v>MDO C&amp;M</v>
          </cell>
          <cell r="AO2642" t="str">
            <v>MDO INDIANA NORTH C&amp;M</v>
          </cell>
        </row>
        <row r="2643">
          <cell r="F2643">
            <v>75115</v>
          </cell>
          <cell r="Z2643" t="str">
            <v>LOADSWCH</v>
          </cell>
          <cell r="AN2643" t="str">
            <v>MDO C&amp;M</v>
          </cell>
          <cell r="AO2643" t="str">
            <v>MDO INDIANA NORTH C&amp;M</v>
          </cell>
        </row>
        <row r="2644">
          <cell r="F2644">
            <v>75115</v>
          </cell>
          <cell r="Z2644" t="str">
            <v>LOADSWCH</v>
          </cell>
          <cell r="AN2644" t="str">
            <v>MDO C&amp;M</v>
          </cell>
          <cell r="AO2644" t="str">
            <v>MDO INDIANA NORTH C&amp;M</v>
          </cell>
        </row>
        <row r="2645">
          <cell r="F2645">
            <v>75115</v>
          </cell>
          <cell r="Z2645" t="str">
            <v>LOADSWCH</v>
          </cell>
          <cell r="AN2645" t="str">
            <v>MDO C&amp;M</v>
          </cell>
          <cell r="AO2645" t="str">
            <v>MDO INDIANA NORTH C&amp;M</v>
          </cell>
        </row>
        <row r="2646">
          <cell r="F2646">
            <v>75115</v>
          </cell>
          <cell r="Z2646" t="str">
            <v>LOADSWCH</v>
          </cell>
          <cell r="AN2646" t="str">
            <v>MDO C&amp;M</v>
          </cell>
          <cell r="AO2646" t="str">
            <v>MDO INDIANA NORTH C&amp;M</v>
          </cell>
        </row>
        <row r="2647">
          <cell r="F2647">
            <v>75115</v>
          </cell>
          <cell r="Z2647" t="str">
            <v>LOADSWCH</v>
          </cell>
          <cell r="AN2647" t="str">
            <v>MDO C&amp;M</v>
          </cell>
          <cell r="AO2647" t="str">
            <v>MDO INDIANA NORTH C&amp;M</v>
          </cell>
        </row>
        <row r="2648">
          <cell r="F2648">
            <v>75115</v>
          </cell>
          <cell r="Z2648" t="str">
            <v>LOADSWCH</v>
          </cell>
          <cell r="AN2648" t="str">
            <v>MDO C&amp;M</v>
          </cell>
          <cell r="AO2648" t="str">
            <v>MDO INDIANA NORTH C&amp;M</v>
          </cell>
        </row>
        <row r="2649">
          <cell r="F2649">
            <v>75115</v>
          </cell>
          <cell r="Z2649" t="str">
            <v>LOADSWCH</v>
          </cell>
          <cell r="AN2649" t="str">
            <v>MDO C&amp;M</v>
          </cell>
          <cell r="AO2649" t="str">
            <v>MDO INDIANA NORTH C&amp;M</v>
          </cell>
        </row>
        <row r="2650">
          <cell r="F2650">
            <v>75115</v>
          </cell>
          <cell r="Z2650" t="str">
            <v>LOADSWCH</v>
          </cell>
          <cell r="AN2650" t="str">
            <v>MDO C&amp;M</v>
          </cell>
          <cell r="AO2650" t="str">
            <v>MDO INDIANA NORTH C&amp;M</v>
          </cell>
        </row>
        <row r="2651">
          <cell r="F2651">
            <v>75115</v>
          </cell>
          <cell r="Z2651" t="str">
            <v>LOADSWCH</v>
          </cell>
          <cell r="AN2651" t="str">
            <v>MDO C&amp;M</v>
          </cell>
          <cell r="AO2651" t="str">
            <v>MDO INDIANA NORTH C&amp;M</v>
          </cell>
        </row>
        <row r="2652">
          <cell r="F2652">
            <v>75115</v>
          </cell>
          <cell r="Z2652" t="str">
            <v>LOADSWCH</v>
          </cell>
          <cell r="AN2652" t="str">
            <v>MDO C&amp;M</v>
          </cell>
          <cell r="AO2652" t="str">
            <v>MDO INDIANA NORTH C&amp;M</v>
          </cell>
        </row>
        <row r="2653">
          <cell r="F2653">
            <v>75115</v>
          </cell>
          <cell r="Z2653" t="str">
            <v>LOADSWCH</v>
          </cell>
          <cell r="AN2653" t="str">
            <v>MDO C&amp;M</v>
          </cell>
          <cell r="AO2653" t="str">
            <v>MDO INDIANA NORTH C&amp;M</v>
          </cell>
        </row>
        <row r="2654">
          <cell r="F2654">
            <v>75115</v>
          </cell>
          <cell r="Z2654" t="str">
            <v>LOADSWCH</v>
          </cell>
          <cell r="AN2654" t="str">
            <v>MDO C&amp;M</v>
          </cell>
          <cell r="AO2654" t="str">
            <v>MDO INDIANA NORTH C&amp;M</v>
          </cell>
        </row>
        <row r="2655">
          <cell r="F2655">
            <v>75115</v>
          </cell>
          <cell r="Z2655" t="str">
            <v>LOADSWCH</v>
          </cell>
          <cell r="AN2655" t="str">
            <v>MDO C&amp;M</v>
          </cell>
          <cell r="AO2655" t="str">
            <v>MDO INDIANA NORTH C&amp;M</v>
          </cell>
        </row>
        <row r="2656">
          <cell r="F2656">
            <v>75115</v>
          </cell>
          <cell r="Z2656" t="str">
            <v>LOADSWCH</v>
          </cell>
          <cell r="AN2656" t="str">
            <v>MDO C&amp;M</v>
          </cell>
          <cell r="AO2656" t="str">
            <v>MDO INDIANA NORTH C&amp;M</v>
          </cell>
        </row>
        <row r="2657">
          <cell r="F2657">
            <v>75115</v>
          </cell>
          <cell r="Z2657" t="str">
            <v>LOADSWCH</v>
          </cell>
          <cell r="AN2657" t="str">
            <v>MDO C&amp;M</v>
          </cell>
          <cell r="AO2657" t="str">
            <v>MDO INDIANA NORTH C&amp;M</v>
          </cell>
        </row>
        <row r="2658">
          <cell r="F2658">
            <v>75115</v>
          </cell>
          <cell r="Z2658" t="str">
            <v>LOADSWCH</v>
          </cell>
          <cell r="AN2658" t="str">
            <v>MDO C&amp;M</v>
          </cell>
          <cell r="AO2658" t="str">
            <v>MDO INDIANA NORTH C&amp;M</v>
          </cell>
        </row>
        <row r="2659">
          <cell r="F2659">
            <v>75115</v>
          </cell>
          <cell r="Z2659" t="str">
            <v>LOADSWCH</v>
          </cell>
          <cell r="AN2659" t="str">
            <v>MDO C&amp;M</v>
          </cell>
          <cell r="AO2659" t="str">
            <v>MDO INDIANA NORTH C&amp;M</v>
          </cell>
        </row>
        <row r="2660">
          <cell r="F2660">
            <v>75115</v>
          </cell>
          <cell r="Z2660" t="str">
            <v>LOADSWCH</v>
          </cell>
          <cell r="AN2660" t="str">
            <v>MDO C&amp;M</v>
          </cell>
          <cell r="AO2660" t="str">
            <v>MDO INDIANA NORTH C&amp;M</v>
          </cell>
        </row>
        <row r="2661">
          <cell r="F2661">
            <v>75115</v>
          </cell>
          <cell r="Z2661" t="str">
            <v>LOADSWCH</v>
          </cell>
          <cell r="AN2661" t="str">
            <v>MDO C&amp;M</v>
          </cell>
          <cell r="AO2661" t="str">
            <v>MDO INDIANA NORTH C&amp;M</v>
          </cell>
        </row>
        <row r="2662">
          <cell r="F2662">
            <v>75115</v>
          </cell>
          <cell r="Z2662" t="str">
            <v>LOADSWCH</v>
          </cell>
          <cell r="AN2662" t="str">
            <v>MDO C&amp;M</v>
          </cell>
          <cell r="AO2662" t="str">
            <v>MDO INDIANA NORTH C&amp;M</v>
          </cell>
        </row>
        <row r="2663">
          <cell r="F2663">
            <v>75115</v>
          </cell>
          <cell r="Z2663" t="str">
            <v>LOADSWCH</v>
          </cell>
          <cell r="AN2663" t="str">
            <v>MDO C&amp;M</v>
          </cell>
          <cell r="AO2663" t="str">
            <v>MDO INDIANA NORTH C&amp;M</v>
          </cell>
        </row>
        <row r="2664">
          <cell r="F2664">
            <v>75115</v>
          </cell>
          <cell r="Z2664" t="str">
            <v>LOADSWCH</v>
          </cell>
          <cell r="AN2664" t="str">
            <v>MDO C&amp;M</v>
          </cell>
          <cell r="AO2664" t="str">
            <v>MDO INDIANA NORTH C&amp;M</v>
          </cell>
        </row>
        <row r="2665">
          <cell r="F2665">
            <v>75023</v>
          </cell>
          <cell r="Z2665" t="str">
            <v>RECOM</v>
          </cell>
          <cell r="AN2665" t="str">
            <v>MDO C&amp;M</v>
          </cell>
          <cell r="AO2665" t="str">
            <v>MDO OH/KEN C&amp;M</v>
          </cell>
        </row>
        <row r="2666">
          <cell r="F2666">
            <v>75023</v>
          </cell>
          <cell r="Z2666" t="str">
            <v>RECOM</v>
          </cell>
          <cell r="AN2666" t="str">
            <v>MDO C&amp;M</v>
          </cell>
          <cell r="AO2666" t="str">
            <v>MDO OH/KEN C&amp;M</v>
          </cell>
        </row>
        <row r="2667">
          <cell r="F2667">
            <v>75023</v>
          </cell>
          <cell r="Z2667" t="str">
            <v>RECOM</v>
          </cell>
          <cell r="AN2667" t="str">
            <v>MDO C&amp;M</v>
          </cell>
          <cell r="AO2667" t="str">
            <v>MDO OH/KEN C&amp;M</v>
          </cell>
        </row>
        <row r="2668">
          <cell r="F2668">
            <v>75023</v>
          </cell>
          <cell r="Z2668" t="str">
            <v>RECOM</v>
          </cell>
          <cell r="AN2668" t="str">
            <v>MDO C&amp;M</v>
          </cell>
          <cell r="AO2668" t="str">
            <v>MDO OH/KEN C&amp;M</v>
          </cell>
        </row>
        <row r="2669">
          <cell r="F2669">
            <v>75023</v>
          </cell>
          <cell r="Z2669" t="str">
            <v>RECOM</v>
          </cell>
          <cell r="AN2669" t="str">
            <v>MDO C&amp;M</v>
          </cell>
          <cell r="AO2669" t="str">
            <v>MDO OH/KEN C&amp;M</v>
          </cell>
        </row>
        <row r="2670">
          <cell r="F2670">
            <v>75023</v>
          </cell>
          <cell r="Z2670" t="str">
            <v>RECOM</v>
          </cell>
          <cell r="AN2670" t="str">
            <v>MDO C&amp;M</v>
          </cell>
          <cell r="AO2670" t="str">
            <v>MDO OH/KEN C&amp;M</v>
          </cell>
        </row>
        <row r="2671">
          <cell r="F2671">
            <v>75023</v>
          </cell>
          <cell r="Z2671" t="str">
            <v>RECOM</v>
          </cell>
          <cell r="AN2671" t="str">
            <v>MDO C&amp;M</v>
          </cell>
          <cell r="AO2671" t="str">
            <v>MDO OH/KEN C&amp;M</v>
          </cell>
        </row>
        <row r="2672">
          <cell r="F2672">
            <v>75023</v>
          </cell>
          <cell r="Z2672" t="str">
            <v>RECOM</v>
          </cell>
          <cell r="AN2672" t="str">
            <v>MDO C&amp;M</v>
          </cell>
          <cell r="AO2672" t="str">
            <v>MDO OH/KEN C&amp;M</v>
          </cell>
        </row>
        <row r="2673">
          <cell r="F2673">
            <v>75023</v>
          </cell>
          <cell r="Z2673" t="str">
            <v>RECOM</v>
          </cell>
          <cell r="AN2673" t="str">
            <v>MDO C&amp;M</v>
          </cell>
          <cell r="AO2673" t="str">
            <v>MDO OH/KEN C&amp;M</v>
          </cell>
        </row>
        <row r="2674">
          <cell r="F2674">
            <v>75023</v>
          </cell>
          <cell r="Z2674" t="str">
            <v>RECOM</v>
          </cell>
          <cell r="AN2674" t="str">
            <v>MDO C&amp;M</v>
          </cell>
          <cell r="AO2674" t="str">
            <v>MDO OH/KEN C&amp;M</v>
          </cell>
        </row>
        <row r="2675">
          <cell r="F2675">
            <v>75023</v>
          </cell>
          <cell r="Z2675" t="str">
            <v>RECOM</v>
          </cell>
          <cell r="AN2675" t="str">
            <v>MDO C&amp;M</v>
          </cell>
          <cell r="AO2675" t="str">
            <v>MDO OH/KEN C&amp;M</v>
          </cell>
        </row>
        <row r="2676">
          <cell r="F2676">
            <v>75023</v>
          </cell>
          <cell r="Z2676" t="str">
            <v>RECOM</v>
          </cell>
          <cell r="AN2676" t="str">
            <v>MDO C&amp;M</v>
          </cell>
          <cell r="AO2676" t="str">
            <v>MDO OH/KEN C&amp;M</v>
          </cell>
        </row>
        <row r="2677">
          <cell r="F2677">
            <v>75023</v>
          </cell>
          <cell r="Z2677" t="str">
            <v>RECOM</v>
          </cell>
          <cell r="AN2677" t="str">
            <v>MDO C&amp;M</v>
          </cell>
          <cell r="AO2677" t="str">
            <v>MDO OH/KEN C&amp;M</v>
          </cell>
        </row>
        <row r="2678">
          <cell r="F2678">
            <v>75023</v>
          </cell>
          <cell r="Z2678" t="str">
            <v>RECOM</v>
          </cell>
          <cell r="AN2678" t="str">
            <v>MDO C&amp;M</v>
          </cell>
          <cell r="AO2678" t="str">
            <v>MDO OH/KEN C&amp;M</v>
          </cell>
        </row>
        <row r="2679">
          <cell r="F2679">
            <v>75023</v>
          </cell>
          <cell r="Z2679" t="str">
            <v>RECOM</v>
          </cell>
          <cell r="AN2679" t="str">
            <v>MDO C&amp;M</v>
          </cell>
          <cell r="AO2679" t="str">
            <v>MDO OH/KEN C&amp;M</v>
          </cell>
        </row>
        <row r="2680">
          <cell r="F2680">
            <v>75023</v>
          </cell>
          <cell r="Z2680" t="str">
            <v>RECOM</v>
          </cell>
          <cell r="AN2680" t="str">
            <v>MDO C&amp;M</v>
          </cell>
          <cell r="AO2680" t="str">
            <v>MDO OH/KEN C&amp;M</v>
          </cell>
        </row>
        <row r="2681">
          <cell r="F2681">
            <v>75023</v>
          </cell>
          <cell r="Z2681" t="str">
            <v>RECOM</v>
          </cell>
          <cell r="AN2681" t="str">
            <v>MDO C&amp;M</v>
          </cell>
          <cell r="AO2681" t="str">
            <v>MDO OH/KEN C&amp;M</v>
          </cell>
        </row>
        <row r="2682">
          <cell r="F2682">
            <v>75023</v>
          </cell>
          <cell r="Z2682" t="str">
            <v>RECOM</v>
          </cell>
          <cell r="AN2682" t="str">
            <v>MDO C&amp;M</v>
          </cell>
          <cell r="AO2682" t="str">
            <v>MDO OH/KEN C&amp;M</v>
          </cell>
        </row>
        <row r="2683">
          <cell r="F2683">
            <v>75023</v>
          </cell>
          <cell r="Z2683" t="str">
            <v>RECOM</v>
          </cell>
          <cell r="AN2683" t="str">
            <v>MDO C&amp;M</v>
          </cell>
          <cell r="AO2683" t="str">
            <v>MDO OH/KEN C&amp;M</v>
          </cell>
        </row>
        <row r="2684">
          <cell r="F2684">
            <v>75023</v>
          </cell>
          <cell r="Z2684" t="str">
            <v>RECOM</v>
          </cell>
          <cell r="AN2684" t="str">
            <v>MDO C&amp;M</v>
          </cell>
          <cell r="AO2684" t="str">
            <v>MDO OH/KEN C&amp;M</v>
          </cell>
        </row>
        <row r="2685">
          <cell r="F2685">
            <v>75023</v>
          </cell>
          <cell r="Z2685" t="str">
            <v>RECOM</v>
          </cell>
          <cell r="AN2685" t="str">
            <v>MDO C&amp;M</v>
          </cell>
          <cell r="AO2685" t="str">
            <v>MDO OH/KEN C&amp;M</v>
          </cell>
        </row>
        <row r="2686">
          <cell r="F2686">
            <v>75023</v>
          </cell>
          <cell r="Z2686" t="str">
            <v>RECOM</v>
          </cell>
          <cell r="AN2686" t="str">
            <v>MDO C&amp;M</v>
          </cell>
          <cell r="AO2686" t="str">
            <v>MDO OH/KEN C&amp;M</v>
          </cell>
        </row>
        <row r="2687">
          <cell r="F2687">
            <v>75023</v>
          </cell>
          <cell r="Z2687" t="str">
            <v>RECOM</v>
          </cell>
          <cell r="AN2687" t="str">
            <v>MDO C&amp;M</v>
          </cell>
          <cell r="AO2687" t="str">
            <v>MDO OH/KEN C&amp;M</v>
          </cell>
        </row>
        <row r="2688">
          <cell r="F2688">
            <v>75023</v>
          </cell>
          <cell r="Z2688" t="str">
            <v>RECOM</v>
          </cell>
          <cell r="AN2688" t="str">
            <v>MDO C&amp;M</v>
          </cell>
          <cell r="AO2688" t="str">
            <v>MDO OH/KEN C&amp;M</v>
          </cell>
        </row>
        <row r="2689">
          <cell r="F2689">
            <v>75023</v>
          </cell>
          <cell r="Z2689" t="str">
            <v>RECOM</v>
          </cell>
          <cell r="AN2689" t="str">
            <v>MDO C&amp;M</v>
          </cell>
          <cell r="AO2689" t="str">
            <v>MDO OH/KEN C&amp;M</v>
          </cell>
        </row>
        <row r="2690">
          <cell r="F2690">
            <v>75023</v>
          </cell>
          <cell r="Z2690" t="str">
            <v>RECOM</v>
          </cell>
          <cell r="AN2690" t="str">
            <v>MDO C&amp;M</v>
          </cell>
          <cell r="AO2690" t="str">
            <v>MDO OH/KEN C&amp;M</v>
          </cell>
        </row>
        <row r="2691">
          <cell r="F2691">
            <v>75023</v>
          </cell>
          <cell r="Z2691" t="str">
            <v>RECOM</v>
          </cell>
          <cell r="AN2691" t="str">
            <v>MDO C&amp;M</v>
          </cell>
          <cell r="AO2691" t="str">
            <v>MDO OH/KEN C&amp;M</v>
          </cell>
        </row>
        <row r="2692">
          <cell r="F2692">
            <v>75023</v>
          </cell>
          <cell r="Z2692" t="str">
            <v>RECOM</v>
          </cell>
          <cell r="AN2692" t="str">
            <v>MDO C&amp;M</v>
          </cell>
          <cell r="AO2692" t="str">
            <v>MDO OH/KEN C&amp;M</v>
          </cell>
        </row>
        <row r="2693">
          <cell r="F2693">
            <v>75023</v>
          </cell>
          <cell r="Z2693" t="str">
            <v>RECOM</v>
          </cell>
          <cell r="AN2693" t="str">
            <v>MDO C&amp;M</v>
          </cell>
          <cell r="AO2693" t="str">
            <v>MDO OH/KEN C&amp;M</v>
          </cell>
        </row>
        <row r="2694">
          <cell r="F2694">
            <v>75023</v>
          </cell>
          <cell r="Z2694" t="str">
            <v>RECOM</v>
          </cell>
          <cell r="AN2694" t="str">
            <v>MDO C&amp;M</v>
          </cell>
          <cell r="AO2694" t="str">
            <v>MDO OH/KEN C&amp;M</v>
          </cell>
        </row>
        <row r="2695">
          <cell r="F2695">
            <v>75023</v>
          </cell>
          <cell r="Z2695" t="str">
            <v>RECOM</v>
          </cell>
          <cell r="AN2695" t="str">
            <v>MDO C&amp;M</v>
          </cell>
          <cell r="AO2695" t="str">
            <v>MDO OH/KEN C&amp;M</v>
          </cell>
        </row>
        <row r="2696">
          <cell r="F2696">
            <v>75023</v>
          </cell>
          <cell r="Z2696" t="str">
            <v>RECOM</v>
          </cell>
          <cell r="AN2696" t="str">
            <v>MDO C&amp;M</v>
          </cell>
          <cell r="AO2696" t="str">
            <v>MDO OH/KEN C&amp;M</v>
          </cell>
        </row>
        <row r="2697">
          <cell r="F2697">
            <v>75023</v>
          </cell>
          <cell r="Z2697" t="str">
            <v>RECOM</v>
          </cell>
          <cell r="AN2697" t="str">
            <v>MDO C&amp;M</v>
          </cell>
          <cell r="AO2697" t="str">
            <v>MDO OH/KEN C&amp;M</v>
          </cell>
        </row>
        <row r="2698">
          <cell r="F2698">
            <v>75023</v>
          </cell>
          <cell r="Z2698" t="str">
            <v>RECOM</v>
          </cell>
          <cell r="AN2698" t="str">
            <v>MDO C&amp;M</v>
          </cell>
          <cell r="AO2698" t="str">
            <v>MDO OH/KEN C&amp;M</v>
          </cell>
        </row>
        <row r="2699">
          <cell r="F2699">
            <v>75023</v>
          </cell>
          <cell r="Z2699" t="str">
            <v>RECOM</v>
          </cell>
          <cell r="AN2699" t="str">
            <v>MDO C&amp;M</v>
          </cell>
          <cell r="AO2699" t="str">
            <v>MDO OH/KEN C&amp;M</v>
          </cell>
        </row>
        <row r="2700">
          <cell r="F2700">
            <v>75023</v>
          </cell>
          <cell r="Z2700" t="str">
            <v>RECOM</v>
          </cell>
          <cell r="AN2700" t="str">
            <v>MDO C&amp;M</v>
          </cell>
          <cell r="AO2700" t="str">
            <v>MDO OH/KEN C&amp;M</v>
          </cell>
        </row>
        <row r="2701">
          <cell r="F2701">
            <v>75023</v>
          </cell>
          <cell r="Z2701" t="str">
            <v>RECOM</v>
          </cell>
          <cell r="AN2701" t="str">
            <v>MDO C&amp;M</v>
          </cell>
          <cell r="AO2701" t="str">
            <v>MDO OH/KEN C&amp;M</v>
          </cell>
        </row>
        <row r="2702">
          <cell r="F2702">
            <v>75023</v>
          </cell>
          <cell r="Z2702" t="str">
            <v>RECOM</v>
          </cell>
          <cell r="AN2702" t="str">
            <v>MDO C&amp;M</v>
          </cell>
          <cell r="AO2702" t="str">
            <v>MDO OH/KEN C&amp;M</v>
          </cell>
        </row>
        <row r="2703">
          <cell r="F2703">
            <v>75023</v>
          </cell>
          <cell r="Z2703" t="str">
            <v>RECOM</v>
          </cell>
          <cell r="AN2703" t="str">
            <v>MDO C&amp;M</v>
          </cell>
          <cell r="AO2703" t="str">
            <v>MDO OH/KEN C&amp;M</v>
          </cell>
        </row>
        <row r="2704">
          <cell r="F2704">
            <v>75023</v>
          </cell>
          <cell r="Z2704" t="str">
            <v>RECOM</v>
          </cell>
          <cell r="AN2704" t="str">
            <v>MDO C&amp;M</v>
          </cell>
          <cell r="AO2704" t="str">
            <v>MDO OH/KEN C&amp;M</v>
          </cell>
        </row>
        <row r="2705">
          <cell r="F2705">
            <v>75023</v>
          </cell>
          <cell r="Z2705" t="str">
            <v>RECOM</v>
          </cell>
          <cell r="AN2705" t="str">
            <v>MDO C&amp;M</v>
          </cell>
          <cell r="AO2705" t="str">
            <v>MDO OH/KEN C&amp;M</v>
          </cell>
        </row>
        <row r="2706">
          <cell r="F2706">
            <v>75023</v>
          </cell>
          <cell r="Z2706" t="str">
            <v>RECOM</v>
          </cell>
          <cell r="AN2706" t="str">
            <v>MDO C&amp;M</v>
          </cell>
          <cell r="AO2706" t="str">
            <v>MDO OH/KEN C&amp;M</v>
          </cell>
        </row>
        <row r="2707">
          <cell r="F2707">
            <v>75023</v>
          </cell>
          <cell r="Z2707" t="str">
            <v>RECOM</v>
          </cell>
          <cell r="AN2707" t="str">
            <v>MDO C&amp;M</v>
          </cell>
          <cell r="AO2707" t="str">
            <v>MDO OH/KEN C&amp;M</v>
          </cell>
        </row>
        <row r="2708">
          <cell r="F2708">
            <v>75023</v>
          </cell>
          <cell r="Z2708" t="str">
            <v>RECOM</v>
          </cell>
          <cell r="AN2708" t="str">
            <v>MDO C&amp;M</v>
          </cell>
          <cell r="AO2708" t="str">
            <v>MDO OH/KEN C&amp;M</v>
          </cell>
        </row>
        <row r="2709">
          <cell r="F2709">
            <v>75023</v>
          </cell>
          <cell r="Z2709" t="str">
            <v>RECOM</v>
          </cell>
          <cell r="AN2709" t="str">
            <v>MDO C&amp;M</v>
          </cell>
          <cell r="AO2709" t="str">
            <v>MDO OH/KEN C&amp;M</v>
          </cell>
        </row>
        <row r="2710">
          <cell r="F2710">
            <v>75084</v>
          </cell>
          <cell r="Z2710" t="str">
            <v>RECOM</v>
          </cell>
          <cell r="AN2710" t="str">
            <v>MDO C&amp;M</v>
          </cell>
          <cell r="AO2710" t="str">
            <v>MDO OH/KEN C&amp;M</v>
          </cell>
        </row>
        <row r="2711">
          <cell r="F2711">
            <v>75084</v>
          </cell>
          <cell r="Z2711" t="str">
            <v>RECOM</v>
          </cell>
          <cell r="AN2711" t="str">
            <v>MDO C&amp;M</v>
          </cell>
          <cell r="AO2711" t="str">
            <v>MDO OH/KEN C&amp;M</v>
          </cell>
        </row>
        <row r="2712">
          <cell r="F2712">
            <v>75084</v>
          </cell>
          <cell r="Z2712" t="str">
            <v>RECOM</v>
          </cell>
          <cell r="AN2712" t="str">
            <v>MDO C&amp;M</v>
          </cell>
          <cell r="AO2712" t="str">
            <v>MDO OH/KEN C&amp;M</v>
          </cell>
        </row>
        <row r="2713">
          <cell r="F2713">
            <v>75084</v>
          </cell>
          <cell r="Z2713" t="str">
            <v>RECOM</v>
          </cell>
          <cell r="AN2713" t="str">
            <v>MDO C&amp;M</v>
          </cell>
          <cell r="AO2713" t="str">
            <v>MDO OH/KEN C&amp;M</v>
          </cell>
        </row>
        <row r="2714">
          <cell r="F2714">
            <v>75084</v>
          </cell>
          <cell r="Z2714" t="str">
            <v>RECOM</v>
          </cell>
          <cell r="AN2714" t="str">
            <v>MDO C&amp;M</v>
          </cell>
          <cell r="AO2714" t="str">
            <v>MDO OH/KEN C&amp;M</v>
          </cell>
        </row>
        <row r="2715">
          <cell r="F2715">
            <v>75115</v>
          </cell>
          <cell r="Z2715" t="str">
            <v>RECOM</v>
          </cell>
          <cell r="AN2715" t="str">
            <v>MDO C&amp;M</v>
          </cell>
          <cell r="AO2715" t="str">
            <v>MDO INDIANA SOUTHWEST C&amp;M</v>
          </cell>
        </row>
        <row r="2716">
          <cell r="F2716">
            <v>75115</v>
          </cell>
          <cell r="Z2716" t="str">
            <v>RECOM</v>
          </cell>
          <cell r="AN2716" t="str">
            <v>MDO C&amp;M</v>
          </cell>
          <cell r="AO2716" t="str">
            <v>MDO INDIANA SOUTHWEST C&amp;M</v>
          </cell>
        </row>
        <row r="2717">
          <cell r="F2717">
            <v>75115</v>
          </cell>
          <cell r="Z2717" t="str">
            <v>RECOM</v>
          </cell>
          <cell r="AN2717" t="str">
            <v>MDO C&amp;M</v>
          </cell>
          <cell r="AO2717" t="str">
            <v>MDO INDIANA SOUTHWEST C&amp;M</v>
          </cell>
        </row>
        <row r="2718">
          <cell r="F2718">
            <v>75115</v>
          </cell>
          <cell r="Z2718" t="str">
            <v>RECOM</v>
          </cell>
          <cell r="AN2718" t="str">
            <v>MDO C&amp;M</v>
          </cell>
          <cell r="AO2718" t="str">
            <v>MDO INDIANA SOUTHWEST C&amp;M</v>
          </cell>
        </row>
        <row r="2719">
          <cell r="F2719">
            <v>75115</v>
          </cell>
          <cell r="Z2719" t="str">
            <v>RECOM</v>
          </cell>
          <cell r="AN2719" t="str">
            <v>MDO C&amp;M</v>
          </cell>
          <cell r="AO2719" t="str">
            <v>MDO INDIANA SOUTHWEST C&amp;M</v>
          </cell>
        </row>
        <row r="2720">
          <cell r="F2720">
            <v>75115</v>
          </cell>
          <cell r="Z2720" t="str">
            <v>RECOM</v>
          </cell>
          <cell r="AN2720" t="str">
            <v>MDO C&amp;M</v>
          </cell>
          <cell r="AO2720" t="str">
            <v>MDO INDIANA SOUTHWEST C&amp;M</v>
          </cell>
        </row>
        <row r="2721">
          <cell r="F2721">
            <v>75115</v>
          </cell>
          <cell r="Z2721" t="str">
            <v>RECOM</v>
          </cell>
          <cell r="AN2721" t="str">
            <v>MDO C&amp;M</v>
          </cell>
          <cell r="AO2721" t="str">
            <v>MDO INDIANA SOUTHWEST C&amp;M</v>
          </cell>
        </row>
        <row r="2722">
          <cell r="F2722">
            <v>75115</v>
          </cell>
          <cell r="Z2722" t="str">
            <v>RECOM</v>
          </cell>
          <cell r="AN2722" t="str">
            <v>MDO C&amp;M</v>
          </cell>
          <cell r="AO2722" t="str">
            <v>MDO INDIANA SOUTHWEST C&amp;M</v>
          </cell>
        </row>
        <row r="2723">
          <cell r="F2723">
            <v>75115</v>
          </cell>
          <cell r="Z2723" t="str">
            <v>RECOM</v>
          </cell>
          <cell r="AN2723" t="str">
            <v>MDO C&amp;M</v>
          </cell>
          <cell r="AO2723" t="str">
            <v>MDO INDIANA SOUTHWEST C&amp;M</v>
          </cell>
        </row>
        <row r="2724">
          <cell r="F2724">
            <v>75115</v>
          </cell>
          <cell r="Z2724" t="str">
            <v>RECOM</v>
          </cell>
          <cell r="AN2724" t="str">
            <v>MDO C&amp;M</v>
          </cell>
          <cell r="AO2724" t="str">
            <v>MDO INDIANA SOUTHWEST C&amp;M</v>
          </cell>
        </row>
        <row r="2725">
          <cell r="F2725">
            <v>75115</v>
          </cell>
          <cell r="Z2725" t="str">
            <v>RECOM</v>
          </cell>
          <cell r="AN2725" t="str">
            <v>MDO C&amp;M</v>
          </cell>
          <cell r="AO2725" t="str">
            <v>MDO INDIANA SOUTHWEST C&amp;M</v>
          </cell>
        </row>
        <row r="2726">
          <cell r="F2726">
            <v>75115</v>
          </cell>
          <cell r="Z2726" t="str">
            <v>RECOM</v>
          </cell>
          <cell r="AN2726" t="str">
            <v>MDO C&amp;M</v>
          </cell>
          <cell r="AO2726" t="str">
            <v>MDO INDIANA SOUTHWEST C&amp;M</v>
          </cell>
        </row>
        <row r="2727">
          <cell r="F2727">
            <v>75115</v>
          </cell>
          <cell r="Z2727" t="str">
            <v>RECOM</v>
          </cell>
          <cell r="AN2727" t="str">
            <v>MDO C&amp;M</v>
          </cell>
          <cell r="AO2727" t="str">
            <v>MDO INDIANA SOUTHWEST C&amp;M</v>
          </cell>
        </row>
        <row r="2728">
          <cell r="F2728">
            <v>75115</v>
          </cell>
          <cell r="Z2728" t="str">
            <v>RECOM</v>
          </cell>
          <cell r="AN2728" t="str">
            <v>MDO C&amp;M</v>
          </cell>
          <cell r="AO2728" t="str">
            <v>MDO INDIANA SOUTHWEST C&amp;M</v>
          </cell>
        </row>
        <row r="2729">
          <cell r="F2729">
            <v>75115</v>
          </cell>
          <cell r="Z2729" t="str">
            <v>RECOM</v>
          </cell>
          <cell r="AN2729" t="str">
            <v>MDO C&amp;M</v>
          </cell>
          <cell r="AO2729" t="str">
            <v>MDO INDIANA SOUTHWEST C&amp;M</v>
          </cell>
        </row>
        <row r="2730">
          <cell r="F2730">
            <v>75115</v>
          </cell>
          <cell r="Z2730" t="str">
            <v>RECOM</v>
          </cell>
          <cell r="AN2730" t="str">
            <v>MDO C&amp;M</v>
          </cell>
          <cell r="AO2730" t="str">
            <v>MDO INDIANA SOUTHEAST C&amp;M</v>
          </cell>
        </row>
        <row r="2731">
          <cell r="F2731">
            <v>75115</v>
          </cell>
          <cell r="Z2731" t="str">
            <v>RECOM</v>
          </cell>
          <cell r="AN2731" t="str">
            <v>MDO C&amp;M</v>
          </cell>
          <cell r="AO2731" t="str">
            <v>MDO INDIANA SOUTHEAST C&amp;M</v>
          </cell>
        </row>
        <row r="2732">
          <cell r="F2732">
            <v>75115</v>
          </cell>
          <cell r="Z2732" t="str">
            <v>RECOM</v>
          </cell>
          <cell r="AN2732" t="str">
            <v>MDO C&amp;M</v>
          </cell>
          <cell r="AO2732" t="str">
            <v>MDO INDIANA SOUTHEAST C&amp;M</v>
          </cell>
        </row>
        <row r="2733">
          <cell r="F2733">
            <v>75115</v>
          </cell>
          <cell r="Z2733" t="str">
            <v>RECOM</v>
          </cell>
          <cell r="AN2733" t="str">
            <v>MDO C&amp;M</v>
          </cell>
          <cell r="AO2733" t="str">
            <v>MDO INDIANA SOUTHEAST C&amp;M</v>
          </cell>
        </row>
        <row r="2734">
          <cell r="F2734">
            <v>75115</v>
          </cell>
          <cell r="Z2734" t="str">
            <v>RECOM</v>
          </cell>
          <cell r="AN2734" t="str">
            <v>MDO C&amp;M</v>
          </cell>
          <cell r="AO2734" t="str">
            <v>MDO INDIANA SOUTHEAST C&amp;M</v>
          </cell>
        </row>
        <row r="2735">
          <cell r="F2735">
            <v>75115</v>
          </cell>
          <cell r="Z2735" t="str">
            <v>RECOM</v>
          </cell>
          <cell r="AN2735" t="str">
            <v>MDO C&amp;M</v>
          </cell>
          <cell r="AO2735" t="str">
            <v>MDO INDIANA SOUTHEAST C&amp;M</v>
          </cell>
        </row>
        <row r="2736">
          <cell r="F2736">
            <v>75115</v>
          </cell>
          <cell r="Z2736" t="str">
            <v>RECOM</v>
          </cell>
          <cell r="AN2736" t="str">
            <v>MDO C&amp;M</v>
          </cell>
          <cell r="AO2736" t="str">
            <v>MDO INDIANA SOUTHEAST C&amp;M</v>
          </cell>
        </row>
        <row r="2737">
          <cell r="F2737">
            <v>75115</v>
          </cell>
          <cell r="Z2737" t="str">
            <v>RECOM</v>
          </cell>
          <cell r="AN2737" t="str">
            <v>MDO C&amp;M</v>
          </cell>
          <cell r="AO2737" t="str">
            <v>MDO INDIANA SOUTHEAST C&amp;M</v>
          </cell>
        </row>
        <row r="2738">
          <cell r="F2738">
            <v>75115</v>
          </cell>
          <cell r="Z2738" t="str">
            <v>RECOM</v>
          </cell>
          <cell r="AN2738" t="str">
            <v>MDO C&amp;M</v>
          </cell>
          <cell r="AO2738" t="str">
            <v>MDO INDIANA SOUTHEAST C&amp;M</v>
          </cell>
        </row>
        <row r="2739">
          <cell r="F2739">
            <v>75115</v>
          </cell>
          <cell r="Z2739" t="str">
            <v>RECOM</v>
          </cell>
          <cell r="AN2739" t="str">
            <v>MDO C&amp;M</v>
          </cell>
          <cell r="AO2739" t="str">
            <v>MDO INDIANA NORTH C&amp;M</v>
          </cell>
        </row>
        <row r="2740">
          <cell r="F2740">
            <v>75115</v>
          </cell>
          <cell r="Z2740" t="str">
            <v>RECOM</v>
          </cell>
          <cell r="AN2740" t="str">
            <v>MDO C&amp;M</v>
          </cell>
          <cell r="AO2740" t="str">
            <v>MDO INDIANA NORTH C&amp;M</v>
          </cell>
        </row>
        <row r="2741">
          <cell r="F2741">
            <v>75115</v>
          </cell>
          <cell r="Z2741" t="str">
            <v>RECOM</v>
          </cell>
          <cell r="AN2741" t="str">
            <v>MDO C&amp;M</v>
          </cell>
          <cell r="AO2741" t="str">
            <v>MDO INDIANA NORTH C&amp;M</v>
          </cell>
        </row>
        <row r="2742">
          <cell r="F2742">
            <v>75115</v>
          </cell>
          <cell r="Z2742" t="str">
            <v>RECOM</v>
          </cell>
          <cell r="AN2742" t="str">
            <v>MDO C&amp;M</v>
          </cell>
          <cell r="AO2742" t="str">
            <v>MDO INDIANA NORTH C&amp;M</v>
          </cell>
        </row>
        <row r="2743">
          <cell r="F2743">
            <v>75115</v>
          </cell>
          <cell r="Z2743" t="str">
            <v>RECOM</v>
          </cell>
          <cell r="AN2743" t="str">
            <v>MDO C&amp;M</v>
          </cell>
          <cell r="AO2743" t="str">
            <v>MDO INDIANA NORTH C&amp;M</v>
          </cell>
        </row>
        <row r="2744">
          <cell r="F2744">
            <v>75115</v>
          </cell>
          <cell r="Z2744" t="str">
            <v>RECOM</v>
          </cell>
          <cell r="AN2744" t="str">
            <v>MDO C&amp;M</v>
          </cell>
          <cell r="AO2744" t="str">
            <v>MDO INDIANA NORTH C&amp;M</v>
          </cell>
        </row>
        <row r="2745">
          <cell r="F2745">
            <v>75115</v>
          </cell>
          <cell r="Z2745" t="str">
            <v>RECOM</v>
          </cell>
          <cell r="AN2745" t="str">
            <v>MDO C&amp;M</v>
          </cell>
          <cell r="AO2745" t="str">
            <v>MDO INDIANA NORTH C&amp;M</v>
          </cell>
        </row>
        <row r="2746">
          <cell r="F2746">
            <v>75115</v>
          </cell>
          <cell r="Z2746" t="str">
            <v>RECOM</v>
          </cell>
          <cell r="AN2746" t="str">
            <v>MDO C&amp;M</v>
          </cell>
          <cell r="AO2746" t="str">
            <v>MDO INDIANA NORTH C&amp;M</v>
          </cell>
        </row>
        <row r="2747">
          <cell r="F2747">
            <v>75115</v>
          </cell>
          <cell r="Z2747" t="str">
            <v>RECOM</v>
          </cell>
          <cell r="AN2747" t="str">
            <v>MDO C&amp;M</v>
          </cell>
          <cell r="AO2747" t="str">
            <v>MDO INDIANA NORTH C&amp;M</v>
          </cell>
        </row>
        <row r="2748">
          <cell r="F2748">
            <v>75115</v>
          </cell>
          <cell r="Z2748" t="str">
            <v>RECOM</v>
          </cell>
          <cell r="AN2748" t="str">
            <v>MDO C&amp;M</v>
          </cell>
          <cell r="AO2748" t="str">
            <v>MDO INDIANA NORTH C&amp;M</v>
          </cell>
        </row>
        <row r="2749">
          <cell r="F2749">
            <v>75115</v>
          </cell>
          <cell r="Z2749" t="str">
            <v>RECOM</v>
          </cell>
          <cell r="AN2749" t="str">
            <v>MDO C&amp;M</v>
          </cell>
          <cell r="AO2749" t="str">
            <v>MDO INDIANA NORTH C&amp;M</v>
          </cell>
        </row>
        <row r="2750">
          <cell r="F2750">
            <v>75115</v>
          </cell>
          <cell r="Z2750" t="str">
            <v>RECOM</v>
          </cell>
          <cell r="AN2750" t="str">
            <v>MDO C&amp;M</v>
          </cell>
          <cell r="AO2750" t="str">
            <v>MDO INDIANA NORTH C&amp;M</v>
          </cell>
        </row>
        <row r="2751">
          <cell r="F2751">
            <v>75115</v>
          </cell>
          <cell r="Z2751" t="str">
            <v>RECOM</v>
          </cell>
          <cell r="AN2751" t="str">
            <v>MDO C&amp;M</v>
          </cell>
          <cell r="AO2751" t="str">
            <v>MDO INDIANA NORTH C&amp;M</v>
          </cell>
        </row>
        <row r="2752">
          <cell r="F2752">
            <v>75115</v>
          </cell>
          <cell r="Z2752" t="str">
            <v>RECOM</v>
          </cell>
          <cell r="AN2752" t="str">
            <v>MDO C&amp;M</v>
          </cell>
          <cell r="AO2752" t="str">
            <v>MDO INDIANA NORTH C&amp;M</v>
          </cell>
        </row>
        <row r="2753">
          <cell r="F2753">
            <v>75115</v>
          </cell>
          <cell r="Z2753" t="str">
            <v>RECOM</v>
          </cell>
          <cell r="AN2753" t="str">
            <v>MDO C&amp;M</v>
          </cell>
          <cell r="AO2753" t="str">
            <v>MDO INDIANA NORTH C&amp;M</v>
          </cell>
        </row>
        <row r="2754">
          <cell r="F2754">
            <v>75115</v>
          </cell>
          <cell r="Z2754" t="str">
            <v>RECOM</v>
          </cell>
          <cell r="AN2754" t="str">
            <v>MDO C&amp;M</v>
          </cell>
          <cell r="AO2754" t="str">
            <v>MDO INDIANA NORTH C&amp;M</v>
          </cell>
        </row>
        <row r="2755">
          <cell r="F2755">
            <v>75115</v>
          </cell>
          <cell r="Z2755" t="str">
            <v>RECOM</v>
          </cell>
          <cell r="AN2755" t="str">
            <v>MDO C&amp;M</v>
          </cell>
          <cell r="AO2755" t="str">
            <v>MDO INDIANA NORTH C&amp;M</v>
          </cell>
        </row>
        <row r="2756">
          <cell r="F2756">
            <v>75115</v>
          </cell>
          <cell r="Z2756" t="str">
            <v>RECOM</v>
          </cell>
          <cell r="AN2756" t="str">
            <v>MDO C&amp;M</v>
          </cell>
          <cell r="AO2756" t="str">
            <v>MDO INDIANA NORTH C&amp;M</v>
          </cell>
        </row>
        <row r="2757">
          <cell r="F2757">
            <v>75115</v>
          </cell>
          <cell r="Z2757" t="str">
            <v>RECOM</v>
          </cell>
          <cell r="AN2757" t="str">
            <v>MDO C&amp;M</v>
          </cell>
          <cell r="AO2757" t="str">
            <v>MDO INDIANA NORTH C&amp;M</v>
          </cell>
        </row>
        <row r="2758">
          <cell r="F2758">
            <v>75115</v>
          </cell>
          <cell r="Z2758" t="str">
            <v>RECOM</v>
          </cell>
          <cell r="AN2758" t="str">
            <v>MDO C&amp;M</v>
          </cell>
          <cell r="AO2758" t="str">
            <v>MDO INDIANA NORTH C&amp;M</v>
          </cell>
        </row>
        <row r="2759">
          <cell r="F2759">
            <v>75115</v>
          </cell>
          <cell r="Z2759" t="str">
            <v>RECOM</v>
          </cell>
          <cell r="AN2759" t="str">
            <v>MDO C&amp;M</v>
          </cell>
          <cell r="AO2759" t="str">
            <v>MDO INDIANA NORTH C&amp;M</v>
          </cell>
        </row>
        <row r="2760">
          <cell r="F2760">
            <v>75023</v>
          </cell>
          <cell r="Z2760" t="str">
            <v>REGOM</v>
          </cell>
          <cell r="AN2760" t="str">
            <v>MDO C&amp;M</v>
          </cell>
          <cell r="AO2760" t="str">
            <v>MDO OH/KEN C&amp;M</v>
          </cell>
        </row>
        <row r="2761">
          <cell r="F2761">
            <v>75023</v>
          </cell>
          <cell r="Z2761" t="str">
            <v>REGOM</v>
          </cell>
          <cell r="AN2761" t="str">
            <v>MDO C&amp;M</v>
          </cell>
          <cell r="AO2761" t="str">
            <v>MDO OH/KEN C&amp;M</v>
          </cell>
        </row>
        <row r="2762">
          <cell r="F2762">
            <v>75023</v>
          </cell>
          <cell r="Z2762" t="str">
            <v>REGOM</v>
          </cell>
          <cell r="AN2762" t="str">
            <v>MDO C&amp;M</v>
          </cell>
          <cell r="AO2762" t="str">
            <v>MDO OH/KEN C&amp;M</v>
          </cell>
        </row>
        <row r="2763">
          <cell r="F2763">
            <v>75023</v>
          </cell>
          <cell r="Z2763" t="str">
            <v>REGOM</v>
          </cell>
          <cell r="AN2763" t="str">
            <v>MDO C&amp;M</v>
          </cell>
          <cell r="AO2763" t="str">
            <v>MDO OH/KEN C&amp;M</v>
          </cell>
        </row>
        <row r="2764">
          <cell r="F2764">
            <v>75023</v>
          </cell>
          <cell r="Z2764" t="str">
            <v>REGOM</v>
          </cell>
          <cell r="AN2764" t="str">
            <v>MDO C&amp;M</v>
          </cell>
          <cell r="AO2764" t="str">
            <v>MDO OH/KEN C&amp;M</v>
          </cell>
        </row>
        <row r="2765">
          <cell r="F2765">
            <v>75023</v>
          </cell>
          <cell r="Z2765" t="str">
            <v>REGOM</v>
          </cell>
          <cell r="AN2765" t="str">
            <v>MDO C&amp;M</v>
          </cell>
          <cell r="AO2765" t="str">
            <v>MDO OH/KEN C&amp;M</v>
          </cell>
        </row>
        <row r="2766">
          <cell r="F2766">
            <v>75023</v>
          </cell>
          <cell r="Z2766" t="str">
            <v>REGOM</v>
          </cell>
          <cell r="AN2766" t="str">
            <v>MDO C&amp;M</v>
          </cell>
          <cell r="AO2766" t="str">
            <v>MDO OH/KEN C&amp;M</v>
          </cell>
        </row>
        <row r="2767">
          <cell r="F2767">
            <v>75023</v>
          </cell>
          <cell r="Z2767" t="str">
            <v>REGOM</v>
          </cell>
          <cell r="AN2767" t="str">
            <v>MDO C&amp;M</v>
          </cell>
          <cell r="AO2767" t="str">
            <v>MDO OH/KEN C&amp;M</v>
          </cell>
        </row>
        <row r="2768">
          <cell r="F2768">
            <v>75023</v>
          </cell>
          <cell r="Z2768" t="str">
            <v>REGOM</v>
          </cell>
          <cell r="AN2768" t="str">
            <v>MDO C&amp;M</v>
          </cell>
          <cell r="AO2768" t="str">
            <v>MDO OH/KEN C&amp;M</v>
          </cell>
        </row>
        <row r="2769">
          <cell r="F2769">
            <v>75023</v>
          </cell>
          <cell r="Z2769" t="str">
            <v>REGOM</v>
          </cell>
          <cell r="AN2769" t="str">
            <v>MDO C&amp;M</v>
          </cell>
          <cell r="AO2769" t="str">
            <v>MDO OH/KEN C&amp;M</v>
          </cell>
        </row>
        <row r="2770">
          <cell r="F2770">
            <v>75023</v>
          </cell>
          <cell r="Z2770" t="str">
            <v>REGOM</v>
          </cell>
          <cell r="AN2770" t="str">
            <v>MDO C&amp;M</v>
          </cell>
          <cell r="AO2770" t="str">
            <v>MDO OH/KEN C&amp;M</v>
          </cell>
        </row>
        <row r="2771">
          <cell r="F2771">
            <v>75023</v>
          </cell>
          <cell r="Z2771" t="str">
            <v>REGOM</v>
          </cell>
          <cell r="AN2771" t="str">
            <v>MDO C&amp;M</v>
          </cell>
          <cell r="AO2771" t="str">
            <v>MDO OH/KEN C&amp;M</v>
          </cell>
        </row>
        <row r="2772">
          <cell r="F2772">
            <v>75023</v>
          </cell>
          <cell r="Z2772" t="str">
            <v>REGOM</v>
          </cell>
          <cell r="AN2772" t="str">
            <v>MDO C&amp;M</v>
          </cell>
          <cell r="AO2772" t="str">
            <v>MDO OH/KEN C&amp;M</v>
          </cell>
        </row>
        <row r="2773">
          <cell r="F2773">
            <v>75023</v>
          </cell>
          <cell r="Z2773" t="str">
            <v>REGOM</v>
          </cell>
          <cell r="AN2773" t="str">
            <v>MDO C&amp;M</v>
          </cell>
          <cell r="AO2773" t="str">
            <v>MDO OH/KEN C&amp;M</v>
          </cell>
        </row>
        <row r="2774">
          <cell r="F2774">
            <v>75084</v>
          </cell>
          <cell r="Z2774" t="str">
            <v>REGOM</v>
          </cell>
          <cell r="AN2774" t="str">
            <v>MDO C&amp;M</v>
          </cell>
          <cell r="AO2774" t="str">
            <v>MDO OH/KEN C&amp;M</v>
          </cell>
        </row>
        <row r="2775">
          <cell r="F2775">
            <v>75084</v>
          </cell>
          <cell r="Z2775" t="str">
            <v>REGOM</v>
          </cell>
          <cell r="AN2775" t="str">
            <v>MDO C&amp;M</v>
          </cell>
          <cell r="AO2775" t="str">
            <v>MDO OH/KEN C&amp;M</v>
          </cell>
        </row>
        <row r="2776">
          <cell r="F2776">
            <v>75084</v>
          </cell>
          <cell r="Z2776" t="str">
            <v>REGOM</v>
          </cell>
          <cell r="AN2776" t="str">
            <v>MDO C&amp;M</v>
          </cell>
          <cell r="AO2776" t="str">
            <v>MDO OH/KEN C&amp;M</v>
          </cell>
        </row>
        <row r="2777">
          <cell r="F2777">
            <v>75084</v>
          </cell>
          <cell r="Z2777" t="str">
            <v>REGOM</v>
          </cell>
          <cell r="AN2777" t="str">
            <v>MDO C&amp;M</v>
          </cell>
          <cell r="AO2777" t="str">
            <v>MDO OH/KEN C&amp;M</v>
          </cell>
        </row>
        <row r="2778">
          <cell r="F2778">
            <v>75084</v>
          </cell>
          <cell r="Z2778" t="str">
            <v>REGOM</v>
          </cell>
          <cell r="AN2778" t="str">
            <v>MDO C&amp;M</v>
          </cell>
          <cell r="AO2778" t="str">
            <v>MDO OH/KEN C&amp;M</v>
          </cell>
        </row>
        <row r="2779">
          <cell r="F2779">
            <v>75115</v>
          </cell>
          <cell r="Z2779" t="str">
            <v>REGOM</v>
          </cell>
          <cell r="AN2779" t="str">
            <v>MDO C&amp;M</v>
          </cell>
          <cell r="AO2779" t="str">
            <v>MDO INDIANA SOUTHWEST C&amp;M</v>
          </cell>
        </row>
        <row r="2780">
          <cell r="F2780">
            <v>75115</v>
          </cell>
          <cell r="Z2780" t="str">
            <v>REGOM</v>
          </cell>
          <cell r="AN2780" t="str">
            <v>MDO C&amp;M</v>
          </cell>
          <cell r="AO2780" t="str">
            <v>MDO INDIANA SOUTHWEST C&amp;M</v>
          </cell>
        </row>
        <row r="2781">
          <cell r="F2781">
            <v>75115</v>
          </cell>
          <cell r="Z2781" t="str">
            <v>REGOM</v>
          </cell>
          <cell r="AN2781" t="str">
            <v>MDO C&amp;M</v>
          </cell>
          <cell r="AO2781" t="str">
            <v>MDO INDIANA SOUTHWEST C&amp;M</v>
          </cell>
        </row>
        <row r="2782">
          <cell r="F2782">
            <v>75115</v>
          </cell>
          <cell r="Z2782" t="str">
            <v>REGOM</v>
          </cell>
          <cell r="AN2782" t="str">
            <v>MDO C&amp;M</v>
          </cell>
          <cell r="AO2782" t="str">
            <v>MDO INDIANA SOUTHWEST C&amp;M</v>
          </cell>
        </row>
        <row r="2783">
          <cell r="F2783">
            <v>75115</v>
          </cell>
          <cell r="Z2783" t="str">
            <v>REGOM</v>
          </cell>
          <cell r="AN2783" t="str">
            <v>MDO C&amp;M</v>
          </cell>
          <cell r="AO2783" t="str">
            <v>MDO INDIANA SOUTHWEST C&amp;M</v>
          </cell>
        </row>
        <row r="2784">
          <cell r="F2784">
            <v>75115</v>
          </cell>
          <cell r="Z2784" t="str">
            <v>REGOM</v>
          </cell>
          <cell r="AN2784" t="str">
            <v>MDO C&amp;M</v>
          </cell>
          <cell r="AO2784" t="str">
            <v>MDO INDIANA SOUTHWEST C&amp;M</v>
          </cell>
        </row>
        <row r="2785">
          <cell r="F2785">
            <v>75115</v>
          </cell>
          <cell r="Z2785" t="str">
            <v>REGOM</v>
          </cell>
          <cell r="AN2785" t="str">
            <v>MDO C&amp;M</v>
          </cell>
          <cell r="AO2785" t="str">
            <v>MDO INDIANA SOUTHWEST C&amp;M</v>
          </cell>
        </row>
        <row r="2786">
          <cell r="F2786">
            <v>75115</v>
          </cell>
          <cell r="Z2786" t="str">
            <v>REGOM</v>
          </cell>
          <cell r="AN2786" t="str">
            <v>MDO C&amp;M</v>
          </cell>
          <cell r="AO2786" t="str">
            <v>MDO INDIANA SOUTHWEST C&amp;M</v>
          </cell>
        </row>
        <row r="2787">
          <cell r="F2787">
            <v>75115</v>
          </cell>
          <cell r="Z2787" t="str">
            <v>REGOM</v>
          </cell>
          <cell r="AN2787" t="str">
            <v>MDO C&amp;M</v>
          </cell>
          <cell r="AO2787" t="str">
            <v>MDO INDIANA SOUTHWEST C&amp;M</v>
          </cell>
        </row>
        <row r="2788">
          <cell r="F2788">
            <v>75115</v>
          </cell>
          <cell r="Z2788" t="str">
            <v>REGOM</v>
          </cell>
          <cell r="AN2788" t="str">
            <v>MDO C&amp;M</v>
          </cell>
          <cell r="AO2788" t="str">
            <v>MDO INDIANA SOUTHWEST C&amp;M</v>
          </cell>
        </row>
        <row r="2789">
          <cell r="F2789">
            <v>75115</v>
          </cell>
          <cell r="Z2789" t="str">
            <v>REGOM</v>
          </cell>
          <cell r="AN2789" t="str">
            <v>MDO C&amp;M</v>
          </cell>
          <cell r="AO2789" t="str">
            <v>MDO INDIANA SOUTHWEST C&amp;M</v>
          </cell>
        </row>
        <row r="2790">
          <cell r="F2790">
            <v>75115</v>
          </cell>
          <cell r="Z2790" t="str">
            <v>REGOM</v>
          </cell>
          <cell r="AN2790" t="str">
            <v>MDO C&amp;M</v>
          </cell>
          <cell r="AO2790" t="str">
            <v>MDO INDIANA SOUTHWEST C&amp;M</v>
          </cell>
        </row>
        <row r="2791">
          <cell r="F2791">
            <v>75115</v>
          </cell>
          <cell r="Z2791" t="str">
            <v>REGOM</v>
          </cell>
          <cell r="AN2791" t="str">
            <v>MDO C&amp;M</v>
          </cell>
          <cell r="AO2791" t="str">
            <v>MDO INDIANA SOUTHWEST C&amp;M</v>
          </cell>
        </row>
        <row r="2792">
          <cell r="F2792">
            <v>75115</v>
          </cell>
          <cell r="Z2792" t="str">
            <v>REGOM</v>
          </cell>
          <cell r="AN2792" t="str">
            <v>MDO C&amp;M</v>
          </cell>
          <cell r="AO2792" t="str">
            <v>MDO INDIANA SOUTHWEST C&amp;M</v>
          </cell>
        </row>
        <row r="2793">
          <cell r="F2793">
            <v>75115</v>
          </cell>
          <cell r="Z2793" t="str">
            <v>REGOM</v>
          </cell>
          <cell r="AN2793" t="str">
            <v>MDO C&amp;M</v>
          </cell>
          <cell r="AO2793" t="str">
            <v>MDO INDIANA SOUTHWEST C&amp;M</v>
          </cell>
        </row>
        <row r="2794">
          <cell r="F2794">
            <v>75115</v>
          </cell>
          <cell r="Z2794" t="str">
            <v>REGOM</v>
          </cell>
          <cell r="AN2794" t="str">
            <v>MDO C&amp;M</v>
          </cell>
          <cell r="AO2794" t="str">
            <v>MDO INDIANA SOUTHWEST C&amp;M</v>
          </cell>
        </row>
        <row r="2795">
          <cell r="F2795">
            <v>75115</v>
          </cell>
          <cell r="Z2795" t="str">
            <v>REGOM</v>
          </cell>
          <cell r="AN2795" t="str">
            <v>MDO C&amp;M</v>
          </cell>
          <cell r="AO2795" t="str">
            <v>MDO INDIANA SOUTHWEST C&amp;M</v>
          </cell>
        </row>
        <row r="2796">
          <cell r="F2796">
            <v>75115</v>
          </cell>
          <cell r="Z2796" t="str">
            <v>REGOM</v>
          </cell>
          <cell r="AN2796" t="str">
            <v>MDO C&amp;M</v>
          </cell>
          <cell r="AO2796" t="str">
            <v>MDO INDIANA SOUTHWEST C&amp;M</v>
          </cell>
        </row>
        <row r="2797">
          <cell r="F2797">
            <v>75115</v>
          </cell>
          <cell r="Z2797" t="str">
            <v>REGOM</v>
          </cell>
          <cell r="AN2797" t="str">
            <v>MDO C&amp;M</v>
          </cell>
          <cell r="AO2797" t="str">
            <v>MDO INDIANA SOUTHWEST C&amp;M</v>
          </cell>
        </row>
        <row r="2798">
          <cell r="F2798">
            <v>75115</v>
          </cell>
          <cell r="Z2798" t="str">
            <v>REGOM</v>
          </cell>
          <cell r="AN2798" t="str">
            <v>MDO C&amp;M</v>
          </cell>
          <cell r="AO2798" t="str">
            <v>MDO INDIANA SOUTHWEST C&amp;M</v>
          </cell>
        </row>
        <row r="2799">
          <cell r="F2799">
            <v>75115</v>
          </cell>
          <cell r="Z2799" t="str">
            <v>REGOM</v>
          </cell>
          <cell r="AN2799" t="str">
            <v>MDO C&amp;M</v>
          </cell>
          <cell r="AO2799" t="str">
            <v>MDO INDIANA SOUTHEAST C&amp;M</v>
          </cell>
        </row>
        <row r="2800">
          <cell r="F2800">
            <v>75115</v>
          </cell>
          <cell r="Z2800" t="str">
            <v>REGOM</v>
          </cell>
          <cell r="AN2800" t="str">
            <v>MDO C&amp;M</v>
          </cell>
          <cell r="AO2800" t="str">
            <v>MDO INDIANA SOUTHEAST C&amp;M</v>
          </cell>
        </row>
        <row r="2801">
          <cell r="F2801">
            <v>75115</v>
          </cell>
          <cell r="Z2801" t="str">
            <v>REGOM</v>
          </cell>
          <cell r="AN2801" t="str">
            <v>MDO C&amp;M</v>
          </cell>
          <cell r="AO2801" t="str">
            <v>MDO INDIANA SOUTHEAST C&amp;M</v>
          </cell>
        </row>
        <row r="2802">
          <cell r="F2802">
            <v>75115</v>
          </cell>
          <cell r="Z2802" t="str">
            <v>REGOM</v>
          </cell>
          <cell r="AN2802" t="str">
            <v>MDO C&amp;M</v>
          </cell>
          <cell r="AO2802" t="str">
            <v>MDO INDIANA SOUTHEAST C&amp;M</v>
          </cell>
        </row>
        <row r="2803">
          <cell r="F2803">
            <v>75115</v>
          </cell>
          <cell r="Z2803" t="str">
            <v>REGOM</v>
          </cell>
          <cell r="AN2803" t="str">
            <v>MDO C&amp;M</v>
          </cell>
          <cell r="AO2803" t="str">
            <v>MDO INDIANA SOUTHEAST C&amp;M</v>
          </cell>
        </row>
        <row r="2804">
          <cell r="F2804">
            <v>75115</v>
          </cell>
          <cell r="Z2804" t="str">
            <v>REGOM</v>
          </cell>
          <cell r="AN2804" t="str">
            <v>MDO C&amp;M</v>
          </cell>
          <cell r="AO2804" t="str">
            <v>MDO INDIANA SOUTHEAST C&amp;M</v>
          </cell>
        </row>
        <row r="2805">
          <cell r="F2805">
            <v>75115</v>
          </cell>
          <cell r="Z2805" t="str">
            <v>REGOM</v>
          </cell>
          <cell r="AN2805" t="str">
            <v>MDO C&amp;M</v>
          </cell>
          <cell r="AO2805" t="str">
            <v>MDO INDIANA SOUTHEAST C&amp;M</v>
          </cell>
        </row>
        <row r="2806">
          <cell r="F2806">
            <v>75115</v>
          </cell>
          <cell r="Z2806" t="str">
            <v>REGOM</v>
          </cell>
          <cell r="AN2806" t="str">
            <v>MDO C&amp;M</v>
          </cell>
          <cell r="AO2806" t="str">
            <v>MDO INDIANA SOUTHEAST C&amp;M</v>
          </cell>
        </row>
        <row r="2807">
          <cell r="F2807">
            <v>75115</v>
          </cell>
          <cell r="Z2807" t="str">
            <v>REGOM</v>
          </cell>
          <cell r="AN2807" t="str">
            <v>MDO C&amp;M</v>
          </cell>
          <cell r="AO2807" t="str">
            <v>MDO INDIANA SOUTHEAST C&amp;M</v>
          </cell>
        </row>
        <row r="2808">
          <cell r="F2808">
            <v>75115</v>
          </cell>
          <cell r="Z2808" t="str">
            <v>REGOM</v>
          </cell>
          <cell r="AN2808" t="str">
            <v>MDO C&amp;M</v>
          </cell>
          <cell r="AO2808" t="str">
            <v>MDO INDIANA SOUTHEAST C&amp;M</v>
          </cell>
        </row>
        <row r="2809">
          <cell r="F2809">
            <v>75115</v>
          </cell>
          <cell r="Z2809" t="str">
            <v>REGOM</v>
          </cell>
          <cell r="AN2809" t="str">
            <v>MDO C&amp;M</v>
          </cell>
          <cell r="AO2809" t="str">
            <v>MDO INDIANA SOUTHEAST C&amp;M</v>
          </cell>
        </row>
        <row r="2810">
          <cell r="F2810">
            <v>75115</v>
          </cell>
          <cell r="Z2810" t="str">
            <v>REGOM</v>
          </cell>
          <cell r="AN2810" t="str">
            <v>MDO C&amp;M</v>
          </cell>
          <cell r="AO2810" t="str">
            <v>MDO INDIANA SOUTHEAST C&amp;M</v>
          </cell>
        </row>
        <row r="2811">
          <cell r="F2811">
            <v>75115</v>
          </cell>
          <cell r="Z2811" t="str">
            <v>REGOM</v>
          </cell>
          <cell r="AN2811" t="str">
            <v>MDO C&amp;M</v>
          </cell>
          <cell r="AO2811" t="str">
            <v>MDO INDIANA SOUTHEAST C&amp;M</v>
          </cell>
        </row>
        <row r="2812">
          <cell r="F2812">
            <v>75115</v>
          </cell>
          <cell r="Z2812" t="str">
            <v>REGOM</v>
          </cell>
          <cell r="AN2812" t="str">
            <v>MDO C&amp;M</v>
          </cell>
          <cell r="AO2812" t="str">
            <v>MDO INDIANA SOUTHEAST C&amp;M</v>
          </cell>
        </row>
        <row r="2813">
          <cell r="F2813">
            <v>75115</v>
          </cell>
          <cell r="Z2813" t="str">
            <v>REGOM</v>
          </cell>
          <cell r="AN2813" t="str">
            <v>MDO C&amp;M</v>
          </cell>
          <cell r="AO2813" t="str">
            <v>MDO INDIANA SOUTHEAST C&amp;M</v>
          </cell>
        </row>
        <row r="2814">
          <cell r="F2814">
            <v>75115</v>
          </cell>
          <cell r="Z2814" t="str">
            <v>REGOM</v>
          </cell>
          <cell r="AN2814" t="str">
            <v>MDO C&amp;M</v>
          </cell>
          <cell r="AO2814" t="str">
            <v>MDO INDIANA NORTH C&amp;M</v>
          </cell>
        </row>
        <row r="2815">
          <cell r="F2815">
            <v>75115</v>
          </cell>
          <cell r="Z2815" t="str">
            <v>REGOM</v>
          </cell>
          <cell r="AN2815" t="str">
            <v>MDO C&amp;M</v>
          </cell>
          <cell r="AO2815" t="str">
            <v>MDO INDIANA NORTH C&amp;M</v>
          </cell>
        </row>
        <row r="2816">
          <cell r="F2816">
            <v>75115</v>
          </cell>
          <cell r="Z2816" t="str">
            <v>REGOM</v>
          </cell>
          <cell r="AN2816" t="str">
            <v>MDO C&amp;M</v>
          </cell>
          <cell r="AO2816" t="str">
            <v>MDO INDIANA NORTH C&amp;M</v>
          </cell>
        </row>
        <row r="2817">
          <cell r="F2817">
            <v>75115</v>
          </cell>
          <cell r="Z2817" t="str">
            <v>REGOM</v>
          </cell>
          <cell r="AN2817" t="str">
            <v>MDO C&amp;M</v>
          </cell>
          <cell r="AO2817" t="str">
            <v>MDO INDIANA NORTH C&amp;M</v>
          </cell>
        </row>
        <row r="2818">
          <cell r="F2818">
            <v>75115</v>
          </cell>
          <cell r="Z2818" t="str">
            <v>REGOM</v>
          </cell>
          <cell r="AN2818" t="str">
            <v>MDO C&amp;M</v>
          </cell>
          <cell r="AO2818" t="str">
            <v>MDO INDIANA NORTH C&amp;M</v>
          </cell>
        </row>
        <row r="2819">
          <cell r="F2819">
            <v>75115</v>
          </cell>
          <cell r="Z2819" t="str">
            <v>REGOM</v>
          </cell>
          <cell r="AN2819" t="str">
            <v>MDO C&amp;M</v>
          </cell>
          <cell r="AO2819" t="str">
            <v>MDO INDIANA NORTH C&amp;M</v>
          </cell>
        </row>
        <row r="2820">
          <cell r="F2820">
            <v>75115</v>
          </cell>
          <cell r="Z2820" t="str">
            <v>REGOM</v>
          </cell>
          <cell r="AN2820" t="str">
            <v>MDO C&amp;M</v>
          </cell>
          <cell r="AO2820" t="str">
            <v>MDO INDIANA NORTH C&amp;M</v>
          </cell>
        </row>
        <row r="2821">
          <cell r="F2821">
            <v>75115</v>
          </cell>
          <cell r="Z2821" t="str">
            <v>REGOM</v>
          </cell>
          <cell r="AN2821" t="str">
            <v>MDO C&amp;M</v>
          </cell>
          <cell r="AO2821" t="str">
            <v>MDO INDIANA NORTH C&amp;M</v>
          </cell>
        </row>
        <row r="2822">
          <cell r="F2822">
            <v>75115</v>
          </cell>
          <cell r="Z2822" t="str">
            <v>REGOM</v>
          </cell>
          <cell r="AN2822" t="str">
            <v>MDO C&amp;M</v>
          </cell>
          <cell r="AO2822" t="str">
            <v>MDO INDIANA NORTH C&amp;M</v>
          </cell>
        </row>
        <row r="2823">
          <cell r="F2823">
            <v>75115</v>
          </cell>
          <cell r="Z2823" t="str">
            <v>REGOM</v>
          </cell>
          <cell r="AN2823" t="str">
            <v>MDO C&amp;M</v>
          </cell>
          <cell r="AO2823" t="str">
            <v>MDO INDIANA NORTH C&amp;M</v>
          </cell>
        </row>
        <row r="2824">
          <cell r="F2824">
            <v>75115</v>
          </cell>
          <cell r="Z2824" t="str">
            <v>OUTAGES</v>
          </cell>
          <cell r="AN2824" t="str">
            <v>MDO C&amp;M</v>
          </cell>
          <cell r="AO2824" t="str">
            <v>MDO INDIANA NORTH C&amp;M</v>
          </cell>
        </row>
        <row r="2825">
          <cell r="F2825">
            <v>75115</v>
          </cell>
          <cell r="Z2825" t="str">
            <v>OUTAGES</v>
          </cell>
          <cell r="AN2825" t="str">
            <v>MDO C&amp;M</v>
          </cell>
          <cell r="AO2825" t="str">
            <v>MDO INDIANA NORTH C&amp;M</v>
          </cell>
        </row>
        <row r="2826">
          <cell r="F2826">
            <v>75023</v>
          </cell>
          <cell r="Z2826" t="str">
            <v>SMEIPF</v>
          </cell>
          <cell r="AN2826" t="str">
            <v>MDO C&amp;M</v>
          </cell>
          <cell r="AO2826" t="str">
            <v>MDO OH/KEN C&amp;M</v>
          </cell>
        </row>
        <row r="2827">
          <cell r="F2827">
            <v>75023</v>
          </cell>
          <cell r="Z2827" t="str">
            <v>SMEIPF</v>
          </cell>
          <cell r="AN2827" t="str">
            <v>MDO C&amp;M</v>
          </cell>
          <cell r="AO2827" t="str">
            <v>MDO OH/KEN C&amp;M</v>
          </cell>
        </row>
        <row r="2828">
          <cell r="F2828">
            <v>75023</v>
          </cell>
          <cell r="Z2828" t="str">
            <v>SMEIPF</v>
          </cell>
          <cell r="AN2828" t="str">
            <v>MDO C&amp;M</v>
          </cell>
          <cell r="AO2828" t="str">
            <v>MDO OH/KEN C&amp;M</v>
          </cell>
        </row>
        <row r="2829">
          <cell r="F2829">
            <v>75023</v>
          </cell>
          <cell r="Z2829" t="str">
            <v>SMEIPF</v>
          </cell>
          <cell r="AN2829" t="str">
            <v>MDO C&amp;M</v>
          </cell>
          <cell r="AO2829" t="str">
            <v>MDO OH/KEN C&amp;M</v>
          </cell>
        </row>
        <row r="2830">
          <cell r="F2830">
            <v>75023</v>
          </cell>
          <cell r="Z2830" t="str">
            <v>SMEIPF</v>
          </cell>
          <cell r="AN2830" t="str">
            <v>MDO C&amp;M</v>
          </cell>
          <cell r="AO2830" t="str">
            <v>MDO OH/KEN C&amp;M</v>
          </cell>
        </row>
        <row r="2831">
          <cell r="F2831">
            <v>75023</v>
          </cell>
          <cell r="Z2831" t="str">
            <v>SMEIPF</v>
          </cell>
          <cell r="AN2831" t="str">
            <v>MDO C&amp;M</v>
          </cell>
          <cell r="AO2831" t="str">
            <v>MDO OH/KEN C&amp;M</v>
          </cell>
        </row>
        <row r="2832">
          <cell r="F2832">
            <v>75023</v>
          </cell>
          <cell r="Z2832" t="str">
            <v>SMEIPF</v>
          </cell>
          <cell r="AN2832" t="str">
            <v>MDO C&amp;M</v>
          </cell>
          <cell r="AO2832" t="str">
            <v>MDO OH/KEN C&amp;M</v>
          </cell>
        </row>
        <row r="2833">
          <cell r="F2833">
            <v>75023</v>
          </cell>
          <cell r="Z2833" t="str">
            <v>SMEIPF</v>
          </cell>
          <cell r="AN2833" t="str">
            <v>MDO C&amp;M</v>
          </cell>
          <cell r="AO2833" t="str">
            <v>MDO OH/KEN C&amp;M</v>
          </cell>
        </row>
        <row r="2834">
          <cell r="F2834">
            <v>75023</v>
          </cell>
          <cell r="Z2834" t="str">
            <v>SMEIPF</v>
          </cell>
          <cell r="AN2834" t="str">
            <v>MDO C&amp;M</v>
          </cell>
          <cell r="AO2834" t="str">
            <v>MDO OH/KEN C&amp;M</v>
          </cell>
        </row>
        <row r="2835">
          <cell r="F2835">
            <v>75023</v>
          </cell>
          <cell r="Z2835" t="str">
            <v>SMEIPF</v>
          </cell>
          <cell r="AN2835" t="str">
            <v>MDO C&amp;M</v>
          </cell>
          <cell r="AO2835" t="str">
            <v>MDO OH/KEN C&amp;M</v>
          </cell>
        </row>
        <row r="2836">
          <cell r="F2836">
            <v>75023</v>
          </cell>
          <cell r="Z2836" t="str">
            <v>SMEIPF</v>
          </cell>
          <cell r="AN2836" t="str">
            <v>MDO C&amp;M</v>
          </cell>
          <cell r="AO2836" t="str">
            <v>MDO OH/KEN C&amp;M</v>
          </cell>
        </row>
        <row r="2837">
          <cell r="F2837">
            <v>75023</v>
          </cell>
          <cell r="Z2837" t="str">
            <v>SMEIPF</v>
          </cell>
          <cell r="AN2837" t="str">
            <v>MDO C&amp;M</v>
          </cell>
          <cell r="AO2837" t="str">
            <v>MDO OH/KEN C&amp;M</v>
          </cell>
        </row>
        <row r="2838">
          <cell r="F2838">
            <v>75023</v>
          </cell>
          <cell r="Z2838" t="str">
            <v>SMEIPF</v>
          </cell>
          <cell r="AN2838" t="str">
            <v>MDO C&amp;M</v>
          </cell>
          <cell r="AO2838" t="str">
            <v>MDO OH/KEN C&amp;M</v>
          </cell>
        </row>
        <row r="2839">
          <cell r="F2839">
            <v>75023</v>
          </cell>
          <cell r="Z2839" t="str">
            <v>SMEIPF</v>
          </cell>
          <cell r="AN2839" t="str">
            <v>MDO C&amp;M</v>
          </cell>
          <cell r="AO2839" t="str">
            <v>MDO OH/KEN C&amp;M</v>
          </cell>
        </row>
        <row r="2840">
          <cell r="F2840">
            <v>75023</v>
          </cell>
          <cell r="Z2840" t="str">
            <v>SMEIPF</v>
          </cell>
          <cell r="AN2840" t="str">
            <v>MDO C&amp;M</v>
          </cell>
          <cell r="AO2840" t="str">
            <v>MDO OH/KEN C&amp;M</v>
          </cell>
        </row>
        <row r="2841">
          <cell r="F2841">
            <v>75023</v>
          </cell>
          <cell r="Z2841" t="str">
            <v>SMEIPF</v>
          </cell>
          <cell r="AN2841" t="str">
            <v>MDO C&amp;M</v>
          </cell>
          <cell r="AO2841" t="str">
            <v>MDO OH/KEN C&amp;M</v>
          </cell>
        </row>
        <row r="2842">
          <cell r="F2842">
            <v>75023</v>
          </cell>
          <cell r="Z2842" t="str">
            <v>SMEIPF</v>
          </cell>
          <cell r="AN2842" t="str">
            <v>MDO C&amp;M</v>
          </cell>
          <cell r="AO2842" t="str">
            <v>MDO OH/KEN C&amp;M</v>
          </cell>
        </row>
        <row r="2843">
          <cell r="F2843">
            <v>75023</v>
          </cell>
          <cell r="Z2843" t="str">
            <v>SMEIPF</v>
          </cell>
          <cell r="AN2843" t="str">
            <v>MDO C&amp;M</v>
          </cell>
          <cell r="AO2843" t="str">
            <v>MDO OH/KEN C&amp;M</v>
          </cell>
        </row>
        <row r="2844">
          <cell r="F2844">
            <v>75023</v>
          </cell>
          <cell r="Z2844" t="str">
            <v>SMEIPF</v>
          </cell>
          <cell r="AN2844" t="str">
            <v>MDO C&amp;M</v>
          </cell>
          <cell r="AO2844" t="str">
            <v>MDO OH/KEN C&amp;M</v>
          </cell>
        </row>
        <row r="2845">
          <cell r="F2845">
            <v>75023</v>
          </cell>
          <cell r="Z2845" t="str">
            <v>SMEIPF</v>
          </cell>
          <cell r="AN2845" t="str">
            <v>MDO C&amp;M</v>
          </cell>
          <cell r="AO2845" t="str">
            <v>MDO OH/KEN C&amp;M</v>
          </cell>
        </row>
        <row r="2846">
          <cell r="F2846">
            <v>75023</v>
          </cell>
          <cell r="Z2846" t="str">
            <v>SMEIPF</v>
          </cell>
          <cell r="AN2846" t="str">
            <v>MDO C&amp;M</v>
          </cell>
          <cell r="AO2846" t="str">
            <v>MDO OH/KEN C&amp;M</v>
          </cell>
        </row>
        <row r="2847">
          <cell r="F2847">
            <v>75023</v>
          </cell>
          <cell r="Z2847" t="str">
            <v>SMEIPF</v>
          </cell>
          <cell r="AN2847" t="str">
            <v>MDO C&amp;M</v>
          </cell>
          <cell r="AO2847" t="str">
            <v>MDO OH/KEN C&amp;M</v>
          </cell>
        </row>
        <row r="2848">
          <cell r="F2848">
            <v>75023</v>
          </cell>
          <cell r="Z2848" t="str">
            <v>SMEIPF</v>
          </cell>
          <cell r="AN2848" t="str">
            <v>MDO C&amp;M</v>
          </cell>
          <cell r="AO2848" t="str">
            <v>MDO OH/KEN C&amp;M</v>
          </cell>
        </row>
        <row r="2849">
          <cell r="F2849">
            <v>75023</v>
          </cell>
          <cell r="Z2849" t="str">
            <v>SMEIPF</v>
          </cell>
          <cell r="AN2849" t="str">
            <v>MDO C&amp;M</v>
          </cell>
          <cell r="AO2849" t="str">
            <v>MDO OH/KEN C&amp;M</v>
          </cell>
        </row>
        <row r="2850">
          <cell r="F2850">
            <v>75023</v>
          </cell>
          <cell r="Z2850" t="str">
            <v>SMEIPF</v>
          </cell>
          <cell r="AN2850" t="str">
            <v>MDO C&amp;M</v>
          </cell>
          <cell r="AO2850" t="str">
            <v>MDO OH/KEN C&amp;M</v>
          </cell>
        </row>
        <row r="2851">
          <cell r="F2851">
            <v>75023</v>
          </cell>
          <cell r="Z2851" t="str">
            <v>SMEIPF</v>
          </cell>
          <cell r="AN2851" t="str">
            <v>MDO C&amp;M</v>
          </cell>
          <cell r="AO2851" t="str">
            <v>MDO OH/KEN C&amp;M</v>
          </cell>
        </row>
        <row r="2852">
          <cell r="F2852">
            <v>75023</v>
          </cell>
          <cell r="Z2852" t="str">
            <v>SMEIPF</v>
          </cell>
          <cell r="AN2852" t="str">
            <v>MDO C&amp;M</v>
          </cell>
          <cell r="AO2852" t="str">
            <v>MDO OH/KEN C&amp;M</v>
          </cell>
        </row>
        <row r="2853">
          <cell r="F2853">
            <v>75023</v>
          </cell>
          <cell r="Z2853" t="str">
            <v>SMEIPF</v>
          </cell>
          <cell r="AN2853" t="str">
            <v>MDO C&amp;M</v>
          </cell>
          <cell r="AO2853" t="str">
            <v>MDO OH/KEN C&amp;M</v>
          </cell>
        </row>
        <row r="2854">
          <cell r="F2854">
            <v>75023</v>
          </cell>
          <cell r="Z2854" t="str">
            <v>SMEIPF</v>
          </cell>
          <cell r="AN2854" t="str">
            <v>MDO C&amp;M</v>
          </cell>
          <cell r="AO2854" t="str">
            <v>MDO OH/KEN C&amp;M</v>
          </cell>
        </row>
        <row r="2855">
          <cell r="F2855">
            <v>75023</v>
          </cell>
          <cell r="Z2855" t="str">
            <v>SMEIPF</v>
          </cell>
          <cell r="AN2855" t="str">
            <v>MDO C&amp;M</v>
          </cell>
          <cell r="AO2855" t="str">
            <v>MDO OH/KEN C&amp;M</v>
          </cell>
        </row>
        <row r="2856">
          <cell r="F2856">
            <v>75023</v>
          </cell>
          <cell r="Z2856" t="str">
            <v>SMEIPF</v>
          </cell>
          <cell r="AN2856" t="str">
            <v>MDO C&amp;M</v>
          </cell>
          <cell r="AO2856" t="str">
            <v>MDO OH/KEN C&amp;M</v>
          </cell>
        </row>
        <row r="2857">
          <cell r="F2857">
            <v>75023</v>
          </cell>
          <cell r="Z2857" t="str">
            <v>SMEIPF</v>
          </cell>
          <cell r="AN2857" t="str">
            <v>MDO C&amp;M</v>
          </cell>
          <cell r="AO2857" t="str">
            <v>MDO OH/KEN C&amp;M</v>
          </cell>
        </row>
        <row r="2858">
          <cell r="F2858">
            <v>75023</v>
          </cell>
          <cell r="Z2858" t="str">
            <v>SMEIPF</v>
          </cell>
          <cell r="AN2858" t="str">
            <v>MDO C&amp;M</v>
          </cell>
          <cell r="AO2858" t="str">
            <v>MDO OH/KEN C&amp;M</v>
          </cell>
        </row>
        <row r="2859">
          <cell r="F2859">
            <v>75023</v>
          </cell>
          <cell r="Z2859" t="str">
            <v>SMEIPF</v>
          </cell>
          <cell r="AN2859" t="str">
            <v>MDO C&amp;M</v>
          </cell>
          <cell r="AO2859" t="str">
            <v>MDO OH/KEN C&amp;M</v>
          </cell>
        </row>
        <row r="2860">
          <cell r="F2860">
            <v>75023</v>
          </cell>
          <cell r="Z2860" t="str">
            <v>SMEIPF</v>
          </cell>
          <cell r="AN2860" t="str">
            <v>MDO C&amp;M</v>
          </cell>
          <cell r="AO2860" t="str">
            <v>MDO OH/KEN C&amp;M</v>
          </cell>
        </row>
        <row r="2861">
          <cell r="F2861">
            <v>75023</v>
          </cell>
          <cell r="Z2861" t="str">
            <v>SMEIPF</v>
          </cell>
          <cell r="AN2861" t="str">
            <v>MDO C&amp;M</v>
          </cell>
          <cell r="AO2861" t="str">
            <v>MDO OH/KEN C&amp;M</v>
          </cell>
        </row>
        <row r="2862">
          <cell r="F2862">
            <v>75023</v>
          </cell>
          <cell r="Z2862" t="str">
            <v>SMEIPF</v>
          </cell>
          <cell r="AN2862" t="str">
            <v>MDO C&amp;M</v>
          </cell>
          <cell r="AO2862" t="str">
            <v>MDO OH/KEN C&amp;M</v>
          </cell>
        </row>
        <row r="2863">
          <cell r="F2863">
            <v>75023</v>
          </cell>
          <cell r="Z2863" t="str">
            <v>SMEIPF</v>
          </cell>
          <cell r="AN2863" t="str">
            <v>MDO C&amp;M</v>
          </cell>
          <cell r="AO2863" t="str">
            <v>MDO OH/KEN C&amp;M</v>
          </cell>
        </row>
        <row r="2864">
          <cell r="F2864">
            <v>75023</v>
          </cell>
          <cell r="Z2864" t="str">
            <v>SMEIPF</v>
          </cell>
          <cell r="AN2864" t="str">
            <v>MDO C&amp;M</v>
          </cell>
          <cell r="AO2864" t="str">
            <v>MDO OH/KEN C&amp;M</v>
          </cell>
        </row>
        <row r="2865">
          <cell r="F2865">
            <v>75023</v>
          </cell>
          <cell r="Z2865" t="str">
            <v>SMEIPF</v>
          </cell>
          <cell r="AN2865" t="str">
            <v>MDO C&amp;M</v>
          </cell>
          <cell r="AO2865" t="str">
            <v>MDO OH/KEN C&amp;M</v>
          </cell>
        </row>
        <row r="2866">
          <cell r="F2866">
            <v>75023</v>
          </cell>
          <cell r="Z2866" t="str">
            <v>SMEIPF</v>
          </cell>
          <cell r="AN2866" t="str">
            <v>MDO C&amp;M</v>
          </cell>
          <cell r="AO2866" t="str">
            <v>MDO OH/KEN C&amp;M</v>
          </cell>
        </row>
        <row r="2867">
          <cell r="F2867">
            <v>75023</v>
          </cell>
          <cell r="Z2867" t="str">
            <v>SMEIPF</v>
          </cell>
          <cell r="AN2867" t="str">
            <v>MDO C&amp;M</v>
          </cell>
          <cell r="AO2867" t="str">
            <v>MDO OH/KEN C&amp;M</v>
          </cell>
        </row>
        <row r="2868">
          <cell r="F2868">
            <v>75023</v>
          </cell>
          <cell r="Z2868" t="str">
            <v>SMEIPF</v>
          </cell>
          <cell r="AN2868" t="str">
            <v>MDO C&amp;M</v>
          </cell>
          <cell r="AO2868" t="str">
            <v>MDO OH/KEN C&amp;M</v>
          </cell>
        </row>
        <row r="2869">
          <cell r="F2869">
            <v>75023</v>
          </cell>
          <cell r="Z2869" t="str">
            <v>SMEIPF</v>
          </cell>
          <cell r="AN2869" t="str">
            <v>MDO C&amp;M</v>
          </cell>
          <cell r="AO2869" t="str">
            <v>MDO OH/KEN C&amp;M</v>
          </cell>
        </row>
        <row r="2870">
          <cell r="F2870">
            <v>75023</v>
          </cell>
          <cell r="Z2870" t="str">
            <v>SMEIPF</v>
          </cell>
          <cell r="AN2870" t="str">
            <v>MDO C&amp;M</v>
          </cell>
          <cell r="AO2870" t="str">
            <v>MDO OH/KEN C&amp;M</v>
          </cell>
        </row>
        <row r="2871">
          <cell r="F2871">
            <v>75023</v>
          </cell>
          <cell r="Z2871" t="str">
            <v>SMEIPF</v>
          </cell>
          <cell r="AN2871" t="str">
            <v>MDO C&amp;M</v>
          </cell>
          <cell r="AO2871" t="str">
            <v>MDO OH/KEN C&amp;M</v>
          </cell>
        </row>
        <row r="2872">
          <cell r="F2872">
            <v>75023</v>
          </cell>
          <cell r="Z2872" t="str">
            <v>SMEIPF</v>
          </cell>
          <cell r="AN2872" t="str">
            <v>MDO C&amp;M</v>
          </cell>
          <cell r="AO2872" t="str">
            <v>MDO OH/KEN C&amp;M</v>
          </cell>
        </row>
        <row r="2873">
          <cell r="F2873">
            <v>75023</v>
          </cell>
          <cell r="Z2873" t="str">
            <v>SMEIPF</v>
          </cell>
          <cell r="AN2873" t="str">
            <v>MDO C&amp;M</v>
          </cell>
          <cell r="AO2873" t="str">
            <v>MDO OH/KEN C&amp;M</v>
          </cell>
        </row>
        <row r="2874">
          <cell r="F2874">
            <v>75023</v>
          </cell>
          <cell r="Z2874" t="str">
            <v>SMEIPF</v>
          </cell>
          <cell r="AN2874" t="str">
            <v>MDO C&amp;M</v>
          </cell>
          <cell r="AO2874" t="str">
            <v>MDO OH/KEN C&amp;M</v>
          </cell>
        </row>
        <row r="2875">
          <cell r="F2875">
            <v>75023</v>
          </cell>
          <cell r="Z2875" t="str">
            <v>SMEIPF</v>
          </cell>
          <cell r="AN2875" t="str">
            <v>MDO C&amp;M</v>
          </cell>
          <cell r="AO2875" t="str">
            <v>MDO OH/KEN C&amp;M</v>
          </cell>
        </row>
        <row r="2876">
          <cell r="F2876">
            <v>75023</v>
          </cell>
          <cell r="Z2876" t="str">
            <v>SMEIPF</v>
          </cell>
          <cell r="AN2876" t="str">
            <v>MDO C&amp;M</v>
          </cell>
          <cell r="AO2876" t="str">
            <v>MDO OH/KEN C&amp;M</v>
          </cell>
        </row>
        <row r="2877">
          <cell r="F2877">
            <v>75023</v>
          </cell>
          <cell r="Z2877" t="str">
            <v>SMEIPF</v>
          </cell>
          <cell r="AN2877" t="str">
            <v>MDO C&amp;M</v>
          </cell>
          <cell r="AO2877" t="str">
            <v>MDO OH/KEN C&amp;M</v>
          </cell>
        </row>
        <row r="2878">
          <cell r="F2878">
            <v>75023</v>
          </cell>
          <cell r="Z2878" t="str">
            <v>SMEIPF</v>
          </cell>
          <cell r="AN2878" t="str">
            <v>MDO C&amp;M</v>
          </cell>
          <cell r="AO2878" t="str">
            <v>MDO OH/KEN C&amp;M</v>
          </cell>
        </row>
        <row r="2879">
          <cell r="F2879">
            <v>75023</v>
          </cell>
          <cell r="Z2879" t="str">
            <v>SMEIPF</v>
          </cell>
          <cell r="AN2879" t="str">
            <v>MDO C&amp;M</v>
          </cell>
          <cell r="AO2879" t="str">
            <v>MDO OH/KEN C&amp;M</v>
          </cell>
        </row>
        <row r="2880">
          <cell r="F2880">
            <v>75023</v>
          </cell>
          <cell r="Z2880" t="str">
            <v>SMEIPF</v>
          </cell>
          <cell r="AN2880" t="str">
            <v>MDO C&amp;M</v>
          </cell>
          <cell r="AO2880" t="str">
            <v>MDO OH/KEN C&amp;M</v>
          </cell>
        </row>
        <row r="2881">
          <cell r="F2881">
            <v>75023</v>
          </cell>
          <cell r="Z2881" t="str">
            <v>SMEIPF</v>
          </cell>
          <cell r="AN2881" t="str">
            <v>MDO C&amp;M</v>
          </cell>
          <cell r="AO2881" t="str">
            <v>MDO OH/KEN C&amp;M</v>
          </cell>
        </row>
        <row r="2882">
          <cell r="F2882">
            <v>75023</v>
          </cell>
          <cell r="Z2882" t="str">
            <v>SMEIPF</v>
          </cell>
          <cell r="AN2882" t="str">
            <v>MDO C&amp;M</v>
          </cell>
          <cell r="AO2882" t="str">
            <v>MDO OH/KEN C&amp;M</v>
          </cell>
        </row>
        <row r="2883">
          <cell r="F2883">
            <v>75023</v>
          </cell>
          <cell r="Z2883" t="str">
            <v>SMEIPF</v>
          </cell>
          <cell r="AN2883" t="str">
            <v>MDO C&amp;M</v>
          </cell>
          <cell r="AO2883" t="str">
            <v>MDO OH/KEN C&amp;M</v>
          </cell>
        </row>
        <row r="2884">
          <cell r="F2884">
            <v>75023</v>
          </cell>
          <cell r="Z2884" t="str">
            <v>SMEIPF</v>
          </cell>
          <cell r="AN2884" t="str">
            <v>MDO C&amp;M</v>
          </cell>
          <cell r="AO2884" t="str">
            <v>MDO OH/KEN C&amp;M</v>
          </cell>
        </row>
        <row r="2885">
          <cell r="F2885">
            <v>75023</v>
          </cell>
          <cell r="Z2885" t="str">
            <v>SMEIPF</v>
          </cell>
          <cell r="AN2885" t="str">
            <v>MDO C&amp;M</v>
          </cell>
          <cell r="AO2885" t="str">
            <v>MDO OH/KEN C&amp;M</v>
          </cell>
        </row>
        <row r="2886">
          <cell r="F2886">
            <v>75023</v>
          </cell>
          <cell r="Z2886" t="str">
            <v>SMEIPF</v>
          </cell>
          <cell r="AN2886" t="str">
            <v>MDO C&amp;M</v>
          </cell>
          <cell r="AO2886" t="str">
            <v>MDO OH/KEN C&amp;M</v>
          </cell>
        </row>
        <row r="2887">
          <cell r="F2887">
            <v>75023</v>
          </cell>
          <cell r="Z2887" t="str">
            <v>SMEIPF</v>
          </cell>
          <cell r="AN2887" t="str">
            <v>MDO C&amp;M</v>
          </cell>
          <cell r="AO2887" t="str">
            <v>MDO OH/KEN C&amp;M</v>
          </cell>
        </row>
        <row r="2888">
          <cell r="F2888">
            <v>75023</v>
          </cell>
          <cell r="Z2888" t="str">
            <v>SMEIPF</v>
          </cell>
          <cell r="AN2888" t="str">
            <v>MDO C&amp;M</v>
          </cell>
          <cell r="AO2888" t="str">
            <v>MDO OH/KEN C&amp;M</v>
          </cell>
        </row>
        <row r="2889">
          <cell r="F2889">
            <v>75023</v>
          </cell>
          <cell r="Z2889" t="str">
            <v>SMEIPF</v>
          </cell>
          <cell r="AN2889" t="str">
            <v>MDO C&amp;M</v>
          </cell>
          <cell r="AO2889" t="str">
            <v>MDO OH/KEN C&amp;M</v>
          </cell>
        </row>
        <row r="2890">
          <cell r="F2890">
            <v>75023</v>
          </cell>
          <cell r="Z2890" t="str">
            <v>SMEIPF</v>
          </cell>
          <cell r="AN2890" t="str">
            <v>MDO C&amp;M</v>
          </cell>
          <cell r="AO2890" t="str">
            <v>MDO OH/KEN C&amp;M</v>
          </cell>
        </row>
        <row r="2891">
          <cell r="F2891">
            <v>75023</v>
          </cell>
          <cell r="Z2891" t="str">
            <v>SMEIPF</v>
          </cell>
          <cell r="AN2891" t="str">
            <v>MDO C&amp;M</v>
          </cell>
          <cell r="AO2891" t="str">
            <v>MDO OH/KEN C&amp;M</v>
          </cell>
        </row>
        <row r="2892">
          <cell r="F2892">
            <v>75023</v>
          </cell>
          <cell r="Z2892" t="str">
            <v>SMEIPF</v>
          </cell>
          <cell r="AN2892" t="str">
            <v>MDO C&amp;M</v>
          </cell>
          <cell r="AO2892" t="str">
            <v>MDO OH/KEN C&amp;M</v>
          </cell>
        </row>
        <row r="2893">
          <cell r="F2893">
            <v>75023</v>
          </cell>
          <cell r="Z2893" t="str">
            <v>SMEIPF</v>
          </cell>
          <cell r="AN2893" t="str">
            <v>MDO C&amp;M</v>
          </cell>
          <cell r="AO2893" t="str">
            <v>MDO OH/KEN C&amp;M</v>
          </cell>
        </row>
        <row r="2894">
          <cell r="F2894">
            <v>75023</v>
          </cell>
          <cell r="Z2894" t="str">
            <v>SMEIPF</v>
          </cell>
          <cell r="AN2894" t="str">
            <v>MDO C&amp;M</v>
          </cell>
          <cell r="AO2894" t="str">
            <v>MDO OH/KEN C&amp;M</v>
          </cell>
        </row>
        <row r="2895">
          <cell r="F2895">
            <v>75023</v>
          </cell>
          <cell r="Z2895" t="str">
            <v>SMEIPF</v>
          </cell>
          <cell r="AN2895" t="str">
            <v>MDO C&amp;M</v>
          </cell>
          <cell r="AO2895" t="str">
            <v>MDO OH/KEN C&amp;M</v>
          </cell>
        </row>
        <row r="2896">
          <cell r="F2896">
            <v>75023</v>
          </cell>
          <cell r="Z2896" t="str">
            <v>SMEIPF</v>
          </cell>
          <cell r="AN2896" t="str">
            <v>MDO C&amp;M</v>
          </cell>
          <cell r="AO2896" t="str">
            <v>MDO OH/KEN C&amp;M</v>
          </cell>
        </row>
        <row r="2897">
          <cell r="F2897">
            <v>75023</v>
          </cell>
          <cell r="Z2897" t="str">
            <v>SMEIPF</v>
          </cell>
          <cell r="AN2897" t="str">
            <v>MDO C&amp;M</v>
          </cell>
          <cell r="AO2897" t="str">
            <v>MDO OH/KEN C&amp;M</v>
          </cell>
        </row>
        <row r="2898">
          <cell r="F2898">
            <v>75023</v>
          </cell>
          <cell r="Z2898" t="str">
            <v>SMEIPF</v>
          </cell>
          <cell r="AN2898" t="str">
            <v>MDO C&amp;M</v>
          </cell>
          <cell r="AO2898" t="str">
            <v>MDO OH/KEN C&amp;M</v>
          </cell>
        </row>
        <row r="2899">
          <cell r="F2899">
            <v>75023</v>
          </cell>
          <cell r="Z2899" t="str">
            <v>SMEIPF</v>
          </cell>
          <cell r="AN2899" t="str">
            <v>MDO C&amp;M</v>
          </cell>
          <cell r="AO2899" t="str">
            <v>MDO OH/KEN C&amp;M</v>
          </cell>
        </row>
        <row r="2900">
          <cell r="F2900">
            <v>75023</v>
          </cell>
          <cell r="Z2900" t="str">
            <v>SMEIPF</v>
          </cell>
          <cell r="AN2900" t="str">
            <v>MDO C&amp;M</v>
          </cell>
          <cell r="AO2900" t="str">
            <v>MDO OH/KEN C&amp;M</v>
          </cell>
        </row>
        <row r="2901">
          <cell r="F2901">
            <v>75023</v>
          </cell>
          <cell r="Z2901" t="str">
            <v>SMEIPF</v>
          </cell>
          <cell r="AN2901" t="str">
            <v>MDO C&amp;M</v>
          </cell>
          <cell r="AO2901" t="str">
            <v>MDO OH/KEN C&amp;M</v>
          </cell>
        </row>
        <row r="2902">
          <cell r="F2902">
            <v>75023</v>
          </cell>
          <cell r="Z2902" t="str">
            <v>SMEIPF</v>
          </cell>
          <cell r="AN2902" t="str">
            <v>MDO C&amp;M</v>
          </cell>
          <cell r="AO2902" t="str">
            <v>MDO OH/KEN C&amp;M</v>
          </cell>
        </row>
        <row r="2903">
          <cell r="F2903">
            <v>75023</v>
          </cell>
          <cell r="Z2903" t="str">
            <v>SMEIPF</v>
          </cell>
          <cell r="AN2903" t="str">
            <v>MDO C&amp;M</v>
          </cell>
          <cell r="AO2903" t="str">
            <v>MDO OH/KEN C&amp;M</v>
          </cell>
        </row>
        <row r="2904">
          <cell r="F2904">
            <v>75023</v>
          </cell>
          <cell r="Z2904" t="str">
            <v>SMEIPF</v>
          </cell>
          <cell r="AN2904" t="str">
            <v>MDO C&amp;M</v>
          </cell>
          <cell r="AO2904" t="str">
            <v>MDO OH/KEN C&amp;M</v>
          </cell>
        </row>
        <row r="2905">
          <cell r="F2905">
            <v>75023</v>
          </cell>
          <cell r="Z2905" t="str">
            <v>SMEIPF</v>
          </cell>
          <cell r="AN2905" t="str">
            <v>MDO C&amp;M</v>
          </cell>
          <cell r="AO2905" t="str">
            <v>MDO OH/KEN C&amp;M</v>
          </cell>
        </row>
        <row r="2906">
          <cell r="F2906">
            <v>75023</v>
          </cell>
          <cell r="Z2906" t="str">
            <v>SMEIPF</v>
          </cell>
          <cell r="AN2906" t="str">
            <v>MDO C&amp;M</v>
          </cell>
          <cell r="AO2906" t="str">
            <v>MDO OH/KEN C&amp;M</v>
          </cell>
        </row>
        <row r="2907">
          <cell r="F2907">
            <v>75023</v>
          </cell>
          <cell r="Z2907" t="str">
            <v>SMEIPF</v>
          </cell>
          <cell r="AN2907" t="str">
            <v>MDO C&amp;M</v>
          </cell>
          <cell r="AO2907" t="str">
            <v>MDO OH/KEN C&amp;M</v>
          </cell>
        </row>
        <row r="2908">
          <cell r="F2908">
            <v>75023</v>
          </cell>
          <cell r="Z2908" t="str">
            <v>SMEIPF</v>
          </cell>
          <cell r="AN2908" t="str">
            <v>MDO C&amp;M</v>
          </cell>
          <cell r="AO2908" t="str">
            <v>MDO OH/KEN C&amp;M</v>
          </cell>
        </row>
        <row r="2909">
          <cell r="F2909">
            <v>75023</v>
          </cell>
          <cell r="Z2909" t="str">
            <v>SMEIPF</v>
          </cell>
          <cell r="AN2909" t="str">
            <v>MDO C&amp;M</v>
          </cell>
          <cell r="AO2909" t="str">
            <v>MDO OH/KEN C&amp;M</v>
          </cell>
        </row>
        <row r="2910">
          <cell r="F2910">
            <v>75023</v>
          </cell>
          <cell r="Z2910" t="str">
            <v>SMEIPF</v>
          </cell>
          <cell r="AN2910" t="str">
            <v>MDO C&amp;M</v>
          </cell>
          <cell r="AO2910" t="str">
            <v>MDO OH/KEN C&amp;M</v>
          </cell>
        </row>
        <row r="2911">
          <cell r="F2911">
            <v>75023</v>
          </cell>
          <cell r="Z2911" t="str">
            <v>SMEIPF</v>
          </cell>
          <cell r="AN2911" t="str">
            <v>MDO C&amp;M</v>
          </cell>
          <cell r="AO2911" t="str">
            <v>MDO OH/KEN C&amp;M</v>
          </cell>
        </row>
        <row r="2912">
          <cell r="F2912">
            <v>75023</v>
          </cell>
          <cell r="Z2912" t="str">
            <v>SMEIPF</v>
          </cell>
          <cell r="AN2912" t="str">
            <v>MDO C&amp;M</v>
          </cell>
          <cell r="AO2912" t="str">
            <v>MDO OH/KEN C&amp;M</v>
          </cell>
        </row>
        <row r="2913">
          <cell r="F2913">
            <v>75023</v>
          </cell>
          <cell r="Z2913" t="str">
            <v>SMEIPF</v>
          </cell>
          <cell r="AN2913" t="str">
            <v>MDO C&amp;M</v>
          </cell>
          <cell r="AO2913" t="str">
            <v>MDO OH/KEN C&amp;M</v>
          </cell>
        </row>
        <row r="2914">
          <cell r="F2914">
            <v>75023</v>
          </cell>
          <cell r="Z2914" t="str">
            <v>SMEIPF</v>
          </cell>
          <cell r="AN2914" t="str">
            <v>MDO C&amp;M</v>
          </cell>
          <cell r="AO2914" t="str">
            <v>MDO OH/KEN C&amp;M</v>
          </cell>
        </row>
        <row r="2915">
          <cell r="F2915">
            <v>75023</v>
          </cell>
          <cell r="Z2915" t="str">
            <v>SMEIPF</v>
          </cell>
          <cell r="AN2915" t="str">
            <v>MDO C&amp;M</v>
          </cell>
          <cell r="AO2915" t="str">
            <v>MDO OH/KEN C&amp;M</v>
          </cell>
        </row>
        <row r="2916">
          <cell r="F2916">
            <v>75023</v>
          </cell>
          <cell r="Z2916" t="str">
            <v>SMEIPF</v>
          </cell>
          <cell r="AN2916" t="str">
            <v>MDO C&amp;M</v>
          </cell>
          <cell r="AO2916" t="str">
            <v>MDO OH/KEN C&amp;M</v>
          </cell>
        </row>
        <row r="2917">
          <cell r="F2917">
            <v>75023</v>
          </cell>
          <cell r="Z2917" t="str">
            <v>SMEIPF</v>
          </cell>
          <cell r="AN2917" t="str">
            <v>MDO C&amp;M</v>
          </cell>
          <cell r="AO2917" t="str">
            <v>MDO OH/KEN C&amp;M</v>
          </cell>
        </row>
        <row r="2918">
          <cell r="F2918">
            <v>75023</v>
          </cell>
          <cell r="Z2918" t="str">
            <v>SMEIPF</v>
          </cell>
          <cell r="AN2918" t="str">
            <v>MDO C&amp;M</v>
          </cell>
          <cell r="AO2918" t="str">
            <v>MDO OH/KEN C&amp;M</v>
          </cell>
        </row>
        <row r="2919">
          <cell r="F2919">
            <v>75023</v>
          </cell>
          <cell r="Z2919" t="str">
            <v>SMEIPF</v>
          </cell>
          <cell r="AN2919" t="str">
            <v>MDO C&amp;M</v>
          </cell>
          <cell r="AO2919" t="str">
            <v>MDO OH/KEN C&amp;M</v>
          </cell>
        </row>
        <row r="2920">
          <cell r="F2920">
            <v>75023</v>
          </cell>
          <cell r="Z2920" t="str">
            <v>SMEIPF</v>
          </cell>
          <cell r="AN2920" t="str">
            <v>MDO C&amp;M</v>
          </cell>
          <cell r="AO2920" t="str">
            <v>MDO OH/KEN C&amp;M</v>
          </cell>
        </row>
        <row r="2921">
          <cell r="F2921">
            <v>75023</v>
          </cell>
          <cell r="Z2921" t="str">
            <v>SMEIPF</v>
          </cell>
          <cell r="AN2921" t="str">
            <v>MDO C&amp;M</v>
          </cell>
          <cell r="AO2921" t="str">
            <v>MDO OH/KEN C&amp;M</v>
          </cell>
        </row>
        <row r="2922">
          <cell r="F2922">
            <v>75023</v>
          </cell>
          <cell r="Z2922" t="str">
            <v>SMEIPF</v>
          </cell>
          <cell r="AN2922" t="str">
            <v>MDO C&amp;M</v>
          </cell>
          <cell r="AO2922" t="str">
            <v>MDO OH/KEN C&amp;M</v>
          </cell>
        </row>
        <row r="2923">
          <cell r="F2923">
            <v>75023</v>
          </cell>
          <cell r="Z2923" t="str">
            <v>SMEIPF</v>
          </cell>
          <cell r="AN2923" t="str">
            <v>MDO C&amp;M</v>
          </cell>
          <cell r="AO2923" t="str">
            <v>MDO OH/KEN C&amp;M</v>
          </cell>
        </row>
        <row r="2924">
          <cell r="F2924">
            <v>75023</v>
          </cell>
          <cell r="Z2924" t="str">
            <v>SMEIPF</v>
          </cell>
          <cell r="AN2924" t="str">
            <v>MDO C&amp;M</v>
          </cell>
          <cell r="AO2924" t="str">
            <v>MDO OH/KEN C&amp;M</v>
          </cell>
        </row>
        <row r="2925">
          <cell r="F2925">
            <v>75023</v>
          </cell>
          <cell r="Z2925" t="str">
            <v>SMEIPF</v>
          </cell>
          <cell r="AN2925" t="str">
            <v>MDO C&amp;M</v>
          </cell>
          <cell r="AO2925" t="str">
            <v>MDO OH/KEN C&amp;M</v>
          </cell>
        </row>
        <row r="2926">
          <cell r="F2926">
            <v>75023</v>
          </cell>
          <cell r="Z2926" t="str">
            <v>SMEIPF</v>
          </cell>
          <cell r="AN2926" t="str">
            <v>MDO C&amp;M</v>
          </cell>
          <cell r="AO2926" t="str">
            <v>MDO OH/KEN C&amp;M</v>
          </cell>
        </row>
        <row r="2927">
          <cell r="F2927">
            <v>75023</v>
          </cell>
          <cell r="Z2927" t="str">
            <v>SMEIPF</v>
          </cell>
          <cell r="AN2927" t="str">
            <v>MDO C&amp;M</v>
          </cell>
          <cell r="AO2927" t="str">
            <v>MDO OH/KEN C&amp;M</v>
          </cell>
        </row>
        <row r="2928">
          <cell r="F2928">
            <v>75023</v>
          </cell>
          <cell r="Z2928" t="str">
            <v>SMEIPF</v>
          </cell>
          <cell r="AN2928" t="str">
            <v>MDO C&amp;M</v>
          </cell>
          <cell r="AO2928" t="str">
            <v>MDO OH/KEN C&amp;M</v>
          </cell>
        </row>
        <row r="2929">
          <cell r="F2929">
            <v>75023</v>
          </cell>
          <cell r="Z2929" t="str">
            <v>SMEIPF</v>
          </cell>
          <cell r="AN2929" t="str">
            <v>MDO C&amp;M</v>
          </cell>
          <cell r="AO2929" t="str">
            <v>MDO OH/KEN C&amp;M</v>
          </cell>
        </row>
        <row r="2930">
          <cell r="F2930">
            <v>75023</v>
          </cell>
          <cell r="Z2930" t="str">
            <v>SMEIPF</v>
          </cell>
          <cell r="AN2930" t="str">
            <v>MDO C&amp;M</v>
          </cell>
          <cell r="AO2930" t="str">
            <v>MDO OH/KEN C&amp;M</v>
          </cell>
        </row>
        <row r="2931">
          <cell r="F2931">
            <v>75023</v>
          </cell>
          <cell r="Z2931" t="str">
            <v>SMEIPF</v>
          </cell>
          <cell r="AN2931" t="str">
            <v>MDO C&amp;M</v>
          </cell>
          <cell r="AO2931" t="str">
            <v>MDO OH/KEN C&amp;M</v>
          </cell>
        </row>
        <row r="2932">
          <cell r="F2932">
            <v>75023</v>
          </cell>
          <cell r="Z2932" t="str">
            <v>SMEIPF</v>
          </cell>
          <cell r="AN2932" t="str">
            <v>MDO C&amp;M</v>
          </cell>
          <cell r="AO2932" t="str">
            <v>MDO OH/KEN C&amp;M</v>
          </cell>
        </row>
        <row r="2933">
          <cell r="F2933">
            <v>75023</v>
          </cell>
          <cell r="Z2933" t="str">
            <v>SMEIPF</v>
          </cell>
          <cell r="AN2933" t="str">
            <v>MDO C&amp;M</v>
          </cell>
          <cell r="AO2933" t="str">
            <v>MDO OH/KEN C&amp;M</v>
          </cell>
        </row>
        <row r="2934">
          <cell r="F2934">
            <v>75023</v>
          </cell>
          <cell r="Z2934" t="str">
            <v>SMEIPF</v>
          </cell>
          <cell r="AN2934" t="str">
            <v>MDO C&amp;M</v>
          </cell>
          <cell r="AO2934" t="str">
            <v>MDO OH/KEN C&amp;M</v>
          </cell>
        </row>
        <row r="2935">
          <cell r="F2935">
            <v>75023</v>
          </cell>
          <cell r="Z2935" t="str">
            <v>SMEIPF</v>
          </cell>
          <cell r="AN2935" t="str">
            <v>MDO C&amp;M</v>
          </cell>
          <cell r="AO2935" t="str">
            <v>MDO OH/KEN C&amp;M</v>
          </cell>
        </row>
        <row r="2936">
          <cell r="F2936">
            <v>75023</v>
          </cell>
          <cell r="Z2936" t="str">
            <v>SMEIPF</v>
          </cell>
          <cell r="AN2936" t="str">
            <v>MDO C&amp;M</v>
          </cell>
          <cell r="AO2936" t="str">
            <v>MDO OH/KEN C&amp;M</v>
          </cell>
        </row>
        <row r="2937">
          <cell r="F2937">
            <v>75023</v>
          </cell>
          <cell r="Z2937" t="str">
            <v>SMEIPF</v>
          </cell>
          <cell r="AN2937" t="str">
            <v>MDO C&amp;M</v>
          </cell>
          <cell r="AO2937" t="str">
            <v>MDO OH/KEN C&amp;M</v>
          </cell>
        </row>
        <row r="2938">
          <cell r="F2938">
            <v>75023</v>
          </cell>
          <cell r="Z2938" t="str">
            <v>SMEIPF</v>
          </cell>
          <cell r="AN2938" t="str">
            <v>MDO C&amp;M</v>
          </cell>
          <cell r="AO2938" t="str">
            <v>MDO OH/KEN C&amp;M</v>
          </cell>
        </row>
        <row r="2939">
          <cell r="F2939">
            <v>75023</v>
          </cell>
          <cell r="Z2939" t="str">
            <v>SMEIPF</v>
          </cell>
          <cell r="AN2939" t="str">
            <v>MDO C&amp;M</v>
          </cell>
          <cell r="AO2939" t="str">
            <v>MDO OH/KEN C&amp;M</v>
          </cell>
        </row>
        <row r="2940">
          <cell r="F2940">
            <v>75023</v>
          </cell>
          <cell r="Z2940" t="str">
            <v>SMEIPF</v>
          </cell>
          <cell r="AN2940" t="str">
            <v>MDO C&amp;M</v>
          </cell>
          <cell r="AO2940" t="str">
            <v>MDO OH/KEN C&amp;M</v>
          </cell>
        </row>
        <row r="2941">
          <cell r="F2941">
            <v>75023</v>
          </cell>
          <cell r="Z2941" t="str">
            <v>SMEIPF</v>
          </cell>
          <cell r="AN2941" t="str">
            <v>MDO C&amp;M</v>
          </cell>
          <cell r="AO2941" t="str">
            <v>MDO OH/KEN C&amp;M</v>
          </cell>
        </row>
        <row r="2942">
          <cell r="F2942">
            <v>75023</v>
          </cell>
          <cell r="Z2942" t="str">
            <v>SMEIPF</v>
          </cell>
          <cell r="AN2942" t="str">
            <v>MDO C&amp;M</v>
          </cell>
          <cell r="AO2942" t="str">
            <v>MDO OH/KEN C&amp;M</v>
          </cell>
        </row>
        <row r="2943">
          <cell r="F2943">
            <v>75023</v>
          </cell>
          <cell r="Z2943" t="str">
            <v>SMEIPF</v>
          </cell>
          <cell r="AN2943" t="str">
            <v>MDO C&amp;M</v>
          </cell>
          <cell r="AO2943" t="str">
            <v>MDO OH/KEN C&amp;M</v>
          </cell>
        </row>
        <row r="2944">
          <cell r="F2944">
            <v>75023</v>
          </cell>
          <cell r="Z2944" t="str">
            <v>SMEIPF</v>
          </cell>
          <cell r="AN2944" t="str">
            <v>MDO C&amp;M</v>
          </cell>
          <cell r="AO2944" t="str">
            <v>MDO OH/KEN C&amp;M</v>
          </cell>
        </row>
        <row r="2945">
          <cell r="F2945">
            <v>75023</v>
          </cell>
          <cell r="Z2945" t="str">
            <v>SMEIPF</v>
          </cell>
          <cell r="AN2945" t="str">
            <v>MDO C&amp;M</v>
          </cell>
          <cell r="AO2945" t="str">
            <v>MDO OH/KEN C&amp;M</v>
          </cell>
        </row>
        <row r="2946">
          <cell r="F2946">
            <v>75023</v>
          </cell>
          <cell r="Z2946" t="str">
            <v>SMEIPF</v>
          </cell>
          <cell r="AN2946" t="str">
            <v>MDO C&amp;M</v>
          </cell>
          <cell r="AO2946" t="str">
            <v>MDO OH/KEN C&amp;M</v>
          </cell>
        </row>
        <row r="2947">
          <cell r="F2947">
            <v>75023</v>
          </cell>
          <cell r="Z2947" t="str">
            <v>SMEIPF</v>
          </cell>
          <cell r="AN2947" t="str">
            <v>MDO C&amp;M</v>
          </cell>
          <cell r="AO2947" t="str">
            <v>MDO OH/KEN C&amp;M</v>
          </cell>
        </row>
        <row r="2948">
          <cell r="F2948">
            <v>75023</v>
          </cell>
          <cell r="Z2948" t="str">
            <v>SMEIPF</v>
          </cell>
          <cell r="AN2948" t="str">
            <v>MDO C&amp;M</v>
          </cell>
          <cell r="AO2948" t="str">
            <v>MDO OH/KEN C&amp;M</v>
          </cell>
        </row>
        <row r="2949">
          <cell r="F2949">
            <v>75023</v>
          </cell>
          <cell r="Z2949" t="str">
            <v>SMEIPF</v>
          </cell>
          <cell r="AN2949" t="str">
            <v>MDO C&amp;M</v>
          </cell>
          <cell r="AO2949" t="str">
            <v>MDO OH/KEN C&amp;M</v>
          </cell>
        </row>
        <row r="2950">
          <cell r="F2950">
            <v>75023</v>
          </cell>
          <cell r="Z2950" t="str">
            <v>SMEIPF</v>
          </cell>
          <cell r="AN2950" t="str">
            <v>MDO C&amp;M</v>
          </cell>
          <cell r="AO2950" t="str">
            <v>MDO OH/KEN C&amp;M</v>
          </cell>
        </row>
        <row r="2951">
          <cell r="F2951">
            <v>75023</v>
          </cell>
          <cell r="Z2951" t="str">
            <v>SMEIPF</v>
          </cell>
          <cell r="AN2951" t="str">
            <v>MDO C&amp;M</v>
          </cell>
          <cell r="AO2951" t="str">
            <v>MDO OH/KEN C&amp;M</v>
          </cell>
        </row>
        <row r="2952">
          <cell r="F2952">
            <v>75023</v>
          </cell>
          <cell r="Z2952" t="str">
            <v>SMEIPF</v>
          </cell>
          <cell r="AN2952" t="str">
            <v>MDO C&amp;M</v>
          </cell>
          <cell r="AO2952" t="str">
            <v>MDO OH/KEN C&amp;M</v>
          </cell>
        </row>
        <row r="2953">
          <cell r="F2953">
            <v>75023</v>
          </cell>
          <cell r="Z2953" t="str">
            <v>SMEIPF</v>
          </cell>
          <cell r="AN2953" t="str">
            <v>MDO C&amp;M</v>
          </cell>
          <cell r="AO2953" t="str">
            <v>MDO OH/KEN C&amp;M</v>
          </cell>
        </row>
        <row r="2954">
          <cell r="F2954">
            <v>75023</v>
          </cell>
          <cell r="Z2954" t="str">
            <v>SMEIPF</v>
          </cell>
          <cell r="AN2954" t="str">
            <v>MDO C&amp;M</v>
          </cell>
          <cell r="AO2954" t="str">
            <v>MDO OH/KEN C&amp;M</v>
          </cell>
        </row>
        <row r="2955">
          <cell r="F2955">
            <v>75023</v>
          </cell>
          <cell r="Z2955" t="str">
            <v>SMEIPF</v>
          </cell>
          <cell r="AN2955" t="str">
            <v>MDO C&amp;M</v>
          </cell>
          <cell r="AO2955" t="str">
            <v>MDO OH/KEN C&amp;M</v>
          </cell>
        </row>
        <row r="2956">
          <cell r="F2956">
            <v>75023</v>
          </cell>
          <cell r="Z2956" t="str">
            <v>SMEIPF</v>
          </cell>
          <cell r="AN2956" t="str">
            <v>MDO C&amp;M</v>
          </cell>
          <cell r="AO2956" t="str">
            <v>MDO OH/KEN C&amp;M</v>
          </cell>
        </row>
        <row r="2957">
          <cell r="F2957">
            <v>75023</v>
          </cell>
          <cell r="Z2957" t="str">
            <v>SMEIPF</v>
          </cell>
          <cell r="AN2957" t="str">
            <v>MDO C&amp;M</v>
          </cell>
          <cell r="AO2957" t="str">
            <v>MDO OH/KEN C&amp;M</v>
          </cell>
        </row>
        <row r="2958">
          <cell r="F2958">
            <v>75023</v>
          </cell>
          <cell r="Z2958" t="str">
            <v>SMEIPF</v>
          </cell>
          <cell r="AN2958" t="str">
            <v>MDO C&amp;M</v>
          </cell>
          <cell r="AO2958" t="str">
            <v>MDO OH/KEN C&amp;M</v>
          </cell>
        </row>
        <row r="2959">
          <cell r="F2959">
            <v>75023</v>
          </cell>
          <cell r="Z2959" t="str">
            <v>SMEIPF</v>
          </cell>
          <cell r="AN2959" t="str">
            <v>MDO C&amp;M</v>
          </cell>
          <cell r="AO2959" t="str">
            <v>MDO OH/KEN C&amp;M</v>
          </cell>
        </row>
        <row r="2960">
          <cell r="F2960">
            <v>75023</v>
          </cell>
          <cell r="Z2960" t="str">
            <v>SMEIPF</v>
          </cell>
          <cell r="AN2960" t="str">
            <v>MDO C&amp;M</v>
          </cell>
          <cell r="AO2960" t="str">
            <v>MDO OH/KEN C&amp;M</v>
          </cell>
        </row>
        <row r="2961">
          <cell r="F2961">
            <v>75023</v>
          </cell>
          <cell r="Z2961" t="str">
            <v>SMEIPF</v>
          </cell>
          <cell r="AN2961" t="str">
            <v>MDO C&amp;M</v>
          </cell>
          <cell r="AO2961" t="str">
            <v>MDO OH/KEN C&amp;M</v>
          </cell>
        </row>
        <row r="2962">
          <cell r="F2962">
            <v>75023</v>
          </cell>
          <cell r="Z2962" t="str">
            <v>SMEIPF</v>
          </cell>
          <cell r="AN2962" t="str">
            <v>MDO C&amp;M</v>
          </cell>
          <cell r="AO2962" t="str">
            <v>MDO OH/KEN C&amp;M</v>
          </cell>
        </row>
        <row r="2963">
          <cell r="F2963">
            <v>75023</v>
          </cell>
          <cell r="Z2963" t="str">
            <v>SMEIPF</v>
          </cell>
          <cell r="AN2963" t="str">
            <v>MDO C&amp;M</v>
          </cell>
          <cell r="AO2963" t="str">
            <v>MDO OH/KEN C&amp;M</v>
          </cell>
        </row>
        <row r="2964">
          <cell r="F2964">
            <v>75023</v>
          </cell>
          <cell r="Z2964" t="str">
            <v>SMEIPF</v>
          </cell>
          <cell r="AN2964" t="str">
            <v>MDO C&amp;M</v>
          </cell>
          <cell r="AO2964" t="str">
            <v>MDO OH/KEN C&amp;M</v>
          </cell>
        </row>
        <row r="2965">
          <cell r="F2965">
            <v>75023</v>
          </cell>
          <cell r="Z2965" t="str">
            <v>SMEIPF</v>
          </cell>
          <cell r="AN2965" t="str">
            <v>MDO C&amp;M</v>
          </cell>
          <cell r="AO2965" t="str">
            <v>MDO OH/KEN C&amp;M</v>
          </cell>
        </row>
        <row r="2966">
          <cell r="F2966">
            <v>75023</v>
          </cell>
          <cell r="Z2966" t="str">
            <v>SMEIPF</v>
          </cell>
          <cell r="AN2966" t="str">
            <v>MDO C&amp;M</v>
          </cell>
          <cell r="AO2966" t="str">
            <v>MDO OH/KEN C&amp;M</v>
          </cell>
        </row>
        <row r="2967">
          <cell r="F2967">
            <v>75023</v>
          </cell>
          <cell r="Z2967" t="str">
            <v>SMEIPF</v>
          </cell>
          <cell r="AN2967" t="str">
            <v>MDO C&amp;M</v>
          </cell>
          <cell r="AO2967" t="str">
            <v>MDO OH/KEN C&amp;M</v>
          </cell>
        </row>
        <row r="2968">
          <cell r="F2968">
            <v>75023</v>
          </cell>
          <cell r="Z2968" t="str">
            <v>SMEIPF</v>
          </cell>
          <cell r="AN2968" t="str">
            <v>MDO C&amp;M</v>
          </cell>
          <cell r="AO2968" t="str">
            <v>MDO OH/KEN C&amp;M</v>
          </cell>
        </row>
        <row r="2969">
          <cell r="F2969">
            <v>75023</v>
          </cell>
          <cell r="Z2969" t="str">
            <v>SMEIPF</v>
          </cell>
          <cell r="AN2969" t="str">
            <v>MDO C&amp;M</v>
          </cell>
          <cell r="AO2969" t="str">
            <v>MDO OH/KEN C&amp;M</v>
          </cell>
        </row>
        <row r="2970">
          <cell r="F2970">
            <v>75023</v>
          </cell>
          <cell r="Z2970" t="str">
            <v>SMEIPF</v>
          </cell>
          <cell r="AN2970" t="str">
            <v>MDO C&amp;M</v>
          </cell>
          <cell r="AO2970" t="str">
            <v>MDO OH/KEN C&amp;M</v>
          </cell>
        </row>
        <row r="2971">
          <cell r="F2971">
            <v>75023</v>
          </cell>
          <cell r="Z2971" t="str">
            <v>SMEIPF</v>
          </cell>
          <cell r="AN2971" t="str">
            <v>MDO C&amp;M</v>
          </cell>
          <cell r="AO2971" t="str">
            <v>MDO OH/KEN C&amp;M</v>
          </cell>
        </row>
        <row r="2972">
          <cell r="F2972">
            <v>75023</v>
          </cell>
          <cell r="Z2972" t="str">
            <v>SMEIPF</v>
          </cell>
          <cell r="AN2972" t="str">
            <v>MDO C&amp;M</v>
          </cell>
          <cell r="AO2972" t="str">
            <v>MDO OH/KEN C&amp;M</v>
          </cell>
        </row>
        <row r="2973">
          <cell r="F2973">
            <v>75023</v>
          </cell>
          <cell r="Z2973" t="str">
            <v>SMEIPF</v>
          </cell>
          <cell r="AN2973" t="str">
            <v>MDO C&amp;M</v>
          </cell>
          <cell r="AO2973" t="str">
            <v>MDO OH/KEN C&amp;M</v>
          </cell>
        </row>
        <row r="2974">
          <cell r="F2974">
            <v>75023</v>
          </cell>
          <cell r="Z2974" t="str">
            <v>SMEIPF</v>
          </cell>
          <cell r="AN2974" t="str">
            <v>MDO C&amp;M</v>
          </cell>
          <cell r="AO2974" t="str">
            <v>MDO OH/KEN C&amp;M</v>
          </cell>
        </row>
        <row r="2975">
          <cell r="F2975">
            <v>75023</v>
          </cell>
          <cell r="Z2975" t="str">
            <v>SMEIPF</v>
          </cell>
          <cell r="AN2975" t="str">
            <v>MDO C&amp;M</v>
          </cell>
          <cell r="AO2975" t="str">
            <v>MDO OH/KEN C&amp;M</v>
          </cell>
        </row>
        <row r="2976">
          <cell r="F2976">
            <v>75023</v>
          </cell>
          <cell r="Z2976" t="str">
            <v>SMEIPF</v>
          </cell>
          <cell r="AN2976" t="str">
            <v>MDO C&amp;M</v>
          </cell>
          <cell r="AO2976" t="str">
            <v>MDO OH/KEN C&amp;M</v>
          </cell>
        </row>
        <row r="2977">
          <cell r="F2977">
            <v>75023</v>
          </cell>
          <cell r="Z2977" t="str">
            <v>SMEIPF</v>
          </cell>
          <cell r="AN2977" t="str">
            <v>MDO C&amp;M</v>
          </cell>
          <cell r="AO2977" t="str">
            <v>MDO OH/KEN C&amp;M</v>
          </cell>
        </row>
        <row r="2978">
          <cell r="F2978">
            <v>75023</v>
          </cell>
          <cell r="Z2978" t="str">
            <v>SMEIPF</v>
          </cell>
          <cell r="AN2978" t="str">
            <v>MDO C&amp;M</v>
          </cell>
          <cell r="AO2978" t="str">
            <v>MDO OH/KEN C&amp;M</v>
          </cell>
        </row>
        <row r="2979">
          <cell r="F2979">
            <v>75023</v>
          </cell>
          <cell r="Z2979" t="str">
            <v>SMEIPF</v>
          </cell>
          <cell r="AN2979" t="str">
            <v>MDO C&amp;M</v>
          </cell>
          <cell r="AO2979" t="str">
            <v>MDO OH/KEN C&amp;M</v>
          </cell>
        </row>
        <row r="2980">
          <cell r="F2980">
            <v>75023</v>
          </cell>
          <cell r="Z2980" t="str">
            <v>SMEIPF</v>
          </cell>
          <cell r="AN2980" t="str">
            <v>MDO C&amp;M</v>
          </cell>
          <cell r="AO2980" t="str">
            <v>MDO OH/KEN C&amp;M</v>
          </cell>
        </row>
        <row r="2981">
          <cell r="F2981">
            <v>75023</v>
          </cell>
          <cell r="Z2981" t="str">
            <v>SMEIPF</v>
          </cell>
          <cell r="AN2981" t="str">
            <v>MDO C&amp;M</v>
          </cell>
          <cell r="AO2981" t="str">
            <v>MDO OH/KEN C&amp;M</v>
          </cell>
        </row>
        <row r="2982">
          <cell r="F2982">
            <v>75023</v>
          </cell>
          <cell r="Z2982" t="str">
            <v>SMEIPF</v>
          </cell>
          <cell r="AN2982" t="str">
            <v>MDO C&amp;M</v>
          </cell>
          <cell r="AO2982" t="str">
            <v>MDO OH/KEN C&amp;M</v>
          </cell>
        </row>
        <row r="2983">
          <cell r="F2983">
            <v>75023</v>
          </cell>
          <cell r="Z2983" t="str">
            <v>SMEIPF</v>
          </cell>
          <cell r="AN2983" t="str">
            <v>MDO C&amp;M</v>
          </cell>
          <cell r="AO2983" t="str">
            <v>MDO OH/KEN C&amp;M</v>
          </cell>
        </row>
        <row r="2984">
          <cell r="F2984">
            <v>75023</v>
          </cell>
          <cell r="Z2984" t="str">
            <v>SMEIPF</v>
          </cell>
          <cell r="AN2984" t="str">
            <v>MDO C&amp;M</v>
          </cell>
          <cell r="AO2984" t="str">
            <v>MDO OH/KEN C&amp;M</v>
          </cell>
        </row>
        <row r="2985">
          <cell r="F2985">
            <v>75023</v>
          </cell>
          <cell r="Z2985" t="str">
            <v>SMEIPF</v>
          </cell>
          <cell r="AN2985" t="str">
            <v>MDO C&amp;M</v>
          </cell>
          <cell r="AO2985" t="str">
            <v>MDO OH/KEN C&amp;M</v>
          </cell>
        </row>
        <row r="2986">
          <cell r="F2986">
            <v>75023</v>
          </cell>
          <cell r="Z2986" t="str">
            <v>SMEIPF</v>
          </cell>
          <cell r="AN2986" t="str">
            <v>MDO C&amp;M</v>
          </cell>
          <cell r="AO2986" t="str">
            <v>MDO OH/KEN C&amp;M</v>
          </cell>
        </row>
        <row r="2987">
          <cell r="F2987">
            <v>75023</v>
          </cell>
          <cell r="Z2987" t="str">
            <v>SMEIPF</v>
          </cell>
          <cell r="AN2987" t="str">
            <v>MDO C&amp;M</v>
          </cell>
          <cell r="AO2987" t="str">
            <v>MDO OH/KEN C&amp;M</v>
          </cell>
        </row>
        <row r="2988">
          <cell r="F2988">
            <v>75023</v>
          </cell>
          <cell r="Z2988" t="str">
            <v>SMEIPF</v>
          </cell>
          <cell r="AN2988" t="str">
            <v>MDO C&amp;M</v>
          </cell>
          <cell r="AO2988" t="str">
            <v>MDO OH/KEN C&amp;M</v>
          </cell>
        </row>
        <row r="2989">
          <cell r="F2989">
            <v>75023</v>
          </cell>
          <cell r="Z2989" t="str">
            <v>SMEIPF</v>
          </cell>
          <cell r="AN2989" t="str">
            <v>MDO C&amp;M</v>
          </cell>
          <cell r="AO2989" t="str">
            <v>MDO OH/KEN C&amp;M</v>
          </cell>
        </row>
        <row r="2990">
          <cell r="F2990">
            <v>75023</v>
          </cell>
          <cell r="Z2990" t="str">
            <v>SMEIPF</v>
          </cell>
          <cell r="AN2990" t="str">
            <v>MDO C&amp;M</v>
          </cell>
          <cell r="AO2990" t="str">
            <v>MDO OH/KEN C&amp;M</v>
          </cell>
        </row>
        <row r="2991">
          <cell r="F2991">
            <v>75023</v>
          </cell>
          <cell r="Z2991" t="str">
            <v>SMEIPF</v>
          </cell>
          <cell r="AN2991" t="str">
            <v>MDO C&amp;M</v>
          </cell>
          <cell r="AO2991" t="str">
            <v>MDO OH/KEN C&amp;M</v>
          </cell>
        </row>
        <row r="2992">
          <cell r="F2992">
            <v>75023</v>
          </cell>
          <cell r="Z2992" t="str">
            <v>SMEIPF</v>
          </cell>
          <cell r="AN2992" t="str">
            <v>MDO C&amp;M</v>
          </cell>
          <cell r="AO2992" t="str">
            <v>MDO OH/KEN C&amp;M</v>
          </cell>
        </row>
        <row r="2993">
          <cell r="F2993">
            <v>75023</v>
          </cell>
          <cell r="Z2993" t="str">
            <v>SMEIPF</v>
          </cell>
          <cell r="AN2993" t="str">
            <v>MDO C&amp;M</v>
          </cell>
          <cell r="AO2993" t="str">
            <v>MDO OH/KEN C&amp;M</v>
          </cell>
        </row>
        <row r="2994">
          <cell r="F2994">
            <v>75023</v>
          </cell>
          <cell r="Z2994" t="str">
            <v>SMEIPF</v>
          </cell>
          <cell r="AN2994" t="str">
            <v>MDO C&amp;M</v>
          </cell>
          <cell r="AO2994" t="str">
            <v>MDO OH/KEN C&amp;M</v>
          </cell>
        </row>
        <row r="2995">
          <cell r="F2995">
            <v>75023</v>
          </cell>
          <cell r="Z2995" t="str">
            <v>SMEIPF</v>
          </cell>
          <cell r="AN2995" t="str">
            <v>MDO C&amp;M</v>
          </cell>
          <cell r="AO2995" t="str">
            <v>MDO OH/KEN C&amp;M</v>
          </cell>
        </row>
        <row r="2996">
          <cell r="F2996">
            <v>75023</v>
          </cell>
          <cell r="Z2996" t="str">
            <v>SMEIPF</v>
          </cell>
          <cell r="AN2996" t="str">
            <v>MDO C&amp;M</v>
          </cell>
          <cell r="AO2996" t="str">
            <v>MDO Contractor Mgt - OH/KY</v>
          </cell>
        </row>
        <row r="2997">
          <cell r="F2997">
            <v>75084</v>
          </cell>
          <cell r="Z2997" t="str">
            <v>SMEIPF</v>
          </cell>
          <cell r="AN2997" t="str">
            <v>MDO C&amp;M</v>
          </cell>
          <cell r="AO2997" t="str">
            <v>MDO OH/KEN C&amp;M</v>
          </cell>
        </row>
        <row r="2998">
          <cell r="F2998">
            <v>75084</v>
          </cell>
          <cell r="Z2998" t="str">
            <v>SMEIPF</v>
          </cell>
          <cell r="AN2998" t="str">
            <v>MDO C&amp;M</v>
          </cell>
          <cell r="AO2998" t="str">
            <v>MDO OH/KEN C&amp;M</v>
          </cell>
        </row>
        <row r="2999">
          <cell r="F2999">
            <v>75084</v>
          </cell>
          <cell r="Z2999" t="str">
            <v>SMEIPF</v>
          </cell>
          <cell r="AN2999" t="str">
            <v>MDO C&amp;M</v>
          </cell>
          <cell r="AO2999" t="str">
            <v>MDO OH/KEN C&amp;M</v>
          </cell>
        </row>
        <row r="3000">
          <cell r="F3000">
            <v>75084</v>
          </cell>
          <cell r="Z3000" t="str">
            <v>SMEIPF</v>
          </cell>
          <cell r="AN3000" t="str">
            <v>MDO C&amp;M</v>
          </cell>
          <cell r="AO3000" t="str">
            <v>MDO OH/KEN C&amp;M</v>
          </cell>
        </row>
        <row r="3001">
          <cell r="F3001">
            <v>75084</v>
          </cell>
          <cell r="Z3001" t="str">
            <v>SMEIPF</v>
          </cell>
          <cell r="AN3001" t="str">
            <v>MDO C&amp;M</v>
          </cell>
          <cell r="AO3001" t="str">
            <v>MDO OH/KEN C&amp;M</v>
          </cell>
        </row>
        <row r="3002">
          <cell r="F3002">
            <v>75084</v>
          </cell>
          <cell r="Z3002" t="str">
            <v>SMEIPF</v>
          </cell>
          <cell r="AN3002" t="str">
            <v>MDO C&amp;M</v>
          </cell>
          <cell r="AO3002" t="str">
            <v>MDO OH/KEN C&amp;M</v>
          </cell>
        </row>
        <row r="3003">
          <cell r="F3003">
            <v>75084</v>
          </cell>
          <cell r="Z3003" t="str">
            <v>SMEIPF</v>
          </cell>
          <cell r="AN3003" t="str">
            <v>MDO C&amp;M</v>
          </cell>
          <cell r="AO3003" t="str">
            <v>MDO OH/KEN C&amp;M</v>
          </cell>
        </row>
        <row r="3004">
          <cell r="F3004">
            <v>75084</v>
          </cell>
          <cell r="Z3004" t="str">
            <v>SMEIPF</v>
          </cell>
          <cell r="AN3004" t="str">
            <v>MDO C&amp;M</v>
          </cell>
          <cell r="AO3004" t="str">
            <v>MDO OH/KEN C&amp;M</v>
          </cell>
        </row>
        <row r="3005">
          <cell r="F3005">
            <v>75084</v>
          </cell>
          <cell r="Z3005" t="str">
            <v>SMEIPF</v>
          </cell>
          <cell r="AN3005" t="str">
            <v>MDO C&amp;M</v>
          </cell>
          <cell r="AO3005" t="str">
            <v>MDO OH/KEN C&amp;M</v>
          </cell>
        </row>
        <row r="3006">
          <cell r="F3006">
            <v>75084</v>
          </cell>
          <cell r="Z3006" t="str">
            <v>SMEIPF</v>
          </cell>
          <cell r="AN3006" t="str">
            <v>MDO C&amp;M</v>
          </cell>
          <cell r="AO3006" t="str">
            <v>MDO OH/KEN C&amp;M</v>
          </cell>
        </row>
        <row r="3007">
          <cell r="F3007">
            <v>75084</v>
          </cell>
          <cell r="Z3007" t="str">
            <v>SMEIPF</v>
          </cell>
          <cell r="AN3007" t="str">
            <v>MDO C&amp;M</v>
          </cell>
          <cell r="AO3007" t="str">
            <v>MDO OH/KEN C&amp;M</v>
          </cell>
        </row>
        <row r="3008">
          <cell r="F3008">
            <v>75084</v>
          </cell>
          <cell r="Z3008" t="str">
            <v>SMEIPF</v>
          </cell>
          <cell r="AN3008" t="str">
            <v>MDO C&amp;M</v>
          </cell>
          <cell r="AO3008" t="str">
            <v>MDO OH/KEN C&amp;M</v>
          </cell>
        </row>
        <row r="3009">
          <cell r="F3009">
            <v>75084</v>
          </cell>
          <cell r="Z3009" t="str">
            <v>SMEIPF</v>
          </cell>
          <cell r="AN3009" t="str">
            <v>MDO C&amp;M</v>
          </cell>
          <cell r="AO3009" t="str">
            <v>MDO OH/KEN C&amp;M</v>
          </cell>
        </row>
        <row r="3010">
          <cell r="F3010">
            <v>75084</v>
          </cell>
          <cell r="Z3010" t="str">
            <v>SMEIPF</v>
          </cell>
          <cell r="AN3010" t="str">
            <v>MDO C&amp;M</v>
          </cell>
          <cell r="AO3010" t="str">
            <v>MDO OH/KEN C&amp;M</v>
          </cell>
        </row>
        <row r="3011">
          <cell r="F3011">
            <v>75084</v>
          </cell>
          <cell r="Z3011" t="str">
            <v>SMEIPF</v>
          </cell>
          <cell r="AN3011" t="str">
            <v>MDO C&amp;M</v>
          </cell>
          <cell r="AO3011" t="str">
            <v>MDO OH/KEN C&amp;M</v>
          </cell>
        </row>
        <row r="3012">
          <cell r="F3012">
            <v>75084</v>
          </cell>
          <cell r="Z3012" t="str">
            <v>SMEIPF</v>
          </cell>
          <cell r="AN3012" t="str">
            <v>MDO C&amp;M</v>
          </cell>
          <cell r="AO3012" t="str">
            <v>MDO OH/KEN C&amp;M</v>
          </cell>
        </row>
        <row r="3013">
          <cell r="F3013">
            <v>75084</v>
          </cell>
          <cell r="Z3013" t="str">
            <v>SMEIPF</v>
          </cell>
          <cell r="AN3013" t="str">
            <v>MDO C&amp;M</v>
          </cell>
          <cell r="AO3013" t="str">
            <v>MDO OH/KEN C&amp;M</v>
          </cell>
        </row>
        <row r="3014">
          <cell r="F3014">
            <v>75084</v>
          </cell>
          <cell r="Z3014" t="str">
            <v>SMEIPF</v>
          </cell>
          <cell r="AN3014" t="str">
            <v>MDO C&amp;M</v>
          </cell>
          <cell r="AO3014" t="str">
            <v>MDO OH/KEN C&amp;M</v>
          </cell>
        </row>
        <row r="3015">
          <cell r="F3015">
            <v>75084</v>
          </cell>
          <cell r="Z3015" t="str">
            <v>SMEIPF</v>
          </cell>
          <cell r="AN3015" t="str">
            <v>MDO C&amp;M</v>
          </cell>
          <cell r="AO3015" t="str">
            <v>MDO OH/KEN C&amp;M</v>
          </cell>
        </row>
        <row r="3016">
          <cell r="F3016">
            <v>75084</v>
          </cell>
          <cell r="Z3016" t="str">
            <v>SMEIPF</v>
          </cell>
          <cell r="AN3016" t="str">
            <v>MDO C&amp;M</v>
          </cell>
          <cell r="AO3016" t="str">
            <v>MDO OH/KEN C&amp;M</v>
          </cell>
        </row>
        <row r="3017">
          <cell r="F3017">
            <v>75084</v>
          </cell>
          <cell r="Z3017" t="str">
            <v>SMEIPF</v>
          </cell>
          <cell r="AN3017" t="str">
            <v>MDO C&amp;M</v>
          </cell>
          <cell r="AO3017" t="str">
            <v>MDO OH/KEN C&amp;M</v>
          </cell>
        </row>
        <row r="3018">
          <cell r="F3018">
            <v>75084</v>
          </cell>
          <cell r="Z3018" t="str">
            <v>SMEIPF</v>
          </cell>
          <cell r="AN3018" t="str">
            <v>MDO C&amp;M</v>
          </cell>
          <cell r="AO3018" t="str">
            <v>MDO OH/KEN C&amp;M</v>
          </cell>
        </row>
        <row r="3019">
          <cell r="F3019">
            <v>75084</v>
          </cell>
          <cell r="Z3019" t="str">
            <v>SMEIPF</v>
          </cell>
          <cell r="AN3019" t="str">
            <v>MDO C&amp;M</v>
          </cell>
          <cell r="AO3019" t="str">
            <v>MDO OH/KEN C&amp;M</v>
          </cell>
        </row>
        <row r="3020">
          <cell r="F3020">
            <v>75084</v>
          </cell>
          <cell r="Z3020" t="str">
            <v>SMEIPF</v>
          </cell>
          <cell r="AN3020" t="str">
            <v>MDO C&amp;M</v>
          </cell>
          <cell r="AO3020" t="str">
            <v>MDO OH/KEN C&amp;M</v>
          </cell>
        </row>
        <row r="3021">
          <cell r="F3021">
            <v>75084</v>
          </cell>
          <cell r="Z3021" t="str">
            <v>SMEIPF</v>
          </cell>
          <cell r="AN3021" t="str">
            <v>MDO C&amp;M</v>
          </cell>
          <cell r="AO3021" t="str">
            <v>MDO OH/KEN C&amp;M</v>
          </cell>
        </row>
        <row r="3022">
          <cell r="F3022">
            <v>75084</v>
          </cell>
          <cell r="Z3022" t="str">
            <v>SMEIPF</v>
          </cell>
          <cell r="AN3022" t="str">
            <v>MDO C&amp;M</v>
          </cell>
          <cell r="AO3022" t="str">
            <v>MDO OH/KEN C&amp;M</v>
          </cell>
        </row>
        <row r="3023">
          <cell r="F3023">
            <v>75084</v>
          </cell>
          <cell r="Z3023" t="str">
            <v>SMEIPF</v>
          </cell>
          <cell r="AN3023" t="str">
            <v>MDO C&amp;M</v>
          </cell>
          <cell r="AO3023" t="str">
            <v>MDO OH/KEN C&amp;M</v>
          </cell>
        </row>
        <row r="3024">
          <cell r="F3024">
            <v>75084</v>
          </cell>
          <cell r="Z3024" t="str">
            <v>SMEIPF</v>
          </cell>
          <cell r="AN3024" t="str">
            <v>MDO C&amp;M</v>
          </cell>
          <cell r="AO3024" t="str">
            <v>MDO OH/KEN C&amp;M</v>
          </cell>
        </row>
        <row r="3025">
          <cell r="F3025">
            <v>75115</v>
          </cell>
          <cell r="Z3025" t="str">
            <v>SMEHIPROF</v>
          </cell>
          <cell r="AN3025" t="str">
            <v>MDO C&amp;M</v>
          </cell>
          <cell r="AO3025" t="str">
            <v>MDO INDIANA NORTH C&amp;M</v>
          </cell>
        </row>
        <row r="3026">
          <cell r="F3026">
            <v>75115</v>
          </cell>
          <cell r="Z3026" t="str">
            <v>SMEHIPROF</v>
          </cell>
          <cell r="AN3026" t="str">
            <v>MDO C&amp;M</v>
          </cell>
          <cell r="AO3026" t="str">
            <v>MDO INDIANA NORTH C&amp;M</v>
          </cell>
        </row>
        <row r="3027">
          <cell r="F3027">
            <v>75115</v>
          </cell>
          <cell r="Z3027" t="str">
            <v>SMEHIPROF</v>
          </cell>
          <cell r="AN3027" t="str">
            <v>MDO C&amp;M</v>
          </cell>
          <cell r="AO3027" t="str">
            <v>MDO INDIANA NORTH C&amp;M</v>
          </cell>
        </row>
        <row r="3028">
          <cell r="F3028">
            <v>75115</v>
          </cell>
          <cell r="Z3028" t="str">
            <v>SMEHIPROF</v>
          </cell>
          <cell r="AN3028" t="str">
            <v>MDO C&amp;M</v>
          </cell>
          <cell r="AO3028" t="str">
            <v>MDO INDIANA NORTH C&amp;M</v>
          </cell>
        </row>
        <row r="3029">
          <cell r="F3029">
            <v>75115</v>
          </cell>
          <cell r="Z3029" t="str">
            <v>SMEHIPROF</v>
          </cell>
          <cell r="AN3029" t="str">
            <v>MDO C&amp;M</v>
          </cell>
          <cell r="AO3029" t="str">
            <v>MDO INDIANA NORTH C&amp;M</v>
          </cell>
        </row>
        <row r="3030">
          <cell r="F3030">
            <v>75023</v>
          </cell>
          <cell r="Z3030" t="str">
            <v>DULMRPR</v>
          </cell>
          <cell r="AN3030" t="str">
            <v>MDO C&amp;M</v>
          </cell>
          <cell r="AO3030" t="str">
            <v>MDO OH/KEN C&amp;M</v>
          </cell>
        </row>
        <row r="3031">
          <cell r="F3031">
            <v>75023</v>
          </cell>
          <cell r="Z3031" t="str">
            <v>DULMRPR</v>
          </cell>
          <cell r="AN3031" t="str">
            <v>MDO C&amp;M</v>
          </cell>
          <cell r="AO3031" t="str">
            <v>MDO OH/KEN C&amp;M</v>
          </cell>
        </row>
        <row r="3032">
          <cell r="F3032">
            <v>75023</v>
          </cell>
          <cell r="Z3032" t="str">
            <v>DULMRPR</v>
          </cell>
          <cell r="AN3032" t="str">
            <v>MDO C&amp;M</v>
          </cell>
          <cell r="AO3032" t="str">
            <v>MDO OH/KEN C&amp;M</v>
          </cell>
        </row>
        <row r="3033">
          <cell r="F3033">
            <v>75023</v>
          </cell>
          <cell r="Z3033" t="str">
            <v>DULMRPR</v>
          </cell>
          <cell r="AN3033" t="str">
            <v>MDO C&amp;M</v>
          </cell>
          <cell r="AO3033" t="str">
            <v>MDO OH/KEN C&amp;M</v>
          </cell>
        </row>
        <row r="3034">
          <cell r="F3034">
            <v>75023</v>
          </cell>
          <cell r="Z3034" t="str">
            <v>DULMRPR</v>
          </cell>
          <cell r="AN3034" t="str">
            <v>MDO C&amp;M</v>
          </cell>
          <cell r="AO3034" t="str">
            <v>MDO OH/KEN C&amp;M</v>
          </cell>
        </row>
        <row r="3035">
          <cell r="F3035">
            <v>75023</v>
          </cell>
          <cell r="Z3035" t="str">
            <v>DULMRPR</v>
          </cell>
          <cell r="AN3035" t="str">
            <v>MDO C&amp;M</v>
          </cell>
          <cell r="AO3035" t="str">
            <v>MDO OH/KEN C&amp;M</v>
          </cell>
        </row>
        <row r="3036">
          <cell r="F3036">
            <v>75023</v>
          </cell>
          <cell r="Z3036" t="str">
            <v>DULMRPR</v>
          </cell>
          <cell r="AN3036" t="str">
            <v>MDO C&amp;M</v>
          </cell>
          <cell r="AO3036" t="str">
            <v>MDO OH/KEN C&amp;M</v>
          </cell>
        </row>
        <row r="3037">
          <cell r="F3037">
            <v>75023</v>
          </cell>
          <cell r="Z3037" t="str">
            <v>DULMRPR</v>
          </cell>
          <cell r="AN3037" t="str">
            <v>MDO C&amp;M</v>
          </cell>
          <cell r="AO3037" t="str">
            <v>MDO OH/KEN C&amp;M</v>
          </cell>
        </row>
        <row r="3038">
          <cell r="F3038">
            <v>75023</v>
          </cell>
          <cell r="Z3038" t="str">
            <v>DULMRPR</v>
          </cell>
          <cell r="AN3038" t="str">
            <v>MDO C&amp;M</v>
          </cell>
          <cell r="AO3038" t="str">
            <v>MDO OH/KEN C&amp;M</v>
          </cell>
        </row>
        <row r="3039">
          <cell r="F3039">
            <v>75023</v>
          </cell>
          <cell r="Z3039" t="str">
            <v>DULMRPR</v>
          </cell>
          <cell r="AN3039" t="str">
            <v>MDO C&amp;M</v>
          </cell>
          <cell r="AO3039" t="str">
            <v>MDO OH/KEN C&amp;M</v>
          </cell>
        </row>
        <row r="3040">
          <cell r="F3040">
            <v>75023</v>
          </cell>
          <cell r="Z3040" t="str">
            <v>DULMRPR</v>
          </cell>
          <cell r="AN3040" t="str">
            <v>MDO C&amp;M</v>
          </cell>
          <cell r="AO3040" t="str">
            <v>MDO OH/KEN C&amp;M</v>
          </cell>
        </row>
        <row r="3041">
          <cell r="F3041">
            <v>75023</v>
          </cell>
          <cell r="Z3041" t="str">
            <v>DULMRPR</v>
          </cell>
          <cell r="AN3041" t="str">
            <v>MDO C&amp;M</v>
          </cell>
          <cell r="AO3041" t="str">
            <v>MDO OH/KEN C&amp;M</v>
          </cell>
        </row>
        <row r="3042">
          <cell r="F3042">
            <v>75023</v>
          </cell>
          <cell r="Z3042" t="str">
            <v>DULMRPR</v>
          </cell>
          <cell r="AN3042" t="str">
            <v>MDO C&amp;M</v>
          </cell>
          <cell r="AO3042" t="str">
            <v>MDO OH/KEN C&amp;M</v>
          </cell>
        </row>
        <row r="3043">
          <cell r="F3043">
            <v>75023</v>
          </cell>
          <cell r="Z3043" t="str">
            <v>DULMRPR</v>
          </cell>
          <cell r="AN3043" t="str">
            <v>MDO C&amp;M</v>
          </cell>
          <cell r="AO3043" t="str">
            <v>MDO OH/KEN C&amp;M</v>
          </cell>
        </row>
        <row r="3044">
          <cell r="F3044">
            <v>75023</v>
          </cell>
          <cell r="Z3044" t="str">
            <v>DULMRPR</v>
          </cell>
          <cell r="AN3044" t="str">
            <v>MDO C&amp;M</v>
          </cell>
          <cell r="AO3044" t="str">
            <v>MDO OH/KEN C&amp;M</v>
          </cell>
        </row>
        <row r="3045">
          <cell r="F3045">
            <v>75023</v>
          </cell>
          <cell r="Z3045" t="str">
            <v>DULMRPR</v>
          </cell>
          <cell r="AN3045" t="str">
            <v>MDO C&amp;M</v>
          </cell>
          <cell r="AO3045" t="str">
            <v>MDO OH/KEN C&amp;M</v>
          </cell>
        </row>
        <row r="3046">
          <cell r="F3046">
            <v>75023</v>
          </cell>
          <cell r="Z3046" t="str">
            <v>DULMRPR</v>
          </cell>
          <cell r="AN3046" t="str">
            <v>MDO C&amp;M</v>
          </cell>
          <cell r="AO3046" t="str">
            <v>MDO OH/KEN C&amp;M</v>
          </cell>
        </row>
        <row r="3047">
          <cell r="F3047">
            <v>75023</v>
          </cell>
          <cell r="Z3047" t="str">
            <v>DULMRPR</v>
          </cell>
          <cell r="AN3047" t="str">
            <v>MDO C&amp;M</v>
          </cell>
          <cell r="AO3047" t="str">
            <v>MDO OH/KEN C&amp;M</v>
          </cell>
        </row>
        <row r="3048">
          <cell r="F3048">
            <v>75023</v>
          </cell>
          <cell r="Z3048" t="str">
            <v>DULMRPR</v>
          </cell>
          <cell r="AN3048" t="str">
            <v>MDO C&amp;M</v>
          </cell>
          <cell r="AO3048" t="str">
            <v>MDO OH/KEN C&amp;M</v>
          </cell>
        </row>
        <row r="3049">
          <cell r="F3049">
            <v>75023</v>
          </cell>
          <cell r="Z3049" t="str">
            <v>DULMRPR</v>
          </cell>
          <cell r="AN3049" t="str">
            <v>MDO C&amp;M</v>
          </cell>
          <cell r="AO3049" t="str">
            <v>MDO OH/KEN C&amp;M</v>
          </cell>
        </row>
        <row r="3050">
          <cell r="F3050">
            <v>75023</v>
          </cell>
          <cell r="Z3050" t="str">
            <v>DULMRPR</v>
          </cell>
          <cell r="AN3050" t="str">
            <v>MDO C&amp;M</v>
          </cell>
          <cell r="AO3050" t="str">
            <v>MDO OH/KEN C&amp;M</v>
          </cell>
        </row>
        <row r="3051">
          <cell r="F3051">
            <v>75023</v>
          </cell>
          <cell r="Z3051" t="str">
            <v>DULMRPR</v>
          </cell>
          <cell r="AN3051" t="str">
            <v>MDO C&amp;M</v>
          </cell>
          <cell r="AO3051" t="str">
            <v>MDO OH/KEN C&amp;M</v>
          </cell>
        </row>
        <row r="3052">
          <cell r="F3052">
            <v>75023</v>
          </cell>
          <cell r="Z3052" t="str">
            <v>DULMRPR</v>
          </cell>
          <cell r="AN3052" t="str">
            <v>MDO C&amp;M</v>
          </cell>
          <cell r="AO3052" t="str">
            <v>MDO OH/KEN C&amp;M</v>
          </cell>
        </row>
        <row r="3053">
          <cell r="F3053">
            <v>75023</v>
          </cell>
          <cell r="Z3053" t="str">
            <v>DULMRPR</v>
          </cell>
          <cell r="AN3053" t="str">
            <v>MDO C&amp;M</v>
          </cell>
          <cell r="AO3053" t="str">
            <v>MDO OH/KEN C&amp;M</v>
          </cell>
        </row>
        <row r="3054">
          <cell r="F3054">
            <v>75023</v>
          </cell>
          <cell r="Z3054" t="str">
            <v>DULMRPR</v>
          </cell>
          <cell r="AN3054" t="str">
            <v>MDO C&amp;M</v>
          </cell>
          <cell r="AO3054" t="str">
            <v>MDO OH/KEN C&amp;M</v>
          </cell>
        </row>
        <row r="3055">
          <cell r="F3055">
            <v>75023</v>
          </cell>
          <cell r="Z3055" t="str">
            <v>DULMRPR</v>
          </cell>
          <cell r="AN3055" t="str">
            <v>MDO C&amp;M</v>
          </cell>
          <cell r="AO3055" t="str">
            <v>MDO OH/KEN C&amp;M</v>
          </cell>
        </row>
        <row r="3056">
          <cell r="F3056">
            <v>75023</v>
          </cell>
          <cell r="Z3056" t="str">
            <v>DULMRPR</v>
          </cell>
          <cell r="AN3056" t="str">
            <v>MDO C&amp;M</v>
          </cell>
          <cell r="AO3056" t="str">
            <v>MDO OH/KEN C&amp;M</v>
          </cell>
        </row>
        <row r="3057">
          <cell r="F3057">
            <v>75023</v>
          </cell>
          <cell r="Z3057" t="str">
            <v>DULMRPR</v>
          </cell>
          <cell r="AN3057" t="str">
            <v>MDO C&amp;M</v>
          </cell>
          <cell r="AO3057" t="str">
            <v>MDO OH/KEN C&amp;M</v>
          </cell>
        </row>
        <row r="3058">
          <cell r="F3058">
            <v>75023</v>
          </cell>
          <cell r="Z3058" t="str">
            <v>DULMRPR</v>
          </cell>
          <cell r="AN3058" t="str">
            <v>MDO C&amp;M</v>
          </cell>
          <cell r="AO3058" t="str">
            <v>MDO OH/KEN C&amp;M</v>
          </cell>
        </row>
        <row r="3059">
          <cell r="F3059">
            <v>75023</v>
          </cell>
          <cell r="Z3059" t="str">
            <v>DULMRPR</v>
          </cell>
          <cell r="AN3059" t="str">
            <v>MDO C&amp;M</v>
          </cell>
          <cell r="AO3059" t="str">
            <v>MDO OH/KEN C&amp;M</v>
          </cell>
        </row>
        <row r="3060">
          <cell r="F3060">
            <v>75023</v>
          </cell>
          <cell r="Z3060" t="str">
            <v>DULMRPR</v>
          </cell>
          <cell r="AN3060" t="str">
            <v>MDO C&amp;M</v>
          </cell>
          <cell r="AO3060" t="str">
            <v>MDO OH/KEN C&amp;M</v>
          </cell>
        </row>
        <row r="3061">
          <cell r="F3061">
            <v>75023</v>
          </cell>
          <cell r="Z3061" t="str">
            <v>DULMRPR</v>
          </cell>
          <cell r="AN3061" t="str">
            <v>MDO C&amp;M</v>
          </cell>
          <cell r="AO3061" t="str">
            <v>MDO OH/KEN C&amp;M</v>
          </cell>
        </row>
        <row r="3062">
          <cell r="F3062">
            <v>75023</v>
          </cell>
          <cell r="Z3062" t="str">
            <v>DULMRPR</v>
          </cell>
          <cell r="AN3062" t="str">
            <v>MDO C&amp;M</v>
          </cell>
          <cell r="AO3062" t="str">
            <v>MDO OH/KEN C&amp;M</v>
          </cell>
        </row>
        <row r="3063">
          <cell r="F3063">
            <v>75023</v>
          </cell>
          <cell r="Z3063" t="str">
            <v>DULMRPR</v>
          </cell>
          <cell r="AN3063" t="str">
            <v>MDO C&amp;M</v>
          </cell>
          <cell r="AO3063" t="str">
            <v>MDO OH/KEN C&amp;M</v>
          </cell>
        </row>
        <row r="3064">
          <cell r="F3064">
            <v>75023</v>
          </cell>
          <cell r="Z3064" t="str">
            <v>DULMRPR</v>
          </cell>
          <cell r="AN3064" t="str">
            <v>MDO C&amp;M</v>
          </cell>
          <cell r="AO3064" t="str">
            <v>MDO OH/KEN C&amp;M</v>
          </cell>
        </row>
        <row r="3065">
          <cell r="F3065">
            <v>75023</v>
          </cell>
          <cell r="Z3065" t="str">
            <v>DULMRPR</v>
          </cell>
          <cell r="AN3065" t="str">
            <v>MDO C&amp;M</v>
          </cell>
          <cell r="AO3065" t="str">
            <v>MDO OH/KEN C&amp;M</v>
          </cell>
        </row>
        <row r="3066">
          <cell r="F3066">
            <v>75023</v>
          </cell>
          <cell r="Z3066" t="str">
            <v>DULMRPR</v>
          </cell>
          <cell r="AN3066" t="str">
            <v>MDO C&amp;M</v>
          </cell>
          <cell r="AO3066" t="str">
            <v>MDO OH/KEN C&amp;M</v>
          </cell>
        </row>
        <row r="3067">
          <cell r="F3067">
            <v>75023</v>
          </cell>
          <cell r="Z3067" t="str">
            <v>DULMRPR</v>
          </cell>
          <cell r="AN3067" t="str">
            <v>MDO C&amp;M</v>
          </cell>
          <cell r="AO3067" t="str">
            <v>MDO OH/KEN C&amp;M</v>
          </cell>
        </row>
        <row r="3068">
          <cell r="F3068">
            <v>75023</v>
          </cell>
          <cell r="Z3068" t="str">
            <v>DULMRPR</v>
          </cell>
          <cell r="AN3068" t="str">
            <v>MDO C&amp;M</v>
          </cell>
          <cell r="AO3068" t="str">
            <v>MDO OH/KEN C&amp;M</v>
          </cell>
        </row>
        <row r="3069">
          <cell r="F3069">
            <v>75023</v>
          </cell>
          <cell r="Z3069" t="str">
            <v>DULMRPR</v>
          </cell>
          <cell r="AN3069" t="str">
            <v>MDO C&amp;M</v>
          </cell>
          <cell r="AO3069" t="str">
            <v>MDO OH/KEN C&amp;M</v>
          </cell>
        </row>
        <row r="3070">
          <cell r="F3070">
            <v>75023</v>
          </cell>
          <cell r="Z3070" t="str">
            <v>DULMRPR</v>
          </cell>
          <cell r="AN3070" t="str">
            <v>MDO C&amp;M</v>
          </cell>
          <cell r="AO3070" t="str">
            <v>MDO OH/KEN C&amp;M</v>
          </cell>
        </row>
        <row r="3071">
          <cell r="F3071">
            <v>75023</v>
          </cell>
          <cell r="Z3071" t="str">
            <v>DULMRPR</v>
          </cell>
          <cell r="AN3071" t="str">
            <v>MDO C&amp;M</v>
          </cell>
          <cell r="AO3071" t="str">
            <v>MDO OH/KEN C&amp;M</v>
          </cell>
        </row>
        <row r="3072">
          <cell r="F3072">
            <v>75023</v>
          </cell>
          <cell r="Z3072" t="str">
            <v>DULMRPR</v>
          </cell>
          <cell r="AN3072" t="str">
            <v>MDO C&amp;M</v>
          </cell>
          <cell r="AO3072" t="str">
            <v>MDO OH/KEN C&amp;M</v>
          </cell>
        </row>
        <row r="3073">
          <cell r="F3073">
            <v>75023</v>
          </cell>
          <cell r="Z3073" t="str">
            <v>DULMRPR</v>
          </cell>
          <cell r="AN3073" t="str">
            <v>MDO C&amp;M</v>
          </cell>
          <cell r="AO3073" t="str">
            <v>MDO OH/KEN C&amp;M</v>
          </cell>
        </row>
        <row r="3074">
          <cell r="F3074">
            <v>75023</v>
          </cell>
          <cell r="Z3074" t="str">
            <v>DULMRPR</v>
          </cell>
          <cell r="AN3074" t="str">
            <v>MDO C&amp;M</v>
          </cell>
          <cell r="AO3074" t="str">
            <v>MDO OH/KEN C&amp;M</v>
          </cell>
        </row>
        <row r="3075">
          <cell r="F3075">
            <v>75023</v>
          </cell>
          <cell r="Z3075" t="str">
            <v>DULMRPR</v>
          </cell>
          <cell r="AN3075" t="str">
            <v>MDO C&amp;M</v>
          </cell>
          <cell r="AO3075" t="str">
            <v>MDO OH/KEN C&amp;M</v>
          </cell>
        </row>
        <row r="3076">
          <cell r="F3076">
            <v>75023</v>
          </cell>
          <cell r="Z3076" t="str">
            <v>DULMRPR</v>
          </cell>
          <cell r="AN3076" t="str">
            <v>MDO C&amp;M</v>
          </cell>
          <cell r="AO3076" t="str">
            <v>MDO OH/KEN C&amp;M</v>
          </cell>
        </row>
        <row r="3077">
          <cell r="F3077">
            <v>75023</v>
          </cell>
          <cell r="Z3077" t="str">
            <v>DULMRPR</v>
          </cell>
          <cell r="AN3077" t="str">
            <v>MDO C&amp;M</v>
          </cell>
          <cell r="AO3077" t="str">
            <v>MDO OH/KEN C&amp;M</v>
          </cell>
        </row>
        <row r="3078">
          <cell r="F3078">
            <v>75023</v>
          </cell>
          <cell r="Z3078" t="str">
            <v>DULMRPR</v>
          </cell>
          <cell r="AN3078" t="str">
            <v>MDO C&amp;M</v>
          </cell>
          <cell r="AO3078" t="str">
            <v>MDO OH/KEN C&amp;M</v>
          </cell>
        </row>
        <row r="3079">
          <cell r="F3079">
            <v>75023</v>
          </cell>
          <cell r="Z3079" t="str">
            <v>DULMRPR</v>
          </cell>
          <cell r="AN3079" t="str">
            <v>MDO C&amp;M</v>
          </cell>
          <cell r="AO3079" t="str">
            <v>MDO OH/KEN C&amp;M</v>
          </cell>
        </row>
        <row r="3080">
          <cell r="F3080">
            <v>75023</v>
          </cell>
          <cell r="Z3080" t="str">
            <v>DULMRPR</v>
          </cell>
          <cell r="AN3080" t="str">
            <v>MDO C&amp;M</v>
          </cell>
          <cell r="AO3080" t="str">
            <v>MDO OH/KEN C&amp;M</v>
          </cell>
        </row>
        <row r="3081">
          <cell r="F3081">
            <v>75023</v>
          </cell>
          <cell r="Z3081" t="str">
            <v>DULMRPR</v>
          </cell>
          <cell r="AN3081" t="str">
            <v>MDO C&amp;M</v>
          </cell>
          <cell r="AO3081" t="str">
            <v>MDO OH/KEN C&amp;M</v>
          </cell>
        </row>
        <row r="3082">
          <cell r="F3082">
            <v>75023</v>
          </cell>
          <cell r="Z3082" t="str">
            <v>DULMRPR</v>
          </cell>
          <cell r="AN3082" t="str">
            <v>MDO C&amp;M</v>
          </cell>
          <cell r="AO3082" t="str">
            <v>MDO OH/KEN C&amp;M</v>
          </cell>
        </row>
        <row r="3083">
          <cell r="F3083">
            <v>75023</v>
          </cell>
          <cell r="Z3083" t="str">
            <v>DULMRPR</v>
          </cell>
          <cell r="AN3083" t="str">
            <v>MDO C&amp;M</v>
          </cell>
          <cell r="AO3083" t="str">
            <v>MDO OH/KEN C&amp;M</v>
          </cell>
        </row>
        <row r="3084">
          <cell r="F3084">
            <v>75023</v>
          </cell>
          <cell r="Z3084" t="str">
            <v>DULMRPR</v>
          </cell>
          <cell r="AN3084" t="str">
            <v>MDO C&amp;M</v>
          </cell>
          <cell r="AO3084" t="str">
            <v>MDO OH/KEN C&amp;M</v>
          </cell>
        </row>
        <row r="3085">
          <cell r="F3085">
            <v>75023</v>
          </cell>
          <cell r="Z3085" t="str">
            <v>DULMRPR</v>
          </cell>
          <cell r="AN3085" t="str">
            <v>MDO C&amp;M</v>
          </cell>
          <cell r="AO3085" t="str">
            <v>MDO OH/KEN C&amp;M</v>
          </cell>
        </row>
        <row r="3086">
          <cell r="F3086">
            <v>75023</v>
          </cell>
          <cell r="Z3086" t="str">
            <v>DULMRPR</v>
          </cell>
          <cell r="AN3086" t="str">
            <v>MDO C&amp;M</v>
          </cell>
          <cell r="AO3086" t="str">
            <v>MDO OH/KEN C&amp;M</v>
          </cell>
        </row>
        <row r="3087">
          <cell r="F3087">
            <v>75084</v>
          </cell>
          <cell r="Z3087" t="str">
            <v>DULMRPR</v>
          </cell>
          <cell r="AN3087" t="str">
            <v>MDO C&amp;M</v>
          </cell>
          <cell r="AO3087" t="str">
            <v>MDO OH/KEN C&amp;M</v>
          </cell>
        </row>
        <row r="3088">
          <cell r="F3088">
            <v>75084</v>
          </cell>
          <cell r="Z3088" t="str">
            <v>DULMRPR</v>
          </cell>
          <cell r="AN3088" t="str">
            <v>MDO C&amp;M</v>
          </cell>
          <cell r="AO3088" t="str">
            <v>MDO OH/KEN C&amp;M</v>
          </cell>
        </row>
        <row r="3089">
          <cell r="F3089">
            <v>75084</v>
          </cell>
          <cell r="Z3089" t="str">
            <v>DULMRPR</v>
          </cell>
          <cell r="AN3089" t="str">
            <v>MDO C&amp;M</v>
          </cell>
          <cell r="AO3089" t="str">
            <v>MDO OH/KEN C&amp;M</v>
          </cell>
        </row>
        <row r="3090">
          <cell r="F3090">
            <v>75084</v>
          </cell>
          <cell r="Z3090" t="str">
            <v>DULMRPR</v>
          </cell>
          <cell r="AN3090" t="str">
            <v>MDO C&amp;M</v>
          </cell>
          <cell r="AO3090" t="str">
            <v>MDO OH/KEN C&amp;M</v>
          </cell>
        </row>
        <row r="3091">
          <cell r="F3091">
            <v>75084</v>
          </cell>
          <cell r="Z3091" t="str">
            <v>DULMRPR</v>
          </cell>
          <cell r="AN3091" t="str">
            <v>MDO C&amp;M</v>
          </cell>
          <cell r="AO3091" t="str">
            <v>MDO OH/KEN C&amp;M</v>
          </cell>
        </row>
        <row r="3092">
          <cell r="F3092">
            <v>75084</v>
          </cell>
          <cell r="Z3092" t="str">
            <v>DULMRPR</v>
          </cell>
          <cell r="AN3092" t="str">
            <v>MDO C&amp;M</v>
          </cell>
          <cell r="AO3092" t="str">
            <v>MDO OH/KEN C&amp;M</v>
          </cell>
        </row>
        <row r="3093">
          <cell r="F3093">
            <v>75084</v>
          </cell>
          <cell r="Z3093" t="str">
            <v>DULMRPR</v>
          </cell>
          <cell r="AN3093" t="str">
            <v>MDO C&amp;M</v>
          </cell>
          <cell r="AO3093" t="str">
            <v>MDO OH/KEN C&amp;M</v>
          </cell>
        </row>
        <row r="3094">
          <cell r="F3094">
            <v>75084</v>
          </cell>
          <cell r="Z3094" t="str">
            <v>DULMRPR</v>
          </cell>
          <cell r="AN3094" t="str">
            <v>MDO C&amp;M</v>
          </cell>
          <cell r="AO3094" t="str">
            <v>MDO OH/KEN C&amp;M</v>
          </cell>
        </row>
        <row r="3095">
          <cell r="F3095">
            <v>75084</v>
          </cell>
          <cell r="Z3095" t="str">
            <v>DULMRPR</v>
          </cell>
          <cell r="AN3095" t="str">
            <v>MDO C&amp;M</v>
          </cell>
          <cell r="AO3095" t="str">
            <v>MDO OH/KEN C&amp;M</v>
          </cell>
        </row>
        <row r="3096">
          <cell r="F3096">
            <v>75084</v>
          </cell>
          <cell r="Z3096" t="str">
            <v>DULMRPR</v>
          </cell>
          <cell r="AN3096" t="str">
            <v>MDO C&amp;M</v>
          </cell>
          <cell r="AO3096" t="str">
            <v>MDO OH/KEN C&amp;M</v>
          </cell>
        </row>
        <row r="3097">
          <cell r="F3097">
            <v>75115</v>
          </cell>
          <cell r="Z3097" t="str">
            <v>DULMRPR</v>
          </cell>
          <cell r="AN3097" t="str">
            <v>MDO C&amp;M</v>
          </cell>
          <cell r="AO3097" t="str">
            <v>MDO INDIANA SOUTHWEST C&amp;M</v>
          </cell>
        </row>
        <row r="3098">
          <cell r="F3098">
            <v>75115</v>
          </cell>
          <cell r="Z3098" t="str">
            <v>DULMRPR</v>
          </cell>
          <cell r="AN3098" t="str">
            <v>MDO C&amp;M</v>
          </cell>
          <cell r="AO3098" t="str">
            <v>MDO INDIANA SOUTHWEST C&amp;M</v>
          </cell>
        </row>
        <row r="3099">
          <cell r="F3099">
            <v>75115</v>
          </cell>
          <cell r="Z3099" t="str">
            <v>DULMRPR</v>
          </cell>
          <cell r="AN3099" t="str">
            <v>MDO C&amp;M</v>
          </cell>
          <cell r="AO3099" t="str">
            <v>MDO INDIANA SOUTHWEST C&amp;M</v>
          </cell>
        </row>
        <row r="3100">
          <cell r="F3100">
            <v>75115</v>
          </cell>
          <cell r="Z3100" t="str">
            <v>DULMRPR</v>
          </cell>
          <cell r="AN3100" t="str">
            <v>MDO C&amp;M</v>
          </cell>
          <cell r="AO3100" t="str">
            <v>MDO INDIANA SOUTHWEST C&amp;M</v>
          </cell>
        </row>
        <row r="3101">
          <cell r="F3101">
            <v>75115</v>
          </cell>
          <cell r="Z3101" t="str">
            <v>DULMRPR</v>
          </cell>
          <cell r="AN3101" t="str">
            <v>MDO C&amp;M</v>
          </cell>
          <cell r="AO3101" t="str">
            <v>MDO INDIANA SOUTHWEST C&amp;M</v>
          </cell>
        </row>
        <row r="3102">
          <cell r="F3102">
            <v>75115</v>
          </cell>
          <cell r="Z3102" t="str">
            <v>DULMRPR</v>
          </cell>
          <cell r="AN3102" t="str">
            <v>MDO C&amp;M</v>
          </cell>
          <cell r="AO3102" t="str">
            <v>MDO INDIANA SOUTHWEST C&amp;M</v>
          </cell>
        </row>
        <row r="3103">
          <cell r="F3103">
            <v>75115</v>
          </cell>
          <cell r="Z3103" t="str">
            <v>DULMRPR</v>
          </cell>
          <cell r="AN3103" t="str">
            <v>MDO C&amp;M</v>
          </cell>
          <cell r="AO3103" t="str">
            <v>MDO INDIANA SOUTHWEST C&amp;M</v>
          </cell>
        </row>
        <row r="3104">
          <cell r="F3104">
            <v>75115</v>
          </cell>
          <cell r="Z3104" t="str">
            <v>DULMRPR</v>
          </cell>
          <cell r="AN3104" t="str">
            <v>MDO C&amp;M</v>
          </cell>
          <cell r="AO3104" t="str">
            <v>MDO INDIANA SOUTHWEST C&amp;M</v>
          </cell>
        </row>
        <row r="3105">
          <cell r="F3105">
            <v>75115</v>
          </cell>
          <cell r="Z3105" t="str">
            <v>DULMRPR</v>
          </cell>
          <cell r="AN3105" t="str">
            <v>MDO C&amp;M</v>
          </cell>
          <cell r="AO3105" t="str">
            <v>MDO INDIANA SOUTHWEST C&amp;M</v>
          </cell>
        </row>
        <row r="3106">
          <cell r="F3106">
            <v>75115</v>
          </cell>
          <cell r="Z3106" t="str">
            <v>DULMRPR</v>
          </cell>
          <cell r="AN3106" t="str">
            <v>MDO C&amp;M</v>
          </cell>
          <cell r="AO3106" t="str">
            <v>MDO INDIANA SOUTHWEST C&amp;M</v>
          </cell>
        </row>
        <row r="3107">
          <cell r="F3107">
            <v>75115</v>
          </cell>
          <cell r="Z3107" t="str">
            <v>DULMRPR</v>
          </cell>
          <cell r="AN3107" t="str">
            <v>MDO C&amp;M</v>
          </cell>
          <cell r="AO3107" t="str">
            <v>MDO INDIANA SOUTHWEST C&amp;M</v>
          </cell>
        </row>
        <row r="3108">
          <cell r="F3108">
            <v>75115</v>
          </cell>
          <cell r="Z3108" t="str">
            <v>DULMRPR</v>
          </cell>
          <cell r="AN3108" t="str">
            <v>MDO C&amp;M</v>
          </cell>
          <cell r="AO3108" t="str">
            <v>MDO INDIANA SOUTHWEST C&amp;M</v>
          </cell>
        </row>
        <row r="3109">
          <cell r="F3109">
            <v>75115</v>
          </cell>
          <cell r="Z3109" t="str">
            <v>DULMRPR</v>
          </cell>
          <cell r="AN3109" t="str">
            <v>MDO C&amp;M</v>
          </cell>
          <cell r="AO3109" t="str">
            <v>MDO INDIANA SOUTHWEST C&amp;M</v>
          </cell>
        </row>
        <row r="3110">
          <cell r="F3110">
            <v>75115</v>
          </cell>
          <cell r="Z3110" t="str">
            <v>DULMRPR</v>
          </cell>
          <cell r="AN3110" t="str">
            <v>MDO C&amp;M</v>
          </cell>
          <cell r="AO3110" t="str">
            <v>MDO INDIANA SOUTHWEST C&amp;M</v>
          </cell>
        </row>
        <row r="3111">
          <cell r="F3111">
            <v>75115</v>
          </cell>
          <cell r="Z3111" t="str">
            <v>DULMRPR</v>
          </cell>
          <cell r="AN3111" t="str">
            <v>MDO C&amp;M</v>
          </cell>
          <cell r="AO3111" t="str">
            <v>MDO INDIANA SOUTHWEST C&amp;M</v>
          </cell>
        </row>
        <row r="3112">
          <cell r="F3112">
            <v>75115</v>
          </cell>
          <cell r="Z3112" t="str">
            <v>DULMRPR</v>
          </cell>
          <cell r="AN3112" t="str">
            <v>MDO C&amp;M</v>
          </cell>
          <cell r="AO3112" t="str">
            <v>MDO INDIANA SOUTHWEST C&amp;M</v>
          </cell>
        </row>
        <row r="3113">
          <cell r="F3113">
            <v>75115</v>
          </cell>
          <cell r="Z3113" t="str">
            <v>DULMRPR</v>
          </cell>
          <cell r="AN3113" t="str">
            <v>MDO C&amp;M</v>
          </cell>
          <cell r="AO3113" t="str">
            <v>MDO INDIANA SOUTHWEST C&amp;M</v>
          </cell>
        </row>
        <row r="3114">
          <cell r="F3114">
            <v>75115</v>
          </cell>
          <cell r="Z3114" t="str">
            <v>DULMRPR</v>
          </cell>
          <cell r="AN3114" t="str">
            <v>MDO C&amp;M</v>
          </cell>
          <cell r="AO3114" t="str">
            <v>MDO INDIANA SOUTHWEST C&amp;M</v>
          </cell>
        </row>
        <row r="3115">
          <cell r="F3115">
            <v>75115</v>
          </cell>
          <cell r="Z3115" t="str">
            <v>DULMRPR</v>
          </cell>
          <cell r="AN3115" t="str">
            <v>MDO C&amp;M</v>
          </cell>
          <cell r="AO3115" t="str">
            <v>MDO INDIANA SOUTHWEST C&amp;M</v>
          </cell>
        </row>
        <row r="3116">
          <cell r="F3116">
            <v>75115</v>
          </cell>
          <cell r="Z3116" t="str">
            <v>DULMRPR</v>
          </cell>
          <cell r="AN3116" t="str">
            <v>MDO C&amp;M</v>
          </cell>
          <cell r="AO3116" t="str">
            <v>MDO INDIANA SOUTHWEST C&amp;M</v>
          </cell>
        </row>
        <row r="3117">
          <cell r="F3117">
            <v>75115</v>
          </cell>
          <cell r="Z3117" t="str">
            <v>DULMRPR</v>
          </cell>
          <cell r="AN3117" t="str">
            <v>MDO C&amp;M</v>
          </cell>
          <cell r="AO3117" t="str">
            <v>MDO INDIANA SOUTHWEST C&amp;M</v>
          </cell>
        </row>
        <row r="3118">
          <cell r="F3118">
            <v>75115</v>
          </cell>
          <cell r="Z3118" t="str">
            <v>DULMRPR</v>
          </cell>
          <cell r="AN3118" t="str">
            <v>MDO C&amp;M</v>
          </cell>
          <cell r="AO3118" t="str">
            <v>MDO INDIANA SOUTHWEST C&amp;M</v>
          </cell>
        </row>
        <row r="3119">
          <cell r="F3119">
            <v>75115</v>
          </cell>
          <cell r="Z3119" t="str">
            <v>DULMRPR</v>
          </cell>
          <cell r="AN3119" t="str">
            <v>MDO C&amp;M</v>
          </cell>
          <cell r="AO3119" t="str">
            <v>MDO INDIANA SOUTHWEST C&amp;M</v>
          </cell>
        </row>
        <row r="3120">
          <cell r="F3120">
            <v>75115</v>
          </cell>
          <cell r="Z3120" t="str">
            <v>DULMRPR</v>
          </cell>
          <cell r="AN3120" t="str">
            <v>MDO C&amp;M</v>
          </cell>
          <cell r="AO3120" t="str">
            <v>MDO INDIANA SOUTHWEST C&amp;M</v>
          </cell>
        </row>
        <row r="3121">
          <cell r="F3121">
            <v>75115</v>
          </cell>
          <cell r="Z3121" t="str">
            <v>DULMRPR</v>
          </cell>
          <cell r="AN3121" t="str">
            <v>MDO C&amp;M</v>
          </cell>
          <cell r="AO3121" t="str">
            <v>MDO INDIANA SOUTHWEST C&amp;M</v>
          </cell>
        </row>
        <row r="3122">
          <cell r="F3122">
            <v>75115</v>
          </cell>
          <cell r="Z3122" t="str">
            <v>DULMRPR</v>
          </cell>
          <cell r="AN3122" t="str">
            <v>MDO C&amp;M</v>
          </cell>
          <cell r="AO3122" t="str">
            <v>MDO INDIANA SOUTHWEST C&amp;M</v>
          </cell>
        </row>
        <row r="3123">
          <cell r="F3123">
            <v>75115</v>
          </cell>
          <cell r="Z3123" t="str">
            <v>DULMRPR</v>
          </cell>
          <cell r="AN3123" t="str">
            <v>MDO C&amp;M</v>
          </cell>
          <cell r="AO3123" t="str">
            <v>MDO INDIANA SOUTHWEST C&amp;M</v>
          </cell>
        </row>
        <row r="3124">
          <cell r="F3124">
            <v>75115</v>
          </cell>
          <cell r="Z3124" t="str">
            <v>DULMRPR</v>
          </cell>
          <cell r="AN3124" t="str">
            <v>MDO C&amp;M</v>
          </cell>
          <cell r="AO3124" t="str">
            <v>MDO INDIANA SOUTHWEST C&amp;M</v>
          </cell>
        </row>
        <row r="3125">
          <cell r="F3125">
            <v>75115</v>
          </cell>
          <cell r="Z3125" t="str">
            <v>DULMRPR</v>
          </cell>
          <cell r="AN3125" t="str">
            <v>MDO C&amp;M</v>
          </cell>
          <cell r="AO3125" t="str">
            <v>MDO INDIANA SOUTHWEST C&amp;M</v>
          </cell>
        </row>
        <row r="3126">
          <cell r="F3126">
            <v>75115</v>
          </cell>
          <cell r="Z3126" t="str">
            <v>DULMRPR</v>
          </cell>
          <cell r="AN3126" t="str">
            <v>MDO C&amp;M</v>
          </cell>
          <cell r="AO3126" t="str">
            <v>MDO INDIANA SOUTHWEST C&amp;M</v>
          </cell>
        </row>
        <row r="3127">
          <cell r="F3127">
            <v>75115</v>
          </cell>
          <cell r="Z3127" t="str">
            <v>DULMRPR</v>
          </cell>
          <cell r="AN3127" t="str">
            <v>MDO C&amp;M</v>
          </cell>
          <cell r="AO3127" t="str">
            <v>MDO INDIANA SOUTHWEST C&amp;M</v>
          </cell>
        </row>
        <row r="3128">
          <cell r="F3128">
            <v>75115</v>
          </cell>
          <cell r="Z3128" t="str">
            <v>DULMRPR</v>
          </cell>
          <cell r="AN3128" t="str">
            <v>MDO C&amp;M</v>
          </cell>
          <cell r="AO3128" t="str">
            <v>MDO INDIANA SOUTHWEST C&amp;M</v>
          </cell>
        </row>
        <row r="3129">
          <cell r="F3129">
            <v>75115</v>
          </cell>
          <cell r="Z3129" t="str">
            <v>DULMRPR</v>
          </cell>
          <cell r="AN3129" t="str">
            <v>MDO C&amp;M</v>
          </cell>
          <cell r="AO3129" t="str">
            <v>MDO INDIANA SOUTHWEST C&amp;M</v>
          </cell>
        </row>
        <row r="3130">
          <cell r="F3130">
            <v>75115</v>
          </cell>
          <cell r="Z3130" t="str">
            <v>DULMRPR</v>
          </cell>
          <cell r="AN3130" t="str">
            <v>MDO C&amp;M</v>
          </cell>
          <cell r="AO3130" t="str">
            <v>MDO INDIANA SOUTHWEST C&amp;M</v>
          </cell>
        </row>
        <row r="3131">
          <cell r="F3131">
            <v>75115</v>
          </cell>
          <cell r="Z3131" t="str">
            <v>DULMRPR</v>
          </cell>
          <cell r="AN3131" t="str">
            <v>MDO C&amp;M</v>
          </cell>
          <cell r="AO3131" t="str">
            <v>MDO INDIANA SOUTHWEST C&amp;M</v>
          </cell>
        </row>
        <row r="3132">
          <cell r="F3132">
            <v>75115</v>
          </cell>
          <cell r="Z3132" t="str">
            <v>DULMRPR</v>
          </cell>
          <cell r="AN3132" t="str">
            <v>MDO C&amp;M</v>
          </cell>
          <cell r="AO3132" t="str">
            <v>MDO INDIANA SOUTHWEST C&amp;M</v>
          </cell>
        </row>
        <row r="3133">
          <cell r="F3133">
            <v>75115</v>
          </cell>
          <cell r="Z3133" t="str">
            <v>DULMRPR</v>
          </cell>
          <cell r="AN3133" t="str">
            <v>MDO C&amp;M</v>
          </cell>
          <cell r="AO3133" t="str">
            <v>MDO INDIANA SOUTHWEST C&amp;M</v>
          </cell>
        </row>
        <row r="3134">
          <cell r="F3134">
            <v>75115</v>
          </cell>
          <cell r="Z3134" t="str">
            <v>DULMRPR</v>
          </cell>
          <cell r="AN3134" t="str">
            <v>MDO C&amp;M</v>
          </cell>
          <cell r="AO3134" t="str">
            <v>MDO INDIANA SOUTHWEST C&amp;M</v>
          </cell>
        </row>
        <row r="3135">
          <cell r="F3135">
            <v>75115</v>
          </cell>
          <cell r="Z3135" t="str">
            <v>DULMRPR</v>
          </cell>
          <cell r="AN3135" t="str">
            <v>MDO C&amp;M</v>
          </cell>
          <cell r="AO3135" t="str">
            <v>MDO INDIANA SOUTHWEST C&amp;M</v>
          </cell>
        </row>
        <row r="3136">
          <cell r="F3136">
            <v>75115</v>
          </cell>
          <cell r="Z3136" t="str">
            <v>DULMRPR</v>
          </cell>
          <cell r="AN3136" t="str">
            <v>MDO C&amp;M</v>
          </cell>
          <cell r="AO3136" t="str">
            <v>MDO INDIANA SOUTHWEST C&amp;M</v>
          </cell>
        </row>
        <row r="3137">
          <cell r="F3137">
            <v>75115</v>
          </cell>
          <cell r="Z3137" t="str">
            <v>DULMRPR</v>
          </cell>
          <cell r="AN3137" t="str">
            <v>MDO C&amp;M</v>
          </cell>
          <cell r="AO3137" t="str">
            <v>MDO INDIANA SOUTHWEST C&amp;M</v>
          </cell>
        </row>
        <row r="3138">
          <cell r="F3138">
            <v>75115</v>
          </cell>
          <cell r="Z3138" t="str">
            <v>DULMRPR</v>
          </cell>
          <cell r="AN3138" t="str">
            <v>MDO C&amp;M</v>
          </cell>
          <cell r="AO3138" t="str">
            <v>MDO INDIANA SOUTHWEST C&amp;M</v>
          </cell>
        </row>
        <row r="3139">
          <cell r="F3139">
            <v>75115</v>
          </cell>
          <cell r="Z3139" t="str">
            <v>DULMRPR</v>
          </cell>
          <cell r="AN3139" t="str">
            <v>MDO C&amp;M</v>
          </cell>
          <cell r="AO3139" t="str">
            <v>MDO INDIANA SOUTHWEST C&amp;M</v>
          </cell>
        </row>
        <row r="3140">
          <cell r="F3140">
            <v>75115</v>
          </cell>
          <cell r="Z3140" t="str">
            <v>DULMRPR</v>
          </cell>
          <cell r="AN3140" t="str">
            <v>MDO C&amp;M</v>
          </cell>
          <cell r="AO3140" t="str">
            <v>MDO INDIANA SOUTHWEST C&amp;M</v>
          </cell>
        </row>
        <row r="3141">
          <cell r="F3141">
            <v>75115</v>
          </cell>
          <cell r="Z3141" t="str">
            <v>DULMRPR</v>
          </cell>
          <cell r="AN3141" t="str">
            <v>MDO C&amp;M</v>
          </cell>
          <cell r="AO3141" t="str">
            <v>MDO INDIANA SOUTHWEST C&amp;M</v>
          </cell>
        </row>
        <row r="3142">
          <cell r="F3142">
            <v>75115</v>
          </cell>
          <cell r="Z3142" t="str">
            <v>DULMRPR</v>
          </cell>
          <cell r="AN3142" t="str">
            <v>MDO C&amp;M</v>
          </cell>
          <cell r="AO3142" t="str">
            <v>MDO INDIANA SOUTHWEST C&amp;M</v>
          </cell>
        </row>
        <row r="3143">
          <cell r="F3143">
            <v>75115</v>
          </cell>
          <cell r="Z3143" t="str">
            <v>DULMRPR</v>
          </cell>
          <cell r="AN3143" t="str">
            <v>MDO C&amp;M</v>
          </cell>
          <cell r="AO3143" t="str">
            <v>MDO INDIANA SOUTHWEST C&amp;M</v>
          </cell>
        </row>
        <row r="3144">
          <cell r="F3144">
            <v>75115</v>
          </cell>
          <cell r="Z3144" t="str">
            <v>DULMRPR</v>
          </cell>
          <cell r="AN3144" t="str">
            <v>MDO C&amp;M</v>
          </cell>
          <cell r="AO3144" t="str">
            <v>MDO INDIANA SOUTHWEST C&amp;M</v>
          </cell>
        </row>
        <row r="3145">
          <cell r="F3145">
            <v>75115</v>
          </cell>
          <cell r="Z3145" t="str">
            <v>DULMRPR</v>
          </cell>
          <cell r="AN3145" t="str">
            <v>MDO C&amp;M</v>
          </cell>
          <cell r="AO3145" t="str">
            <v>MDO INDIANA SOUTHWEST C&amp;M</v>
          </cell>
        </row>
        <row r="3146">
          <cell r="F3146">
            <v>75115</v>
          </cell>
          <cell r="Z3146" t="str">
            <v>DULMRPR</v>
          </cell>
          <cell r="AN3146" t="str">
            <v>MDO C&amp;M</v>
          </cell>
          <cell r="AO3146" t="str">
            <v>MDO INDIANA SOUTHWEST C&amp;M</v>
          </cell>
        </row>
        <row r="3147">
          <cell r="F3147">
            <v>75115</v>
          </cell>
          <cell r="Z3147" t="str">
            <v>DULMRPR</v>
          </cell>
          <cell r="AN3147" t="str">
            <v>MDO C&amp;M</v>
          </cell>
          <cell r="AO3147" t="str">
            <v>MDO INDIANA SOUTHWEST C&amp;M</v>
          </cell>
        </row>
        <row r="3148">
          <cell r="F3148">
            <v>75115</v>
          </cell>
          <cell r="Z3148" t="str">
            <v>DULMRPR</v>
          </cell>
          <cell r="AN3148" t="str">
            <v>MDO C&amp;M</v>
          </cell>
          <cell r="AO3148" t="str">
            <v>MDO INDIANA SOUTHWEST C&amp;M</v>
          </cell>
        </row>
        <row r="3149">
          <cell r="F3149">
            <v>75115</v>
          </cell>
          <cell r="Z3149" t="str">
            <v>DULMRPR</v>
          </cell>
          <cell r="AN3149" t="str">
            <v>MDO C&amp;M</v>
          </cell>
          <cell r="AO3149" t="str">
            <v>MDO INDIANA SOUTHWEST C&amp;M</v>
          </cell>
        </row>
        <row r="3150">
          <cell r="F3150">
            <v>75115</v>
          </cell>
          <cell r="Z3150" t="str">
            <v>DULMRPR</v>
          </cell>
          <cell r="AN3150" t="str">
            <v>MDO C&amp;M</v>
          </cell>
          <cell r="AO3150" t="str">
            <v>MDO INDIANA SOUTHWEST C&amp;M</v>
          </cell>
        </row>
        <row r="3151">
          <cell r="F3151">
            <v>75115</v>
          </cell>
          <cell r="Z3151" t="str">
            <v>DULMRPR</v>
          </cell>
          <cell r="AN3151" t="str">
            <v>MDO C&amp;M</v>
          </cell>
          <cell r="AO3151" t="str">
            <v>MDO INDIANA SOUTHWEST C&amp;M</v>
          </cell>
        </row>
        <row r="3152">
          <cell r="F3152">
            <v>75115</v>
          </cell>
          <cell r="Z3152" t="str">
            <v>DULMRPR</v>
          </cell>
          <cell r="AN3152" t="str">
            <v>MDO C&amp;M</v>
          </cell>
          <cell r="AO3152" t="str">
            <v>MDO INDIANA SOUTHWEST C&amp;M</v>
          </cell>
        </row>
        <row r="3153">
          <cell r="F3153">
            <v>75115</v>
          </cell>
          <cell r="Z3153" t="str">
            <v>DULMRPR</v>
          </cell>
          <cell r="AN3153" t="str">
            <v>MDO C&amp;M</v>
          </cell>
          <cell r="AO3153" t="str">
            <v>MDO INDIANA SOUTHWEST C&amp;M</v>
          </cell>
        </row>
        <row r="3154">
          <cell r="F3154">
            <v>75115</v>
          </cell>
          <cell r="Z3154" t="str">
            <v>DULMRPR</v>
          </cell>
          <cell r="AN3154" t="str">
            <v>MDO C&amp;M</v>
          </cell>
          <cell r="AO3154" t="str">
            <v>MDO INDIANA SOUTHWEST C&amp;M</v>
          </cell>
        </row>
        <row r="3155">
          <cell r="F3155">
            <v>75115</v>
          </cell>
          <cell r="Z3155" t="str">
            <v>DULMRPR</v>
          </cell>
          <cell r="AN3155" t="str">
            <v>MDO C&amp;M</v>
          </cell>
          <cell r="AO3155" t="str">
            <v>MDO INDIANA SOUTHWEST C&amp;M</v>
          </cell>
        </row>
        <row r="3156">
          <cell r="F3156">
            <v>75115</v>
          </cell>
          <cell r="Z3156" t="str">
            <v>DULMRPR</v>
          </cell>
          <cell r="AN3156" t="str">
            <v>MDO C&amp;M</v>
          </cell>
          <cell r="AO3156" t="str">
            <v>MDO INDIANA SOUTHWEST C&amp;M</v>
          </cell>
        </row>
        <row r="3157">
          <cell r="F3157">
            <v>75115</v>
          </cell>
          <cell r="Z3157" t="str">
            <v>DULMRPR</v>
          </cell>
          <cell r="AN3157" t="str">
            <v>MDO C&amp;M</v>
          </cell>
          <cell r="AO3157" t="str">
            <v>MDO INDIANA SOUTHWEST C&amp;M</v>
          </cell>
        </row>
        <row r="3158">
          <cell r="F3158">
            <v>75115</v>
          </cell>
          <cell r="Z3158" t="str">
            <v>DULMRPR</v>
          </cell>
          <cell r="AN3158" t="str">
            <v>MDO C&amp;M</v>
          </cell>
          <cell r="AO3158" t="str">
            <v>MDO INDIANA SOUTHWEST C&amp;M</v>
          </cell>
        </row>
        <row r="3159">
          <cell r="F3159">
            <v>75115</v>
          </cell>
          <cell r="Z3159" t="str">
            <v>DULMRPR</v>
          </cell>
          <cell r="AN3159" t="str">
            <v>MDO C&amp;M</v>
          </cell>
          <cell r="AO3159" t="str">
            <v>MDO INDIANA SOUTHWEST C&amp;M</v>
          </cell>
        </row>
        <row r="3160">
          <cell r="F3160">
            <v>75115</v>
          </cell>
          <cell r="Z3160" t="str">
            <v>DULMRPR</v>
          </cell>
          <cell r="AN3160" t="str">
            <v>MDO C&amp;M</v>
          </cell>
          <cell r="AO3160" t="str">
            <v>MDO INDIANA SOUTHWEST C&amp;M</v>
          </cell>
        </row>
        <row r="3161">
          <cell r="F3161">
            <v>75115</v>
          </cell>
          <cell r="Z3161" t="str">
            <v>DULMRPR</v>
          </cell>
          <cell r="AN3161" t="str">
            <v>MDO C&amp;M</v>
          </cell>
          <cell r="AO3161" t="str">
            <v>MDO INDIANA SOUTHWEST C&amp;M</v>
          </cell>
        </row>
        <row r="3162">
          <cell r="F3162">
            <v>75115</v>
          </cell>
          <cell r="Z3162" t="str">
            <v>DULMRPR</v>
          </cell>
          <cell r="AN3162" t="str">
            <v>MDO C&amp;M</v>
          </cell>
          <cell r="AO3162" t="str">
            <v>MDO INDIANA SOUTHWEST C&amp;M</v>
          </cell>
        </row>
        <row r="3163">
          <cell r="F3163">
            <v>75115</v>
          </cell>
          <cell r="Z3163" t="str">
            <v>DULMRPR</v>
          </cell>
          <cell r="AN3163" t="str">
            <v>MDO C&amp;M</v>
          </cell>
          <cell r="AO3163" t="str">
            <v>MDO INDIANA SOUTHWEST C&amp;M</v>
          </cell>
        </row>
        <row r="3164">
          <cell r="F3164">
            <v>75115</v>
          </cell>
          <cell r="Z3164" t="str">
            <v>DULMRPR</v>
          </cell>
          <cell r="AN3164" t="str">
            <v>MDO C&amp;M</v>
          </cell>
          <cell r="AO3164" t="str">
            <v>MDO INDIANA SOUTHWEST C&amp;M</v>
          </cell>
        </row>
        <row r="3165">
          <cell r="F3165">
            <v>75115</v>
          </cell>
          <cell r="Z3165" t="str">
            <v>DULMRPR</v>
          </cell>
          <cell r="AN3165" t="str">
            <v>MDO C&amp;M</v>
          </cell>
          <cell r="AO3165" t="str">
            <v>MDO INDIANA SOUTHWEST C&amp;M</v>
          </cell>
        </row>
        <row r="3166">
          <cell r="F3166">
            <v>75115</v>
          </cell>
          <cell r="Z3166" t="str">
            <v>DULMRPR</v>
          </cell>
          <cell r="AN3166" t="str">
            <v>MDO C&amp;M</v>
          </cell>
          <cell r="AO3166" t="str">
            <v>MDO INDIANA SOUTHWEST C&amp;M</v>
          </cell>
        </row>
        <row r="3167">
          <cell r="F3167">
            <v>75115</v>
          </cell>
          <cell r="Z3167" t="str">
            <v>DULMRPR</v>
          </cell>
          <cell r="AN3167" t="str">
            <v>MDO C&amp;M</v>
          </cell>
          <cell r="AO3167" t="str">
            <v>MDO INDIANA SOUTHWEST C&amp;M</v>
          </cell>
        </row>
        <row r="3168">
          <cell r="F3168">
            <v>75115</v>
          </cell>
          <cell r="Z3168" t="str">
            <v>DULMRPR</v>
          </cell>
          <cell r="AN3168" t="str">
            <v>MDO C&amp;M</v>
          </cell>
          <cell r="AO3168" t="str">
            <v>MDO INDIANA SOUTHWEST C&amp;M</v>
          </cell>
        </row>
        <row r="3169">
          <cell r="F3169">
            <v>75115</v>
          </cell>
          <cell r="Z3169" t="str">
            <v>DULMRPR</v>
          </cell>
          <cell r="AN3169" t="str">
            <v>MDO C&amp;M</v>
          </cell>
          <cell r="AO3169" t="str">
            <v>MDO INDIANA SOUTHWEST C&amp;M</v>
          </cell>
        </row>
        <row r="3170">
          <cell r="F3170">
            <v>75115</v>
          </cell>
          <cell r="Z3170" t="str">
            <v>DULMRPR</v>
          </cell>
          <cell r="AN3170" t="str">
            <v>MDO C&amp;M</v>
          </cell>
          <cell r="AO3170" t="str">
            <v>MDO INDIANA SOUTHWEST C&amp;M</v>
          </cell>
        </row>
        <row r="3171">
          <cell r="F3171">
            <v>75115</v>
          </cell>
          <cell r="Z3171" t="str">
            <v>DULMRPR</v>
          </cell>
          <cell r="AN3171" t="str">
            <v>MDO C&amp;M</v>
          </cell>
          <cell r="AO3171" t="str">
            <v>MDO INDIANA SOUTHWEST C&amp;M</v>
          </cell>
        </row>
        <row r="3172">
          <cell r="F3172">
            <v>75115</v>
          </cell>
          <cell r="Z3172" t="str">
            <v>DULMRPR</v>
          </cell>
          <cell r="AN3172" t="str">
            <v>MDO C&amp;M</v>
          </cell>
          <cell r="AO3172" t="str">
            <v>MDO INDIANA SOUTHWEST C&amp;M</v>
          </cell>
        </row>
        <row r="3173">
          <cell r="F3173">
            <v>75115</v>
          </cell>
          <cell r="Z3173" t="str">
            <v>DULMRPR</v>
          </cell>
          <cell r="AN3173" t="str">
            <v>MDO C&amp;M</v>
          </cell>
          <cell r="AO3173" t="str">
            <v>MDO INDIANA SOUTHWEST C&amp;M</v>
          </cell>
        </row>
        <row r="3174">
          <cell r="F3174">
            <v>75115</v>
          </cell>
          <cell r="Z3174" t="str">
            <v>DULMRPR</v>
          </cell>
          <cell r="AN3174" t="str">
            <v>MDO C&amp;M</v>
          </cell>
          <cell r="AO3174" t="str">
            <v>MDO INDIANA SOUTHWEST C&amp;M</v>
          </cell>
        </row>
        <row r="3175">
          <cell r="F3175">
            <v>75115</v>
          </cell>
          <cell r="Z3175" t="str">
            <v>DULMRPR</v>
          </cell>
          <cell r="AN3175" t="str">
            <v>MDO C&amp;M</v>
          </cell>
          <cell r="AO3175" t="str">
            <v>MDO INDIANA SOUTHWEST C&amp;M</v>
          </cell>
        </row>
        <row r="3176">
          <cell r="F3176">
            <v>75115</v>
          </cell>
          <cell r="Z3176" t="str">
            <v>DULMRPR</v>
          </cell>
          <cell r="AN3176" t="str">
            <v>MDO C&amp;M</v>
          </cell>
          <cell r="AO3176" t="str">
            <v>MDO INDIANA SOUTHWEST C&amp;M</v>
          </cell>
        </row>
        <row r="3177">
          <cell r="F3177">
            <v>75115</v>
          </cell>
          <cell r="Z3177" t="str">
            <v>DULMRPR</v>
          </cell>
          <cell r="AN3177" t="str">
            <v>MDO C&amp;M</v>
          </cell>
          <cell r="AO3177" t="str">
            <v>MDO INDIANA SOUTHWEST C&amp;M</v>
          </cell>
        </row>
        <row r="3178">
          <cell r="F3178">
            <v>75115</v>
          </cell>
          <cell r="Z3178" t="str">
            <v>DULMRPR</v>
          </cell>
          <cell r="AN3178" t="str">
            <v>MDO C&amp;M</v>
          </cell>
          <cell r="AO3178" t="str">
            <v>MDO INDIANA SOUTHWEST C&amp;M</v>
          </cell>
        </row>
        <row r="3179">
          <cell r="F3179">
            <v>75115</v>
          </cell>
          <cell r="Z3179" t="str">
            <v>DULMRPR</v>
          </cell>
          <cell r="AN3179" t="str">
            <v>MDO C&amp;M</v>
          </cell>
          <cell r="AO3179" t="str">
            <v>MDO INDIANA SOUTHWEST C&amp;M</v>
          </cell>
        </row>
        <row r="3180">
          <cell r="F3180">
            <v>75115</v>
          </cell>
          <cell r="Z3180" t="str">
            <v>DULMRPR</v>
          </cell>
          <cell r="AN3180" t="str">
            <v>MDO C&amp;M</v>
          </cell>
          <cell r="AO3180" t="str">
            <v>MDO INDIANA SOUTHWEST C&amp;M</v>
          </cell>
        </row>
        <row r="3181">
          <cell r="F3181">
            <v>75115</v>
          </cell>
          <cell r="Z3181" t="str">
            <v>DULMRPR</v>
          </cell>
          <cell r="AN3181" t="str">
            <v>MDO C&amp;M</v>
          </cell>
          <cell r="AO3181" t="str">
            <v>MDO INDIANA SOUTHWEST C&amp;M</v>
          </cell>
        </row>
        <row r="3182">
          <cell r="F3182">
            <v>75115</v>
          </cell>
          <cell r="Z3182" t="str">
            <v>DULMRPR</v>
          </cell>
          <cell r="AN3182" t="str">
            <v>MDO C&amp;M</v>
          </cell>
          <cell r="AO3182" t="str">
            <v>MDO INDIANA SOUTHWEST C&amp;M</v>
          </cell>
        </row>
        <row r="3183">
          <cell r="F3183">
            <v>75115</v>
          </cell>
          <cell r="Z3183" t="str">
            <v>DULMRPR</v>
          </cell>
          <cell r="AN3183" t="str">
            <v>MDO C&amp;M</v>
          </cell>
          <cell r="AO3183" t="str">
            <v>MDO INDIANA SOUTHEAST C&amp;M</v>
          </cell>
        </row>
        <row r="3184">
          <cell r="F3184">
            <v>75115</v>
          </cell>
          <cell r="Z3184" t="str">
            <v>DULMRPR</v>
          </cell>
          <cell r="AN3184" t="str">
            <v>MDO C&amp;M</v>
          </cell>
          <cell r="AO3184" t="str">
            <v>MDO INDIANA SOUTHEAST C&amp;M</v>
          </cell>
        </row>
        <row r="3185">
          <cell r="F3185">
            <v>75115</v>
          </cell>
          <cell r="Z3185" t="str">
            <v>DULMRPR</v>
          </cell>
          <cell r="AN3185" t="str">
            <v>MDO C&amp;M</v>
          </cell>
          <cell r="AO3185" t="str">
            <v>MDO INDIANA SOUTHEAST C&amp;M</v>
          </cell>
        </row>
        <row r="3186">
          <cell r="F3186">
            <v>75115</v>
          </cell>
          <cell r="Z3186" t="str">
            <v>DULMRPR</v>
          </cell>
          <cell r="AN3186" t="str">
            <v>MDO C&amp;M</v>
          </cell>
          <cell r="AO3186" t="str">
            <v>MDO INDIANA SOUTHEAST C&amp;M</v>
          </cell>
        </row>
        <row r="3187">
          <cell r="F3187">
            <v>75115</v>
          </cell>
          <cell r="Z3187" t="str">
            <v>DULMRPR</v>
          </cell>
          <cell r="AN3187" t="str">
            <v>MDO C&amp;M</v>
          </cell>
          <cell r="AO3187" t="str">
            <v>MDO INDIANA SOUTHEAST C&amp;M</v>
          </cell>
        </row>
        <row r="3188">
          <cell r="F3188">
            <v>75115</v>
          </cell>
          <cell r="Z3188" t="str">
            <v>DULMRPR</v>
          </cell>
          <cell r="AN3188" t="str">
            <v>MDO C&amp;M</v>
          </cell>
          <cell r="AO3188" t="str">
            <v>MDO INDIANA SOUTHEAST C&amp;M</v>
          </cell>
        </row>
        <row r="3189">
          <cell r="F3189">
            <v>75115</v>
          </cell>
          <cell r="Z3189" t="str">
            <v>DULMRPR</v>
          </cell>
          <cell r="AN3189" t="str">
            <v>MDO C&amp;M</v>
          </cell>
          <cell r="AO3189" t="str">
            <v>MDO INDIANA SOUTHEAST C&amp;M</v>
          </cell>
        </row>
        <row r="3190">
          <cell r="F3190">
            <v>75115</v>
          </cell>
          <cell r="Z3190" t="str">
            <v>DULMRPR</v>
          </cell>
          <cell r="AN3190" t="str">
            <v>MDO C&amp;M</v>
          </cell>
          <cell r="AO3190" t="str">
            <v>MDO INDIANA SOUTHEAST C&amp;M</v>
          </cell>
        </row>
        <row r="3191">
          <cell r="F3191">
            <v>75115</v>
          </cell>
          <cell r="Z3191" t="str">
            <v>DULMRPR</v>
          </cell>
          <cell r="AN3191" t="str">
            <v>MDO C&amp;M</v>
          </cell>
          <cell r="AO3191" t="str">
            <v>MDO INDIANA SOUTHEAST C&amp;M</v>
          </cell>
        </row>
        <row r="3192">
          <cell r="F3192">
            <v>75115</v>
          </cell>
          <cell r="Z3192" t="str">
            <v>DULMRPR</v>
          </cell>
          <cell r="AN3192" t="str">
            <v>MDO C&amp;M</v>
          </cell>
          <cell r="AO3192" t="str">
            <v>MDO INDIANA SOUTHEAST C&amp;M</v>
          </cell>
        </row>
        <row r="3193">
          <cell r="F3193">
            <v>75115</v>
          </cell>
          <cell r="Z3193" t="str">
            <v>DULMRPR</v>
          </cell>
          <cell r="AN3193" t="str">
            <v>MDO C&amp;M</v>
          </cell>
          <cell r="AO3193" t="str">
            <v>MDO INDIANA SOUTHEAST C&amp;M</v>
          </cell>
        </row>
        <row r="3194">
          <cell r="F3194">
            <v>75115</v>
          </cell>
          <cell r="Z3194" t="str">
            <v>DULMRPR</v>
          </cell>
          <cell r="AN3194" t="str">
            <v>MDO C&amp;M</v>
          </cell>
          <cell r="AO3194" t="str">
            <v>MDO INDIANA SOUTHEAST C&amp;M</v>
          </cell>
        </row>
        <row r="3195">
          <cell r="F3195">
            <v>75115</v>
          </cell>
          <cell r="Z3195" t="str">
            <v>DULMRPR</v>
          </cell>
          <cell r="AN3195" t="str">
            <v>MDO C&amp;M</v>
          </cell>
          <cell r="AO3195" t="str">
            <v>MDO INDIANA SOUTHEAST C&amp;M</v>
          </cell>
        </row>
        <row r="3196">
          <cell r="F3196">
            <v>75115</v>
          </cell>
          <cell r="Z3196" t="str">
            <v>DULMRPR</v>
          </cell>
          <cell r="AN3196" t="str">
            <v>MDO C&amp;M</v>
          </cell>
          <cell r="AO3196" t="str">
            <v>MDO INDIANA SOUTHEAST C&amp;M</v>
          </cell>
        </row>
        <row r="3197">
          <cell r="F3197">
            <v>75115</v>
          </cell>
          <cell r="Z3197" t="str">
            <v>DULMRPR</v>
          </cell>
          <cell r="AN3197" t="str">
            <v>MDO C&amp;M</v>
          </cell>
          <cell r="AO3197" t="str">
            <v>MDO INDIANA SOUTHEAST C&amp;M</v>
          </cell>
        </row>
        <row r="3198">
          <cell r="F3198">
            <v>75115</v>
          </cell>
          <cell r="Z3198" t="str">
            <v>DULMRPR</v>
          </cell>
          <cell r="AN3198" t="str">
            <v>MDO C&amp;M</v>
          </cell>
          <cell r="AO3198" t="str">
            <v>MDO INDIANA SOUTHEAST C&amp;M</v>
          </cell>
        </row>
        <row r="3199">
          <cell r="F3199">
            <v>75115</v>
          </cell>
          <cell r="Z3199" t="str">
            <v>DULMRPR</v>
          </cell>
          <cell r="AN3199" t="str">
            <v>MDO C&amp;M</v>
          </cell>
          <cell r="AO3199" t="str">
            <v>MDO INDIANA SOUTHEAST C&amp;M</v>
          </cell>
        </row>
        <row r="3200">
          <cell r="F3200">
            <v>75115</v>
          </cell>
          <cell r="Z3200" t="str">
            <v>DULMRPR</v>
          </cell>
          <cell r="AN3200" t="str">
            <v>MDO C&amp;M</v>
          </cell>
          <cell r="AO3200" t="str">
            <v>MDO INDIANA SOUTHEAST C&amp;M</v>
          </cell>
        </row>
        <row r="3201">
          <cell r="F3201">
            <v>75115</v>
          </cell>
          <cell r="Z3201" t="str">
            <v>DULMRPR</v>
          </cell>
          <cell r="AN3201" t="str">
            <v>MDO C&amp;M</v>
          </cell>
          <cell r="AO3201" t="str">
            <v>MDO INDIANA SOUTHEAST C&amp;M</v>
          </cell>
        </row>
        <row r="3202">
          <cell r="F3202">
            <v>75115</v>
          </cell>
          <cell r="Z3202" t="str">
            <v>DULMRPR</v>
          </cell>
          <cell r="AN3202" t="str">
            <v>MDO C&amp;M</v>
          </cell>
          <cell r="AO3202" t="str">
            <v>MDO INDIANA SOUTHEAST C&amp;M</v>
          </cell>
        </row>
        <row r="3203">
          <cell r="F3203">
            <v>75115</v>
          </cell>
          <cell r="Z3203" t="str">
            <v>DULMRPR</v>
          </cell>
          <cell r="AN3203" t="str">
            <v>MDO C&amp;M</v>
          </cell>
          <cell r="AO3203" t="str">
            <v>MDO INDIANA SOUTHEAST C&amp;M</v>
          </cell>
        </row>
        <row r="3204">
          <cell r="F3204">
            <v>75115</v>
          </cell>
          <cell r="Z3204" t="str">
            <v>DULMRPR</v>
          </cell>
          <cell r="AN3204" t="str">
            <v>MDO C&amp;M</v>
          </cell>
          <cell r="AO3204" t="str">
            <v>MDO INDIANA SOUTHEAST C&amp;M</v>
          </cell>
        </row>
        <row r="3205">
          <cell r="F3205">
            <v>75115</v>
          </cell>
          <cell r="Z3205" t="str">
            <v>DULMRPR</v>
          </cell>
          <cell r="AN3205" t="str">
            <v>MDO C&amp;M</v>
          </cell>
          <cell r="AO3205" t="str">
            <v>MDO INDIANA SOUTHEAST C&amp;M</v>
          </cell>
        </row>
        <row r="3206">
          <cell r="F3206">
            <v>75115</v>
          </cell>
          <cell r="Z3206" t="str">
            <v>DULMRPR</v>
          </cell>
          <cell r="AN3206" t="str">
            <v>MDO C&amp;M</v>
          </cell>
          <cell r="AO3206" t="str">
            <v>MDO INDIANA SOUTHEAST C&amp;M</v>
          </cell>
        </row>
        <row r="3207">
          <cell r="F3207">
            <v>75115</v>
          </cell>
          <cell r="Z3207" t="str">
            <v>DULMRPR</v>
          </cell>
          <cell r="AN3207" t="str">
            <v>MDO C&amp;M</v>
          </cell>
          <cell r="AO3207" t="str">
            <v>MDO INDIANA SOUTHEAST C&amp;M</v>
          </cell>
        </row>
        <row r="3208">
          <cell r="F3208">
            <v>75115</v>
          </cell>
          <cell r="Z3208" t="str">
            <v>DULMRPR</v>
          </cell>
          <cell r="AN3208" t="str">
            <v>MDO C&amp;M</v>
          </cell>
          <cell r="AO3208" t="str">
            <v>MDO INDIANA SOUTHEAST C&amp;M</v>
          </cell>
        </row>
        <row r="3209">
          <cell r="F3209">
            <v>75115</v>
          </cell>
          <cell r="Z3209" t="str">
            <v>DULMRPR</v>
          </cell>
          <cell r="AN3209" t="str">
            <v>MDO C&amp;M</v>
          </cell>
          <cell r="AO3209" t="str">
            <v>MDO INDIANA SOUTHEAST C&amp;M</v>
          </cell>
        </row>
        <row r="3210">
          <cell r="F3210">
            <v>75115</v>
          </cell>
          <cell r="Z3210" t="str">
            <v>DULMRPR</v>
          </cell>
          <cell r="AN3210" t="str">
            <v>MDO C&amp;M</v>
          </cell>
          <cell r="AO3210" t="str">
            <v>MDO INDIANA SOUTHEAST C&amp;M</v>
          </cell>
        </row>
        <row r="3211">
          <cell r="F3211">
            <v>75115</v>
          </cell>
          <cell r="Z3211" t="str">
            <v>DULMRPR</v>
          </cell>
          <cell r="AN3211" t="str">
            <v>MDO C&amp;M</v>
          </cell>
          <cell r="AO3211" t="str">
            <v>MDO INDIANA SOUTHEAST C&amp;M</v>
          </cell>
        </row>
        <row r="3212">
          <cell r="F3212">
            <v>75115</v>
          </cell>
          <cell r="Z3212" t="str">
            <v>DULMRPR</v>
          </cell>
          <cell r="AN3212" t="str">
            <v>MDO C&amp;M</v>
          </cell>
          <cell r="AO3212" t="str">
            <v>MDO INDIANA SOUTHEAST C&amp;M</v>
          </cell>
        </row>
        <row r="3213">
          <cell r="F3213">
            <v>75115</v>
          </cell>
          <cell r="Z3213" t="str">
            <v>DULMRPR</v>
          </cell>
          <cell r="AN3213" t="str">
            <v>MDO C&amp;M</v>
          </cell>
          <cell r="AO3213" t="str">
            <v>MDO INDIANA SOUTHEAST C&amp;M</v>
          </cell>
        </row>
        <row r="3214">
          <cell r="F3214">
            <v>75115</v>
          </cell>
          <cell r="Z3214" t="str">
            <v>DULMRPR</v>
          </cell>
          <cell r="AN3214" t="str">
            <v>MDO C&amp;M</v>
          </cell>
          <cell r="AO3214" t="str">
            <v>MDO INDIANA SOUTHEAST C&amp;M</v>
          </cell>
        </row>
        <row r="3215">
          <cell r="F3215">
            <v>75115</v>
          </cell>
          <cell r="Z3215" t="str">
            <v>DULMRPR</v>
          </cell>
          <cell r="AN3215" t="str">
            <v>MDO C&amp;M</v>
          </cell>
          <cell r="AO3215" t="str">
            <v>MDO INDIANA SOUTHEAST C&amp;M</v>
          </cell>
        </row>
        <row r="3216">
          <cell r="F3216">
            <v>75115</v>
          </cell>
          <cell r="Z3216" t="str">
            <v>DULMRPR</v>
          </cell>
          <cell r="AN3216" t="str">
            <v>MDO C&amp;M</v>
          </cell>
          <cell r="AO3216" t="str">
            <v>MDO INDIANA SOUTHEAST C&amp;M</v>
          </cell>
        </row>
        <row r="3217">
          <cell r="F3217">
            <v>75115</v>
          </cell>
          <cell r="Z3217" t="str">
            <v>DULMRPR</v>
          </cell>
          <cell r="AN3217" t="str">
            <v>MDO C&amp;M</v>
          </cell>
          <cell r="AO3217" t="str">
            <v>MDO INDIANA SOUTHEAST C&amp;M</v>
          </cell>
        </row>
        <row r="3218">
          <cell r="F3218">
            <v>75115</v>
          </cell>
          <cell r="Z3218" t="str">
            <v>DULMRPR</v>
          </cell>
          <cell r="AN3218" t="str">
            <v>MDO C&amp;M</v>
          </cell>
          <cell r="AO3218" t="str">
            <v>MDO INDIANA SOUTHEAST C&amp;M</v>
          </cell>
        </row>
        <row r="3219">
          <cell r="F3219">
            <v>75115</v>
          </cell>
          <cell r="Z3219" t="str">
            <v>DULMRPR</v>
          </cell>
          <cell r="AN3219" t="str">
            <v>MDO C&amp;M</v>
          </cell>
          <cell r="AO3219" t="str">
            <v>MDO INDIANA SOUTHEAST C&amp;M</v>
          </cell>
        </row>
        <row r="3220">
          <cell r="F3220">
            <v>75115</v>
          </cell>
          <cell r="Z3220" t="str">
            <v>DULMRPR</v>
          </cell>
          <cell r="AN3220" t="str">
            <v>MDO C&amp;M</v>
          </cell>
          <cell r="AO3220" t="str">
            <v>MDO INDIANA SOUTHEAST C&amp;M</v>
          </cell>
        </row>
        <row r="3221">
          <cell r="F3221">
            <v>75115</v>
          </cell>
          <cell r="Z3221" t="str">
            <v>DULMRPR</v>
          </cell>
          <cell r="AN3221" t="str">
            <v>MDO C&amp;M</v>
          </cell>
          <cell r="AO3221" t="str">
            <v>MDO INDIANA SOUTHEAST C&amp;M</v>
          </cell>
        </row>
        <row r="3222">
          <cell r="F3222">
            <v>75115</v>
          </cell>
          <cell r="Z3222" t="str">
            <v>DULMRPR</v>
          </cell>
          <cell r="AN3222" t="str">
            <v>MDO C&amp;M</v>
          </cell>
          <cell r="AO3222" t="str">
            <v>MDO INDIANA SOUTHEAST C&amp;M</v>
          </cell>
        </row>
        <row r="3223">
          <cell r="F3223">
            <v>75115</v>
          </cell>
          <cell r="Z3223" t="str">
            <v>DULMRPR</v>
          </cell>
          <cell r="AN3223" t="str">
            <v>MDO C&amp;M</v>
          </cell>
          <cell r="AO3223" t="str">
            <v>MDO INDIANA SOUTHEAST C&amp;M</v>
          </cell>
        </row>
        <row r="3224">
          <cell r="F3224">
            <v>75115</v>
          </cell>
          <cell r="Z3224" t="str">
            <v>DULMRPR</v>
          </cell>
          <cell r="AN3224" t="str">
            <v>MDO C&amp;M</v>
          </cell>
          <cell r="AO3224" t="str">
            <v>MDO INDIANA SOUTHEAST C&amp;M</v>
          </cell>
        </row>
        <row r="3225">
          <cell r="F3225">
            <v>75115</v>
          </cell>
          <cell r="Z3225" t="str">
            <v>DULMRPR</v>
          </cell>
          <cell r="AN3225" t="str">
            <v>MDO C&amp;M</v>
          </cell>
          <cell r="AO3225" t="str">
            <v>MDO INDIANA SOUTHEAST C&amp;M</v>
          </cell>
        </row>
        <row r="3226">
          <cell r="F3226">
            <v>75115</v>
          </cell>
          <cell r="Z3226" t="str">
            <v>DULMRPR</v>
          </cell>
          <cell r="AN3226" t="str">
            <v>MDO C&amp;M</v>
          </cell>
          <cell r="AO3226" t="str">
            <v>MDO INDIANA SOUTHEAST C&amp;M</v>
          </cell>
        </row>
        <row r="3227">
          <cell r="F3227">
            <v>75115</v>
          </cell>
          <cell r="Z3227" t="str">
            <v>DULMRPR</v>
          </cell>
          <cell r="AN3227" t="str">
            <v>MDO C&amp;M</v>
          </cell>
          <cell r="AO3227" t="str">
            <v>MDO INDIANA SOUTHEAST C&amp;M</v>
          </cell>
        </row>
        <row r="3228">
          <cell r="F3228">
            <v>75115</v>
          </cell>
          <cell r="Z3228" t="str">
            <v>DULMRPR</v>
          </cell>
          <cell r="AN3228" t="str">
            <v>MDO C&amp;M</v>
          </cell>
          <cell r="AO3228" t="str">
            <v>MDO INDIANA SOUTHEAST C&amp;M</v>
          </cell>
        </row>
        <row r="3229">
          <cell r="F3229">
            <v>75115</v>
          </cell>
          <cell r="Z3229" t="str">
            <v>DULMRPR</v>
          </cell>
          <cell r="AN3229" t="str">
            <v>MDO C&amp;M</v>
          </cell>
          <cell r="AO3229" t="str">
            <v>MDO INDIANA SOUTHEAST C&amp;M</v>
          </cell>
        </row>
        <row r="3230">
          <cell r="F3230">
            <v>75115</v>
          </cell>
          <cell r="Z3230" t="str">
            <v>DULMRPR</v>
          </cell>
          <cell r="AN3230" t="str">
            <v>MDO C&amp;M</v>
          </cell>
          <cell r="AO3230" t="str">
            <v>MDO INDIANA SOUTHEAST C&amp;M</v>
          </cell>
        </row>
        <row r="3231">
          <cell r="F3231">
            <v>75115</v>
          </cell>
          <cell r="Z3231" t="str">
            <v>DULMRPR</v>
          </cell>
          <cell r="AN3231" t="str">
            <v>MDO C&amp;M</v>
          </cell>
          <cell r="AO3231" t="str">
            <v>MDO INDIANA SOUTHEAST C&amp;M</v>
          </cell>
        </row>
        <row r="3232">
          <cell r="F3232">
            <v>75115</v>
          </cell>
          <cell r="Z3232" t="str">
            <v>DULMRPR</v>
          </cell>
          <cell r="AN3232" t="str">
            <v>MDO C&amp;M</v>
          </cell>
          <cell r="AO3232" t="str">
            <v>MDO INDIANA SOUTHEAST C&amp;M</v>
          </cell>
        </row>
        <row r="3233">
          <cell r="F3233">
            <v>75115</v>
          </cell>
          <cell r="Z3233" t="str">
            <v>DULMRPR</v>
          </cell>
          <cell r="AN3233" t="str">
            <v>MDO C&amp;M</v>
          </cell>
          <cell r="AO3233" t="str">
            <v>MDO INDIANA SOUTHEAST C&amp;M</v>
          </cell>
        </row>
        <row r="3234">
          <cell r="F3234">
            <v>75115</v>
          </cell>
          <cell r="Z3234" t="str">
            <v>DULMRPR</v>
          </cell>
          <cell r="AN3234" t="str">
            <v>MDO C&amp;M</v>
          </cell>
          <cell r="AO3234" t="str">
            <v>MDO INDIANA SOUTHEAST C&amp;M</v>
          </cell>
        </row>
        <row r="3235">
          <cell r="F3235">
            <v>75115</v>
          </cell>
          <cell r="Z3235" t="str">
            <v>DULMRPR</v>
          </cell>
          <cell r="AN3235" t="str">
            <v>MDO C&amp;M</v>
          </cell>
          <cell r="AO3235" t="str">
            <v>MDO INDIANA SOUTHEAST C&amp;M</v>
          </cell>
        </row>
        <row r="3236">
          <cell r="F3236">
            <v>75115</v>
          </cell>
          <cell r="Z3236" t="str">
            <v>DULMRPR</v>
          </cell>
          <cell r="AN3236" t="str">
            <v>MDO C&amp;M</v>
          </cell>
          <cell r="AO3236" t="str">
            <v>MDO INDIANA SOUTHEAST C&amp;M</v>
          </cell>
        </row>
        <row r="3237">
          <cell r="F3237">
            <v>75115</v>
          </cell>
          <cell r="Z3237" t="str">
            <v>DULMRPR</v>
          </cell>
          <cell r="AN3237" t="str">
            <v>MDO C&amp;M</v>
          </cell>
          <cell r="AO3237" t="str">
            <v>MDO INDIANA SOUTHEAST C&amp;M</v>
          </cell>
        </row>
        <row r="3238">
          <cell r="F3238">
            <v>75115</v>
          </cell>
          <cell r="Z3238" t="str">
            <v>DULMRPR</v>
          </cell>
          <cell r="AN3238" t="str">
            <v>MDO C&amp;M</v>
          </cell>
          <cell r="AO3238" t="str">
            <v>MDO INDIANA SOUTHEAST C&amp;M</v>
          </cell>
        </row>
        <row r="3239">
          <cell r="F3239">
            <v>75115</v>
          </cell>
          <cell r="Z3239" t="str">
            <v>DULMRPR</v>
          </cell>
          <cell r="AN3239" t="str">
            <v>MDO C&amp;M</v>
          </cell>
          <cell r="AO3239" t="str">
            <v>MDO INDIANA SOUTHEAST C&amp;M</v>
          </cell>
        </row>
        <row r="3240">
          <cell r="F3240">
            <v>75115</v>
          </cell>
          <cell r="Z3240" t="str">
            <v>DULMRPR</v>
          </cell>
          <cell r="AN3240" t="str">
            <v>MDO C&amp;M</v>
          </cell>
          <cell r="AO3240" t="str">
            <v>MDO INDIANA SOUTHEAST C&amp;M</v>
          </cell>
        </row>
        <row r="3241">
          <cell r="F3241">
            <v>75115</v>
          </cell>
          <cell r="Z3241" t="str">
            <v>DULMRPR</v>
          </cell>
          <cell r="AN3241" t="str">
            <v>MDO C&amp;M</v>
          </cell>
          <cell r="AO3241" t="str">
            <v>MDO INDIANA SOUTHEAST C&amp;M</v>
          </cell>
        </row>
        <row r="3242">
          <cell r="F3242">
            <v>75115</v>
          </cell>
          <cell r="Z3242" t="str">
            <v>DULMRPR</v>
          </cell>
          <cell r="AN3242" t="str">
            <v>MDO C&amp;M</v>
          </cell>
          <cell r="AO3242" t="str">
            <v>MDO INDIANA SOUTHEAST C&amp;M</v>
          </cell>
        </row>
        <row r="3243">
          <cell r="F3243">
            <v>75115</v>
          </cell>
          <cell r="Z3243" t="str">
            <v>DULMRPR</v>
          </cell>
          <cell r="AN3243" t="str">
            <v>MDO C&amp;M</v>
          </cell>
          <cell r="AO3243" t="str">
            <v>MDO INDIANA SOUTHEAST C&amp;M</v>
          </cell>
        </row>
        <row r="3244">
          <cell r="F3244">
            <v>75115</v>
          </cell>
          <cell r="Z3244" t="str">
            <v>DULMRPR</v>
          </cell>
          <cell r="AN3244" t="str">
            <v>MDO C&amp;M</v>
          </cell>
          <cell r="AO3244" t="str">
            <v>MDO INDIANA SOUTHEAST C&amp;M</v>
          </cell>
        </row>
        <row r="3245">
          <cell r="F3245">
            <v>75115</v>
          </cell>
          <cell r="Z3245" t="str">
            <v>DULMRPR</v>
          </cell>
          <cell r="AN3245" t="str">
            <v>MDO C&amp;M</v>
          </cell>
          <cell r="AO3245" t="str">
            <v>MDO INDIANA SOUTHEAST C&amp;M</v>
          </cell>
        </row>
        <row r="3246">
          <cell r="F3246">
            <v>75115</v>
          </cell>
          <cell r="Z3246" t="str">
            <v>DULMRPR</v>
          </cell>
          <cell r="AN3246" t="str">
            <v>MDO C&amp;M</v>
          </cell>
          <cell r="AO3246" t="str">
            <v>MDO INDIANA SOUTHEAST C&amp;M</v>
          </cell>
        </row>
        <row r="3247">
          <cell r="F3247">
            <v>75115</v>
          </cell>
          <cell r="Z3247" t="str">
            <v>DULMRPR</v>
          </cell>
          <cell r="AN3247" t="str">
            <v>MDO C&amp;M</v>
          </cell>
          <cell r="AO3247" t="str">
            <v>MDO INDIANA SOUTHEAST C&amp;M</v>
          </cell>
        </row>
        <row r="3248">
          <cell r="F3248">
            <v>75115</v>
          </cell>
          <cell r="Z3248" t="str">
            <v>DULMRPR</v>
          </cell>
          <cell r="AN3248" t="str">
            <v>MDO C&amp;M</v>
          </cell>
          <cell r="AO3248" t="str">
            <v>MDO INDIANA SOUTHEAST C&amp;M</v>
          </cell>
        </row>
        <row r="3249">
          <cell r="F3249">
            <v>75115</v>
          </cell>
          <cell r="Z3249" t="str">
            <v>DULMRPR</v>
          </cell>
          <cell r="AN3249" t="str">
            <v>MDO C&amp;M</v>
          </cell>
          <cell r="AO3249" t="str">
            <v>MDO INDIANA SOUTHEAST C&amp;M</v>
          </cell>
        </row>
        <row r="3250">
          <cell r="F3250">
            <v>75115</v>
          </cell>
          <cell r="Z3250" t="str">
            <v>DULMRPR</v>
          </cell>
          <cell r="AN3250" t="str">
            <v>MDO C&amp;M</v>
          </cell>
          <cell r="AO3250" t="str">
            <v>MDO INDIANA SOUTHEAST C&amp;M</v>
          </cell>
        </row>
        <row r="3251">
          <cell r="F3251">
            <v>75115</v>
          </cell>
          <cell r="Z3251" t="str">
            <v>DULMRPR</v>
          </cell>
          <cell r="AN3251" t="str">
            <v>MDO C&amp;M</v>
          </cell>
          <cell r="AO3251" t="str">
            <v>MDO INDIANA SOUTHEAST C&amp;M</v>
          </cell>
        </row>
        <row r="3252">
          <cell r="F3252">
            <v>75115</v>
          </cell>
          <cell r="Z3252" t="str">
            <v>DULMRPR</v>
          </cell>
          <cell r="AN3252" t="str">
            <v>MDO C&amp;M</v>
          </cell>
          <cell r="AO3252" t="str">
            <v>MDO INDIANA SOUTHEAST C&amp;M</v>
          </cell>
        </row>
        <row r="3253">
          <cell r="F3253">
            <v>75115</v>
          </cell>
          <cell r="Z3253" t="str">
            <v>DULMRPR</v>
          </cell>
          <cell r="AN3253" t="str">
            <v>MDO C&amp;M</v>
          </cell>
          <cell r="AO3253" t="str">
            <v>MDO INDIANA SOUTHEAST C&amp;M</v>
          </cell>
        </row>
        <row r="3254">
          <cell r="F3254">
            <v>75115</v>
          </cell>
          <cell r="Z3254" t="str">
            <v>DULMRPR</v>
          </cell>
          <cell r="AN3254" t="str">
            <v>MDO C&amp;M</v>
          </cell>
          <cell r="AO3254" t="str">
            <v>MDO INDIANA SOUTHEAST C&amp;M</v>
          </cell>
        </row>
        <row r="3255">
          <cell r="F3255">
            <v>75115</v>
          </cell>
          <cell r="Z3255" t="str">
            <v>DULMRPR</v>
          </cell>
          <cell r="AN3255" t="str">
            <v>MDO C&amp;M</v>
          </cell>
          <cell r="AO3255" t="str">
            <v>MDO INDIANA SOUTHEAST C&amp;M</v>
          </cell>
        </row>
        <row r="3256">
          <cell r="F3256">
            <v>75115</v>
          </cell>
          <cell r="Z3256" t="str">
            <v>DULMRPR</v>
          </cell>
          <cell r="AN3256" t="str">
            <v>MDO C&amp;M</v>
          </cell>
          <cell r="AO3256" t="str">
            <v>MDO INDIANA SOUTHEAST C&amp;M</v>
          </cell>
        </row>
        <row r="3257">
          <cell r="F3257">
            <v>75115</v>
          </cell>
          <cell r="Z3257" t="str">
            <v>DULMRPR</v>
          </cell>
          <cell r="AN3257" t="str">
            <v>MDO C&amp;M</v>
          </cell>
          <cell r="AO3257" t="str">
            <v>MDO INDIANA SOUTHEAST C&amp;M</v>
          </cell>
        </row>
        <row r="3258">
          <cell r="F3258">
            <v>75115</v>
          </cell>
          <cell r="Z3258" t="str">
            <v>DULMRPR</v>
          </cell>
          <cell r="AN3258" t="str">
            <v>MDO C&amp;M</v>
          </cell>
          <cell r="AO3258" t="str">
            <v>MDO INDIANA SOUTHEAST C&amp;M</v>
          </cell>
        </row>
        <row r="3259">
          <cell r="F3259">
            <v>75115</v>
          </cell>
          <cell r="Z3259" t="str">
            <v>DULMRPR</v>
          </cell>
          <cell r="AN3259" t="str">
            <v>MDO C&amp;M</v>
          </cell>
          <cell r="AO3259" t="str">
            <v>MDO INDIANA SOUTHEAST C&amp;M</v>
          </cell>
        </row>
        <row r="3260">
          <cell r="F3260">
            <v>75115</v>
          </cell>
          <cell r="Z3260" t="str">
            <v>DULMRPR</v>
          </cell>
          <cell r="AN3260" t="str">
            <v>MDO C&amp;M</v>
          </cell>
          <cell r="AO3260" t="str">
            <v>MDO INDIANA SOUTHEAST C&amp;M</v>
          </cell>
        </row>
        <row r="3261">
          <cell r="F3261">
            <v>75115</v>
          </cell>
          <cell r="Z3261" t="str">
            <v>DULMRPR</v>
          </cell>
          <cell r="AN3261" t="str">
            <v>MDO C&amp;M</v>
          </cell>
          <cell r="AO3261" t="str">
            <v>MDO INDIANA SOUTHEAST C&amp;M</v>
          </cell>
        </row>
        <row r="3262">
          <cell r="F3262">
            <v>75115</v>
          </cell>
          <cell r="Z3262" t="str">
            <v>DULMRPR</v>
          </cell>
          <cell r="AN3262" t="str">
            <v>MDO C&amp;M</v>
          </cell>
          <cell r="AO3262" t="str">
            <v>MDO INDIANA SOUTHEAST C&amp;M</v>
          </cell>
        </row>
        <row r="3263">
          <cell r="F3263">
            <v>75115</v>
          </cell>
          <cell r="Z3263" t="str">
            <v>DULMRPR</v>
          </cell>
          <cell r="AN3263" t="str">
            <v>MDO C&amp;M</v>
          </cell>
          <cell r="AO3263" t="str">
            <v>MDO INDIANA SOUTHEAST C&amp;M</v>
          </cell>
        </row>
        <row r="3264">
          <cell r="F3264">
            <v>75115</v>
          </cell>
          <cell r="Z3264" t="str">
            <v>DULMRPR</v>
          </cell>
          <cell r="AN3264" t="str">
            <v>MDO C&amp;M</v>
          </cell>
          <cell r="AO3264" t="str">
            <v>MDO INDIANA SOUTHEAST C&amp;M</v>
          </cell>
        </row>
        <row r="3265">
          <cell r="F3265">
            <v>75115</v>
          </cell>
          <cell r="Z3265" t="str">
            <v>DULMRPR</v>
          </cell>
          <cell r="AN3265" t="str">
            <v>MDO C&amp;M</v>
          </cell>
          <cell r="AO3265" t="str">
            <v>MDO INDIANA SOUTHEAST C&amp;M</v>
          </cell>
        </row>
        <row r="3266">
          <cell r="F3266">
            <v>75115</v>
          </cell>
          <cell r="Z3266" t="str">
            <v>DULMRPR</v>
          </cell>
          <cell r="AN3266" t="str">
            <v>MDO C&amp;M</v>
          </cell>
          <cell r="AO3266" t="str">
            <v>MDO INDIANA SOUTHEAST C&amp;M</v>
          </cell>
        </row>
        <row r="3267">
          <cell r="F3267">
            <v>75115</v>
          </cell>
          <cell r="Z3267" t="str">
            <v>DULMRPR</v>
          </cell>
          <cell r="AN3267" t="str">
            <v>MDO C&amp;M</v>
          </cell>
          <cell r="AO3267" t="str">
            <v>MDO INDIANA SOUTHEAST C&amp;M</v>
          </cell>
        </row>
        <row r="3268">
          <cell r="F3268">
            <v>75115</v>
          </cell>
          <cell r="Z3268" t="str">
            <v>DULMRPR</v>
          </cell>
          <cell r="AN3268" t="str">
            <v>MDO C&amp;M</v>
          </cell>
          <cell r="AO3268" t="str">
            <v>MDO INDIANA SOUTHEAST C&amp;M</v>
          </cell>
        </row>
        <row r="3269">
          <cell r="F3269">
            <v>75115</v>
          </cell>
          <cell r="Z3269" t="str">
            <v>DULMRPR</v>
          </cell>
          <cell r="AN3269" t="str">
            <v>MDO C&amp;M</v>
          </cell>
          <cell r="AO3269" t="str">
            <v>MDO INDIANA SOUTHEAST C&amp;M</v>
          </cell>
        </row>
        <row r="3270">
          <cell r="F3270">
            <v>75115</v>
          </cell>
          <cell r="Z3270" t="str">
            <v>DULMRPR</v>
          </cell>
          <cell r="AN3270" t="str">
            <v>MDO C&amp;M</v>
          </cell>
          <cell r="AO3270" t="str">
            <v>MDO INDIANA SOUTHEAST C&amp;M</v>
          </cell>
        </row>
        <row r="3271">
          <cell r="F3271">
            <v>75115</v>
          </cell>
          <cell r="Z3271" t="str">
            <v>DULMRPR</v>
          </cell>
          <cell r="AN3271" t="str">
            <v>MDO C&amp;M</v>
          </cell>
          <cell r="AO3271" t="str">
            <v>MDO INDIANA SOUTHEAST C&amp;M</v>
          </cell>
        </row>
        <row r="3272">
          <cell r="F3272">
            <v>75115</v>
          </cell>
          <cell r="Z3272" t="str">
            <v>DULMRPR</v>
          </cell>
          <cell r="AN3272" t="str">
            <v>MDO C&amp;M</v>
          </cell>
          <cell r="AO3272" t="str">
            <v>MDO INDIANA SOUTHEAST C&amp;M</v>
          </cell>
        </row>
        <row r="3273">
          <cell r="F3273">
            <v>75115</v>
          </cell>
          <cell r="Z3273" t="str">
            <v>DULMRPR</v>
          </cell>
          <cell r="AN3273" t="str">
            <v>MDO C&amp;M</v>
          </cell>
          <cell r="AO3273" t="str">
            <v>MDO INDIANA SOUTHEAST C&amp;M</v>
          </cell>
        </row>
        <row r="3274">
          <cell r="F3274">
            <v>75115</v>
          </cell>
          <cell r="Z3274" t="str">
            <v>DULMRPR</v>
          </cell>
          <cell r="AN3274" t="str">
            <v>MDO C&amp;M</v>
          </cell>
          <cell r="AO3274" t="str">
            <v>MDO INDIANA NORTH C&amp;M</v>
          </cell>
        </row>
        <row r="3275">
          <cell r="F3275">
            <v>75115</v>
          </cell>
          <cell r="Z3275" t="str">
            <v>DULMRPR</v>
          </cell>
          <cell r="AN3275" t="str">
            <v>MDO C&amp;M</v>
          </cell>
          <cell r="AO3275" t="str">
            <v>MDO INDIANA NORTH C&amp;M</v>
          </cell>
        </row>
        <row r="3276">
          <cell r="F3276">
            <v>75115</v>
          </cell>
          <cell r="Z3276" t="str">
            <v>DULMRPR</v>
          </cell>
          <cell r="AN3276" t="str">
            <v>MDO C&amp;M</v>
          </cell>
          <cell r="AO3276" t="str">
            <v>MDO INDIANA NORTH C&amp;M</v>
          </cell>
        </row>
        <row r="3277">
          <cell r="F3277">
            <v>75115</v>
          </cell>
          <cell r="Z3277" t="str">
            <v>DULMRPR</v>
          </cell>
          <cell r="AN3277" t="str">
            <v>MDO C&amp;M</v>
          </cell>
          <cell r="AO3277" t="str">
            <v>MDO INDIANA NORTH C&amp;M</v>
          </cell>
        </row>
        <row r="3278">
          <cell r="F3278">
            <v>75115</v>
          </cell>
          <cell r="Z3278" t="str">
            <v>DULMRPR</v>
          </cell>
          <cell r="AN3278" t="str">
            <v>MDO C&amp;M</v>
          </cell>
          <cell r="AO3278" t="str">
            <v>MDO INDIANA NORTH C&amp;M</v>
          </cell>
        </row>
        <row r="3279">
          <cell r="F3279">
            <v>75115</v>
          </cell>
          <cell r="Z3279" t="str">
            <v>DULMRPR</v>
          </cell>
          <cell r="AN3279" t="str">
            <v>MDO C&amp;M</v>
          </cell>
          <cell r="AO3279" t="str">
            <v>MDO INDIANA NORTH C&amp;M</v>
          </cell>
        </row>
        <row r="3280">
          <cell r="F3280">
            <v>75115</v>
          </cell>
          <cell r="Z3280" t="str">
            <v>DULMRPR</v>
          </cell>
          <cell r="AN3280" t="str">
            <v>MDO C&amp;M</v>
          </cell>
          <cell r="AO3280" t="str">
            <v>MDO INDIANA NORTH C&amp;M</v>
          </cell>
        </row>
        <row r="3281">
          <cell r="F3281">
            <v>75115</v>
          </cell>
          <cell r="Z3281" t="str">
            <v>DULMRPR</v>
          </cell>
          <cell r="AN3281" t="str">
            <v>MDO C&amp;M</v>
          </cell>
          <cell r="AO3281" t="str">
            <v>MDO INDIANA NORTH C&amp;M</v>
          </cell>
        </row>
        <row r="3282">
          <cell r="F3282">
            <v>75115</v>
          </cell>
          <cell r="Z3282" t="str">
            <v>DULMRPR</v>
          </cell>
          <cell r="AN3282" t="str">
            <v>MDO C&amp;M</v>
          </cell>
          <cell r="AO3282" t="str">
            <v>MDO INDIANA NORTH C&amp;M</v>
          </cell>
        </row>
        <row r="3283">
          <cell r="F3283">
            <v>75115</v>
          </cell>
          <cell r="Z3283" t="str">
            <v>DULMRPR</v>
          </cell>
          <cell r="AN3283" t="str">
            <v>MDO C&amp;M</v>
          </cell>
          <cell r="AO3283" t="str">
            <v>MDO INDIANA NORTH C&amp;M</v>
          </cell>
        </row>
        <row r="3284">
          <cell r="F3284">
            <v>75115</v>
          </cell>
          <cell r="Z3284" t="str">
            <v>DULMRPR</v>
          </cell>
          <cell r="AN3284" t="str">
            <v>MDO C&amp;M</v>
          </cell>
          <cell r="AO3284" t="str">
            <v>MDO INDIANA NORTH C&amp;M</v>
          </cell>
        </row>
        <row r="3285">
          <cell r="F3285">
            <v>75115</v>
          </cell>
          <cell r="Z3285" t="str">
            <v>DULMRPR</v>
          </cell>
          <cell r="AN3285" t="str">
            <v>MDO C&amp;M</v>
          </cell>
          <cell r="AO3285" t="str">
            <v>MDO INDIANA NORTH C&amp;M</v>
          </cell>
        </row>
        <row r="3286">
          <cell r="F3286">
            <v>75115</v>
          </cell>
          <cell r="Z3286" t="str">
            <v>DULMRPR</v>
          </cell>
          <cell r="AN3286" t="str">
            <v>MDO C&amp;M</v>
          </cell>
          <cell r="AO3286" t="str">
            <v>MDO INDIANA NORTH C&amp;M</v>
          </cell>
        </row>
        <row r="3287">
          <cell r="F3287">
            <v>75115</v>
          </cell>
          <cell r="Z3287" t="str">
            <v>DULMRPR</v>
          </cell>
          <cell r="AN3287" t="str">
            <v>MDO C&amp;M</v>
          </cell>
          <cell r="AO3287" t="str">
            <v>MDO INDIANA NORTH C&amp;M</v>
          </cell>
        </row>
        <row r="3288">
          <cell r="F3288">
            <v>75115</v>
          </cell>
          <cell r="Z3288" t="str">
            <v>DULMRPR</v>
          </cell>
          <cell r="AN3288" t="str">
            <v>MDO C&amp;M</v>
          </cell>
          <cell r="AO3288" t="str">
            <v>MDO INDIANA NORTH C&amp;M</v>
          </cell>
        </row>
        <row r="3289">
          <cell r="F3289">
            <v>75115</v>
          </cell>
          <cell r="Z3289" t="str">
            <v>DULMRPR</v>
          </cell>
          <cell r="AN3289" t="str">
            <v>MDO C&amp;M</v>
          </cell>
          <cell r="AO3289" t="str">
            <v>MDO INDIANA NORTH C&amp;M</v>
          </cell>
        </row>
        <row r="3290">
          <cell r="F3290">
            <v>75115</v>
          </cell>
          <cell r="Z3290" t="str">
            <v>DULMRPR</v>
          </cell>
          <cell r="AN3290" t="str">
            <v>MDO C&amp;M</v>
          </cell>
          <cell r="AO3290" t="str">
            <v>MDO INDIANA NORTH C&amp;M</v>
          </cell>
        </row>
        <row r="3291">
          <cell r="F3291">
            <v>75115</v>
          </cell>
          <cell r="Z3291" t="str">
            <v>DULMRPR</v>
          </cell>
          <cell r="AN3291" t="str">
            <v>MDO C&amp;M</v>
          </cell>
          <cell r="AO3291" t="str">
            <v>MDO INDIANA NORTH C&amp;M</v>
          </cell>
        </row>
        <row r="3292">
          <cell r="F3292">
            <v>75115</v>
          </cell>
          <cell r="Z3292" t="str">
            <v>DULMRPR</v>
          </cell>
          <cell r="AN3292" t="str">
            <v>MDO C&amp;M</v>
          </cell>
          <cell r="AO3292" t="str">
            <v>MDO INDIANA NORTH C&amp;M</v>
          </cell>
        </row>
        <row r="3293">
          <cell r="F3293">
            <v>75115</v>
          </cell>
          <cell r="Z3293" t="str">
            <v>DULMRPR</v>
          </cell>
          <cell r="AN3293" t="str">
            <v>MDO C&amp;M</v>
          </cell>
          <cell r="AO3293" t="str">
            <v>MDO INDIANA NORTH C&amp;M</v>
          </cell>
        </row>
        <row r="3294">
          <cell r="F3294">
            <v>75115</v>
          </cell>
          <cell r="Z3294" t="str">
            <v>DULMRPR</v>
          </cell>
          <cell r="AN3294" t="str">
            <v>MDO C&amp;M</v>
          </cell>
          <cell r="AO3294" t="str">
            <v>MDO INDIANA NORTH C&amp;M</v>
          </cell>
        </row>
        <row r="3295">
          <cell r="F3295">
            <v>75115</v>
          </cell>
          <cell r="Z3295" t="str">
            <v>DULMRPR</v>
          </cell>
          <cell r="AN3295" t="str">
            <v>MDO C&amp;M</v>
          </cell>
          <cell r="AO3295" t="str">
            <v>MDO INDIANA NORTH C&amp;M</v>
          </cell>
        </row>
        <row r="3296">
          <cell r="F3296">
            <v>75115</v>
          </cell>
          <cell r="Z3296" t="str">
            <v>DULMRPR</v>
          </cell>
          <cell r="AN3296" t="str">
            <v>MDO C&amp;M</v>
          </cell>
          <cell r="AO3296" t="str">
            <v>MDO INDIANA NORTH C&amp;M</v>
          </cell>
        </row>
        <row r="3297">
          <cell r="F3297">
            <v>75115</v>
          </cell>
          <cell r="Z3297" t="str">
            <v>DULMRPR</v>
          </cell>
          <cell r="AN3297" t="str">
            <v>MDO C&amp;M</v>
          </cell>
          <cell r="AO3297" t="str">
            <v>MDO INDIANA NORTH C&amp;M</v>
          </cell>
        </row>
        <row r="3298">
          <cell r="F3298">
            <v>75115</v>
          </cell>
          <cell r="Z3298" t="str">
            <v>DULMRPR</v>
          </cell>
          <cell r="AN3298" t="str">
            <v>MDO C&amp;M</v>
          </cell>
          <cell r="AO3298" t="str">
            <v>MDO INDIANA NORTH C&amp;M</v>
          </cell>
        </row>
        <row r="3299">
          <cell r="F3299">
            <v>75115</v>
          </cell>
          <cell r="Z3299" t="str">
            <v>DULMRPR</v>
          </cell>
          <cell r="AN3299" t="str">
            <v>MDO C&amp;M</v>
          </cell>
          <cell r="AO3299" t="str">
            <v>MDO INDIANA NORTH C&amp;M</v>
          </cell>
        </row>
        <row r="3300">
          <cell r="F3300">
            <v>75115</v>
          </cell>
          <cell r="Z3300" t="str">
            <v>DULMRPR</v>
          </cell>
          <cell r="AN3300" t="str">
            <v>MDO C&amp;M</v>
          </cell>
          <cell r="AO3300" t="str">
            <v>MDO INDIANA NORTH C&amp;M</v>
          </cell>
        </row>
        <row r="3301">
          <cell r="F3301">
            <v>75115</v>
          </cell>
          <cell r="Z3301" t="str">
            <v>DULMRPR</v>
          </cell>
          <cell r="AN3301" t="str">
            <v>MDO C&amp;M</v>
          </cell>
          <cell r="AO3301" t="str">
            <v>MDO INDIANA NORTH C&amp;M</v>
          </cell>
        </row>
        <row r="3302">
          <cell r="F3302">
            <v>75115</v>
          </cell>
          <cell r="Z3302" t="str">
            <v>DULMRPR</v>
          </cell>
          <cell r="AN3302" t="str">
            <v>MDO C&amp;M</v>
          </cell>
          <cell r="AO3302" t="str">
            <v>MDO INDIANA NORTH C&amp;M</v>
          </cell>
        </row>
        <row r="3303">
          <cell r="F3303">
            <v>75115</v>
          </cell>
          <cell r="Z3303" t="str">
            <v>DULMRPR</v>
          </cell>
          <cell r="AN3303" t="str">
            <v>MDO C&amp;M</v>
          </cell>
          <cell r="AO3303" t="str">
            <v>MDO INDIANA NORTH C&amp;M</v>
          </cell>
        </row>
        <row r="3304">
          <cell r="F3304">
            <v>75115</v>
          </cell>
          <cell r="Z3304" t="str">
            <v>DULMRPR</v>
          </cell>
          <cell r="AN3304" t="str">
            <v>MDO C&amp;M</v>
          </cell>
          <cell r="AO3304" t="str">
            <v>MDO INDIANA NORTH C&amp;M</v>
          </cell>
        </row>
        <row r="3305">
          <cell r="F3305">
            <v>75115</v>
          </cell>
          <cell r="Z3305" t="str">
            <v>DULMRPR</v>
          </cell>
          <cell r="AN3305" t="str">
            <v>MDO C&amp;M</v>
          </cell>
          <cell r="AO3305" t="str">
            <v>MDO INDIANA NORTH C&amp;M</v>
          </cell>
        </row>
        <row r="3306">
          <cell r="F3306">
            <v>75115</v>
          </cell>
          <cell r="Z3306" t="str">
            <v>DULMRPR</v>
          </cell>
          <cell r="AN3306" t="str">
            <v>MDO C&amp;M</v>
          </cell>
          <cell r="AO3306" t="str">
            <v>MDO INDIANA NORTH C&amp;M</v>
          </cell>
        </row>
        <row r="3307">
          <cell r="F3307">
            <v>75115</v>
          </cell>
          <cell r="Z3307" t="str">
            <v>DULMRPR</v>
          </cell>
          <cell r="AN3307" t="str">
            <v>MDO C&amp;M</v>
          </cell>
          <cell r="AO3307" t="str">
            <v>MDO INDIANA NORTH C&amp;M</v>
          </cell>
        </row>
        <row r="3308">
          <cell r="F3308">
            <v>75115</v>
          </cell>
          <cell r="Z3308" t="str">
            <v>DULMRPR</v>
          </cell>
          <cell r="AN3308" t="str">
            <v>MDO C&amp;M</v>
          </cell>
          <cell r="AO3308" t="str">
            <v>MDO INDIANA NORTH C&amp;M</v>
          </cell>
        </row>
        <row r="3309">
          <cell r="F3309">
            <v>75115</v>
          </cell>
          <cell r="Z3309" t="str">
            <v>DULMRPR</v>
          </cell>
          <cell r="AN3309" t="str">
            <v>MDO C&amp;M</v>
          </cell>
          <cell r="AO3309" t="str">
            <v>MDO INDIANA NORTH C&amp;M</v>
          </cell>
        </row>
        <row r="3310">
          <cell r="F3310">
            <v>75115</v>
          </cell>
          <cell r="Z3310" t="str">
            <v>DULMRPR</v>
          </cell>
          <cell r="AN3310" t="str">
            <v>MDO C&amp;M</v>
          </cell>
          <cell r="AO3310" t="str">
            <v>MDO INDIANA NORTH C&amp;M</v>
          </cell>
        </row>
        <row r="3311">
          <cell r="F3311">
            <v>75115</v>
          </cell>
          <cell r="Z3311" t="str">
            <v>DULMRPR</v>
          </cell>
          <cell r="AN3311" t="str">
            <v>MDO C&amp;M</v>
          </cell>
          <cell r="AO3311" t="str">
            <v>MDO INDIANA NORTH C&amp;M</v>
          </cell>
        </row>
        <row r="3312">
          <cell r="F3312">
            <v>75115</v>
          </cell>
          <cell r="Z3312" t="str">
            <v>DULMRPR</v>
          </cell>
          <cell r="AN3312" t="str">
            <v>MDO C&amp;M</v>
          </cell>
          <cell r="AO3312" t="str">
            <v>MDO INDIANA NORTH C&amp;M</v>
          </cell>
        </row>
        <row r="3313">
          <cell r="F3313">
            <v>75115</v>
          </cell>
          <cell r="Z3313" t="str">
            <v>DULMRPR</v>
          </cell>
          <cell r="AN3313" t="str">
            <v>MDO C&amp;M</v>
          </cell>
          <cell r="AO3313" t="str">
            <v>MDO INDIANA NORTH C&amp;M</v>
          </cell>
        </row>
        <row r="3314">
          <cell r="F3314">
            <v>75115</v>
          </cell>
          <cell r="Z3314" t="str">
            <v>DULMRPR</v>
          </cell>
          <cell r="AN3314" t="str">
            <v>MDO C&amp;M</v>
          </cell>
          <cell r="AO3314" t="str">
            <v>MDO INDIANA NORTH C&amp;M</v>
          </cell>
        </row>
        <row r="3315">
          <cell r="F3315">
            <v>75115</v>
          </cell>
          <cell r="Z3315" t="str">
            <v>DULMRPR</v>
          </cell>
          <cell r="AN3315" t="str">
            <v>MDO C&amp;M</v>
          </cell>
          <cell r="AO3315" t="str">
            <v>MDO INDIANA NORTH C&amp;M</v>
          </cell>
        </row>
        <row r="3316">
          <cell r="F3316">
            <v>75115</v>
          </cell>
          <cell r="Z3316" t="str">
            <v>DULMRPR</v>
          </cell>
          <cell r="AN3316" t="str">
            <v>MDO C&amp;M</v>
          </cell>
          <cell r="AO3316" t="str">
            <v>MDO INDIANA NORTH C&amp;M</v>
          </cell>
        </row>
        <row r="3317">
          <cell r="F3317">
            <v>75115</v>
          </cell>
          <cell r="Z3317" t="str">
            <v>DULMRPR</v>
          </cell>
          <cell r="AN3317" t="str">
            <v>MDO C&amp;M</v>
          </cell>
          <cell r="AO3317" t="str">
            <v>MDO INDIANA NORTH C&amp;M</v>
          </cell>
        </row>
        <row r="3318">
          <cell r="F3318">
            <v>75115</v>
          </cell>
          <cell r="Z3318" t="str">
            <v>DULMRPR</v>
          </cell>
          <cell r="AN3318" t="str">
            <v>MDO C&amp;M</v>
          </cell>
          <cell r="AO3318" t="str">
            <v>MDO INDIANA NORTH C&amp;M</v>
          </cell>
        </row>
        <row r="3319">
          <cell r="F3319">
            <v>75115</v>
          </cell>
          <cell r="Z3319" t="str">
            <v>DULMRPR</v>
          </cell>
          <cell r="AN3319" t="str">
            <v>MDO C&amp;M</v>
          </cell>
          <cell r="AO3319" t="str">
            <v>MDO INDIANA NORTH C&amp;M</v>
          </cell>
        </row>
        <row r="3320">
          <cell r="F3320">
            <v>75115</v>
          </cell>
          <cell r="Z3320" t="str">
            <v>DULMRPR</v>
          </cell>
          <cell r="AN3320" t="str">
            <v>MDO C&amp;M</v>
          </cell>
          <cell r="AO3320" t="str">
            <v>MDO INDIANA NORTH C&amp;M</v>
          </cell>
        </row>
        <row r="3321">
          <cell r="F3321">
            <v>75115</v>
          </cell>
          <cell r="Z3321" t="str">
            <v>DULMRPR</v>
          </cell>
          <cell r="AN3321" t="str">
            <v>MDO C&amp;M</v>
          </cell>
          <cell r="AO3321" t="str">
            <v>MDO INDIANA NORTH C&amp;M</v>
          </cell>
        </row>
        <row r="3322">
          <cell r="F3322">
            <v>75115</v>
          </cell>
          <cell r="Z3322" t="str">
            <v>DULMRPR</v>
          </cell>
          <cell r="AN3322" t="str">
            <v>MDO C&amp;M</v>
          </cell>
          <cell r="AO3322" t="str">
            <v>MDO INDIANA NORTH C&amp;M</v>
          </cell>
        </row>
        <row r="3323">
          <cell r="F3323">
            <v>75115</v>
          </cell>
          <cell r="Z3323" t="str">
            <v>DULMRPR</v>
          </cell>
          <cell r="AN3323" t="str">
            <v>MDO C&amp;M</v>
          </cell>
          <cell r="AO3323" t="str">
            <v>MDO INDIANA NORTH C&amp;M</v>
          </cell>
        </row>
        <row r="3324">
          <cell r="F3324">
            <v>75115</v>
          </cell>
          <cell r="Z3324" t="str">
            <v>DULMRPR</v>
          </cell>
          <cell r="AN3324" t="str">
            <v>MDO C&amp;M</v>
          </cell>
          <cell r="AO3324" t="str">
            <v>MDO INDIANA NORTH C&amp;M</v>
          </cell>
        </row>
        <row r="3325">
          <cell r="F3325">
            <v>75115</v>
          </cell>
          <cell r="Z3325" t="str">
            <v>DULMRPR</v>
          </cell>
          <cell r="AN3325" t="str">
            <v>MDO C&amp;M</v>
          </cell>
          <cell r="AO3325" t="str">
            <v>MDO INDIANA NORTH C&amp;M</v>
          </cell>
        </row>
        <row r="3326">
          <cell r="F3326">
            <v>75115</v>
          </cell>
          <cell r="Z3326" t="str">
            <v>DULMRPR</v>
          </cell>
          <cell r="AN3326" t="str">
            <v>MDO C&amp;M</v>
          </cell>
          <cell r="AO3326" t="str">
            <v>MDO INDIANA NORTH C&amp;M</v>
          </cell>
        </row>
        <row r="3327">
          <cell r="F3327">
            <v>75115</v>
          </cell>
          <cell r="Z3327" t="str">
            <v>DULMRPR</v>
          </cell>
          <cell r="AN3327" t="str">
            <v>MDO C&amp;M</v>
          </cell>
          <cell r="AO3327" t="str">
            <v>MDO INDIANA NORTH C&amp;M</v>
          </cell>
        </row>
        <row r="3328">
          <cell r="F3328">
            <v>75115</v>
          </cell>
          <cell r="Z3328" t="str">
            <v>DULMRPR</v>
          </cell>
          <cell r="AN3328" t="str">
            <v>MDO C&amp;M</v>
          </cell>
          <cell r="AO3328" t="str">
            <v>MDO INDIANA NORTH C&amp;M</v>
          </cell>
        </row>
        <row r="3329">
          <cell r="F3329">
            <v>75115</v>
          </cell>
          <cell r="Z3329" t="str">
            <v>DULMRPR</v>
          </cell>
          <cell r="AN3329" t="str">
            <v>MDO C&amp;M</v>
          </cell>
          <cell r="AO3329" t="str">
            <v>MDO INDIANA NORTH C&amp;M</v>
          </cell>
        </row>
        <row r="3330">
          <cell r="F3330">
            <v>75115</v>
          </cell>
          <cell r="Z3330" t="str">
            <v>DULMRPR</v>
          </cell>
          <cell r="AN3330" t="str">
            <v>MDO C&amp;M</v>
          </cell>
          <cell r="AO3330" t="str">
            <v>MDO INDIANA NORTH C&amp;M</v>
          </cell>
        </row>
        <row r="3331">
          <cell r="F3331">
            <v>75115</v>
          </cell>
          <cell r="Z3331" t="str">
            <v>DULMRPR</v>
          </cell>
          <cell r="AN3331" t="str">
            <v>MDO C&amp;M</v>
          </cell>
          <cell r="AO3331" t="str">
            <v>MDO INDIANA NORTH C&amp;M</v>
          </cell>
        </row>
        <row r="3332">
          <cell r="F3332">
            <v>75115</v>
          </cell>
          <cell r="Z3332" t="str">
            <v>DULMRPR</v>
          </cell>
          <cell r="AN3332" t="str">
            <v>MDO C&amp;M</v>
          </cell>
          <cell r="AO3332" t="str">
            <v>MDO INDIANA NORTH C&amp;M</v>
          </cell>
        </row>
        <row r="3333">
          <cell r="F3333">
            <v>75115</v>
          </cell>
          <cell r="Z3333" t="str">
            <v>DULMRPR</v>
          </cell>
          <cell r="AN3333" t="str">
            <v>MDO C&amp;M</v>
          </cell>
          <cell r="AO3333" t="str">
            <v>MDO INDIANA NORTH C&amp;M</v>
          </cell>
        </row>
        <row r="3334">
          <cell r="F3334">
            <v>75115</v>
          </cell>
          <cell r="Z3334" t="str">
            <v>DULMRPR</v>
          </cell>
          <cell r="AN3334" t="str">
            <v>MDO C&amp;M</v>
          </cell>
          <cell r="AO3334" t="str">
            <v>MDO INDIANA NORTH C&amp;M</v>
          </cell>
        </row>
        <row r="3335">
          <cell r="F3335">
            <v>75115</v>
          </cell>
          <cell r="Z3335" t="str">
            <v>DULMRPR</v>
          </cell>
          <cell r="AN3335" t="str">
            <v>MDO C&amp;M</v>
          </cell>
          <cell r="AO3335" t="str">
            <v>MDO INDIANA NORTH C&amp;M</v>
          </cell>
        </row>
        <row r="3336">
          <cell r="F3336">
            <v>75115</v>
          </cell>
          <cell r="Z3336" t="str">
            <v>DULMRPR</v>
          </cell>
          <cell r="AN3336" t="str">
            <v>MDO C&amp;M</v>
          </cell>
          <cell r="AO3336" t="str">
            <v>MDO INDIANA NORTH C&amp;M</v>
          </cell>
        </row>
        <row r="3337">
          <cell r="F3337">
            <v>75115</v>
          </cell>
          <cell r="Z3337" t="str">
            <v>DULMRPR</v>
          </cell>
          <cell r="AN3337" t="str">
            <v>MDO C&amp;M</v>
          </cell>
          <cell r="AO3337" t="str">
            <v>MDO INDIANA NORTH C&amp;M</v>
          </cell>
        </row>
        <row r="3338">
          <cell r="F3338">
            <v>75115</v>
          </cell>
          <cell r="Z3338" t="str">
            <v>DULMRPR</v>
          </cell>
          <cell r="AN3338" t="str">
            <v>MDO C&amp;M</v>
          </cell>
          <cell r="AO3338" t="str">
            <v>MDO INDIANA NORTH C&amp;M</v>
          </cell>
        </row>
        <row r="3339">
          <cell r="F3339">
            <v>75115</v>
          </cell>
          <cell r="Z3339" t="str">
            <v>DULMRPR</v>
          </cell>
          <cell r="AN3339" t="str">
            <v>MDO C&amp;M</v>
          </cell>
          <cell r="AO3339" t="str">
            <v>MDO INDIANA NORTH C&amp;M</v>
          </cell>
        </row>
        <row r="3340">
          <cell r="F3340">
            <v>75115</v>
          </cell>
          <cell r="Z3340" t="str">
            <v>DULMRPR</v>
          </cell>
          <cell r="AN3340" t="str">
            <v>MDO C&amp;M</v>
          </cell>
          <cell r="AO3340" t="str">
            <v>MDO INDIANA NORTH C&amp;M</v>
          </cell>
        </row>
        <row r="3341">
          <cell r="F3341">
            <v>75115</v>
          </cell>
          <cell r="Z3341" t="str">
            <v>DULMRPR</v>
          </cell>
          <cell r="AN3341" t="str">
            <v>MDO C&amp;M</v>
          </cell>
          <cell r="AO3341" t="str">
            <v>MDO INDIANA NORTH C&amp;M</v>
          </cell>
        </row>
        <row r="3342">
          <cell r="F3342">
            <v>75115</v>
          </cell>
          <cell r="Z3342" t="str">
            <v>DULMRPR</v>
          </cell>
          <cell r="AN3342" t="str">
            <v>MDO C&amp;M</v>
          </cell>
          <cell r="AO3342" t="str">
            <v>MDO INDIANA NORTH C&amp;M</v>
          </cell>
        </row>
        <row r="3343">
          <cell r="F3343">
            <v>75115</v>
          </cell>
          <cell r="Z3343" t="str">
            <v>DULMRPR</v>
          </cell>
          <cell r="AN3343" t="str">
            <v>MDO C&amp;M</v>
          </cell>
          <cell r="AO3343" t="str">
            <v>MDO INDIANA NORTH C&amp;M</v>
          </cell>
        </row>
        <row r="3344">
          <cell r="F3344">
            <v>75115</v>
          </cell>
          <cell r="Z3344" t="str">
            <v>DULMRPR</v>
          </cell>
          <cell r="AN3344" t="str">
            <v>MDO C&amp;M</v>
          </cell>
          <cell r="AO3344" t="str">
            <v>MDO INDIANA NORTH C&amp;M</v>
          </cell>
        </row>
        <row r="3345">
          <cell r="F3345">
            <v>75115</v>
          </cell>
          <cell r="Z3345" t="str">
            <v>DULMRPR</v>
          </cell>
          <cell r="AN3345" t="str">
            <v>MDO C&amp;M</v>
          </cell>
          <cell r="AO3345" t="str">
            <v>MDO INDIANA NORTH C&amp;M</v>
          </cell>
        </row>
        <row r="3346">
          <cell r="F3346">
            <v>75115</v>
          </cell>
          <cell r="Z3346" t="str">
            <v>DULMRPR</v>
          </cell>
          <cell r="AN3346" t="str">
            <v>MDO C&amp;M</v>
          </cell>
          <cell r="AO3346" t="str">
            <v>MDO INDIANA NORTH C&amp;M</v>
          </cell>
        </row>
        <row r="3347">
          <cell r="F3347">
            <v>75115</v>
          </cell>
          <cell r="Z3347" t="str">
            <v>DULMRPR</v>
          </cell>
          <cell r="AN3347" t="str">
            <v>MDO C&amp;M</v>
          </cell>
          <cell r="AO3347" t="str">
            <v>MDO INDIANA NORTH C&amp;M</v>
          </cell>
        </row>
        <row r="3348">
          <cell r="F3348">
            <v>75115</v>
          </cell>
          <cell r="Z3348" t="str">
            <v>DULMRPR</v>
          </cell>
          <cell r="AN3348" t="str">
            <v>MDO C&amp;M</v>
          </cell>
          <cell r="AO3348" t="str">
            <v>MDO INDIANA NORTH C&amp;M</v>
          </cell>
        </row>
        <row r="3349">
          <cell r="F3349">
            <v>75115</v>
          </cell>
          <cell r="Z3349" t="str">
            <v>DULMRPR</v>
          </cell>
          <cell r="AN3349" t="str">
            <v>MDO C&amp;M</v>
          </cell>
          <cell r="AO3349" t="str">
            <v>MDO INDIANA NORTH C&amp;M</v>
          </cell>
        </row>
        <row r="3350">
          <cell r="F3350">
            <v>75115</v>
          </cell>
          <cell r="Z3350" t="str">
            <v>DULMRPR</v>
          </cell>
          <cell r="AN3350" t="str">
            <v>MDO C&amp;M</v>
          </cell>
          <cell r="AO3350" t="str">
            <v>MDO INDIANA NORTH C&amp;M</v>
          </cell>
        </row>
        <row r="3351">
          <cell r="F3351">
            <v>75115</v>
          </cell>
          <cell r="Z3351" t="str">
            <v>DULMRPR</v>
          </cell>
          <cell r="AN3351" t="str">
            <v>MDO C&amp;M</v>
          </cell>
          <cell r="AO3351" t="str">
            <v>MDO INDIANA NORTH C&amp;M</v>
          </cell>
        </row>
        <row r="3352">
          <cell r="F3352">
            <v>75115</v>
          </cell>
          <cell r="Z3352" t="str">
            <v>DULMRPR</v>
          </cell>
          <cell r="AN3352" t="str">
            <v>MDO C&amp;M</v>
          </cell>
          <cell r="AO3352" t="str">
            <v>MDO INDIANA NORTH C&amp;M</v>
          </cell>
        </row>
        <row r="3353">
          <cell r="F3353">
            <v>75115</v>
          </cell>
          <cell r="Z3353" t="str">
            <v>DULMRPR</v>
          </cell>
          <cell r="AN3353" t="str">
            <v>MDO C&amp;M</v>
          </cell>
          <cell r="AO3353" t="str">
            <v>MDO INDIANA NORTH C&amp;M</v>
          </cell>
        </row>
        <row r="3354">
          <cell r="F3354">
            <v>75115</v>
          </cell>
          <cell r="Z3354" t="str">
            <v>DULMRPR</v>
          </cell>
          <cell r="AN3354" t="str">
            <v>MDO C&amp;M</v>
          </cell>
          <cell r="AO3354" t="str">
            <v>MDO INDIANA NORTH C&amp;M</v>
          </cell>
        </row>
        <row r="3355">
          <cell r="F3355">
            <v>75115</v>
          </cell>
          <cell r="Z3355" t="str">
            <v>DULMRPR</v>
          </cell>
          <cell r="AN3355" t="str">
            <v>MDO C&amp;M</v>
          </cell>
          <cell r="AO3355" t="str">
            <v>MDO INDIANA NORTH C&amp;M</v>
          </cell>
        </row>
        <row r="3356">
          <cell r="F3356">
            <v>75115</v>
          </cell>
          <cell r="Z3356" t="str">
            <v>DULMRPR</v>
          </cell>
          <cell r="AN3356" t="str">
            <v>MDO C&amp;M</v>
          </cell>
          <cell r="AO3356" t="str">
            <v>MDO INDIANA NORTH C&amp;M</v>
          </cell>
        </row>
        <row r="3357">
          <cell r="F3357">
            <v>75115</v>
          </cell>
          <cell r="Z3357" t="str">
            <v>DULMRPR</v>
          </cell>
          <cell r="AN3357" t="str">
            <v>MDO C&amp;M</v>
          </cell>
          <cell r="AO3357" t="str">
            <v>MDO INDIANA NORTH C&amp;M</v>
          </cell>
        </row>
        <row r="3358">
          <cell r="F3358">
            <v>75115</v>
          </cell>
          <cell r="Z3358" t="str">
            <v>DULMRPR</v>
          </cell>
          <cell r="AN3358" t="str">
            <v>MDO C&amp;M</v>
          </cell>
          <cell r="AO3358" t="str">
            <v>MDO INDIANA NORTH C&amp;M</v>
          </cell>
        </row>
        <row r="3359">
          <cell r="F3359">
            <v>75115</v>
          </cell>
          <cell r="Z3359" t="str">
            <v>DULMRPR</v>
          </cell>
          <cell r="AN3359" t="str">
            <v>MDO C&amp;M</v>
          </cell>
          <cell r="AO3359" t="str">
            <v>MDO INDIANA NORTH C&amp;M</v>
          </cell>
        </row>
        <row r="3360">
          <cell r="F3360">
            <v>75115</v>
          </cell>
          <cell r="Z3360" t="str">
            <v>DULMRPR</v>
          </cell>
          <cell r="AN3360" t="str">
            <v>MDO C&amp;M</v>
          </cell>
          <cell r="AO3360" t="str">
            <v>MDO INDIANA NORTH C&amp;M</v>
          </cell>
        </row>
        <row r="3361">
          <cell r="F3361">
            <v>75115</v>
          </cell>
          <cell r="Z3361" t="str">
            <v>DULMRPR</v>
          </cell>
          <cell r="AN3361" t="str">
            <v>MDO C&amp;M</v>
          </cell>
          <cell r="AO3361" t="str">
            <v>MDO INDIANA NORTH C&amp;M</v>
          </cell>
        </row>
        <row r="3362">
          <cell r="F3362">
            <v>75115</v>
          </cell>
          <cell r="Z3362" t="str">
            <v>DULMRPR</v>
          </cell>
          <cell r="AN3362" t="str">
            <v>MDO C&amp;M</v>
          </cell>
          <cell r="AO3362" t="str">
            <v>MDO INDIANA NORTH C&amp;M</v>
          </cell>
        </row>
        <row r="3363">
          <cell r="F3363">
            <v>75115</v>
          </cell>
          <cell r="Z3363" t="str">
            <v>DULMRPR</v>
          </cell>
          <cell r="AN3363" t="str">
            <v>MDO C&amp;M</v>
          </cell>
          <cell r="AO3363" t="str">
            <v>MDO INDIANA NORTH C&amp;M</v>
          </cell>
        </row>
        <row r="3364">
          <cell r="F3364">
            <v>75115</v>
          </cell>
          <cell r="Z3364" t="str">
            <v>DULMRPR</v>
          </cell>
          <cell r="AN3364" t="str">
            <v>MDO C&amp;M</v>
          </cell>
          <cell r="AO3364" t="str">
            <v>MDO INDIANA NORTH C&amp;M</v>
          </cell>
        </row>
        <row r="3365">
          <cell r="F3365">
            <v>75115</v>
          </cell>
          <cell r="Z3365" t="str">
            <v>DULMRPR</v>
          </cell>
          <cell r="AN3365" t="str">
            <v>MDO C&amp;M</v>
          </cell>
          <cell r="AO3365" t="str">
            <v>MDO INDIANA NORTH C&amp;M</v>
          </cell>
        </row>
        <row r="3366">
          <cell r="F3366">
            <v>75115</v>
          </cell>
          <cell r="Z3366" t="str">
            <v>DULMRPR</v>
          </cell>
          <cell r="AN3366" t="str">
            <v>MDO C&amp;M</v>
          </cell>
          <cell r="AO3366" t="str">
            <v>MDO INDIANA NORTH C&amp;M</v>
          </cell>
        </row>
        <row r="3367">
          <cell r="F3367">
            <v>75115</v>
          </cell>
          <cell r="Z3367" t="str">
            <v>DULMRPR</v>
          </cell>
          <cell r="AN3367" t="str">
            <v>MDO C&amp;M</v>
          </cell>
          <cell r="AO3367" t="str">
            <v>MDO INDIANA NORTH C&amp;M</v>
          </cell>
        </row>
        <row r="3368">
          <cell r="F3368">
            <v>75115</v>
          </cell>
          <cell r="Z3368" t="str">
            <v>SMEINS</v>
          </cell>
          <cell r="AN3368" t="str">
            <v>MDO C&amp;M</v>
          </cell>
          <cell r="AO3368" t="str">
            <v>MDO INDIANA SOUTHWEST C&amp;M</v>
          </cell>
        </row>
        <row r="3369">
          <cell r="F3369">
            <v>75115</v>
          </cell>
          <cell r="Z3369" t="str">
            <v>SMEINS</v>
          </cell>
          <cell r="AN3369" t="str">
            <v>MDO C&amp;M</v>
          </cell>
          <cell r="AO3369" t="str">
            <v>MDO INDIANA SOUTHWEST C&amp;M</v>
          </cell>
        </row>
        <row r="3370">
          <cell r="F3370">
            <v>75115</v>
          </cell>
          <cell r="Z3370" t="str">
            <v>SMEINS</v>
          </cell>
          <cell r="AN3370" t="str">
            <v>MDO C&amp;M</v>
          </cell>
          <cell r="AO3370" t="str">
            <v>MDO INDIANA SOUTHWEST C&amp;M</v>
          </cell>
        </row>
        <row r="3371">
          <cell r="F3371">
            <v>75115</v>
          </cell>
          <cell r="Z3371" t="str">
            <v>SMEINS</v>
          </cell>
          <cell r="AN3371" t="str">
            <v>MDO C&amp;M</v>
          </cell>
          <cell r="AO3371" t="str">
            <v>MDO INDIANA SOUTHWEST C&amp;M</v>
          </cell>
        </row>
        <row r="3372">
          <cell r="F3372">
            <v>75115</v>
          </cell>
          <cell r="Z3372" t="str">
            <v>SMEINS</v>
          </cell>
          <cell r="AN3372" t="str">
            <v>MDO C&amp;M</v>
          </cell>
          <cell r="AO3372" t="str">
            <v>MDO INDIANA SOUTHWEST C&amp;M</v>
          </cell>
        </row>
        <row r="3373">
          <cell r="F3373">
            <v>75115</v>
          </cell>
          <cell r="Z3373" t="str">
            <v>SMEINS</v>
          </cell>
          <cell r="AN3373" t="str">
            <v>MDO C&amp;M</v>
          </cell>
          <cell r="AO3373" t="str">
            <v>MDO INDIANA SOUTHWEST C&amp;M</v>
          </cell>
        </row>
        <row r="3374">
          <cell r="F3374">
            <v>75115</v>
          </cell>
          <cell r="Z3374" t="str">
            <v>SMEINS</v>
          </cell>
          <cell r="AN3374" t="str">
            <v>MDO C&amp;M</v>
          </cell>
          <cell r="AO3374" t="str">
            <v>MDO INDIANA SOUTHWEST C&amp;M</v>
          </cell>
        </row>
        <row r="3375">
          <cell r="F3375">
            <v>75115</v>
          </cell>
          <cell r="Z3375" t="str">
            <v>SMEINS</v>
          </cell>
          <cell r="AN3375" t="str">
            <v>MDO C&amp;M</v>
          </cell>
          <cell r="AO3375" t="str">
            <v>MDO INDIANA SOUTHWEST C&amp;M</v>
          </cell>
        </row>
        <row r="3376">
          <cell r="F3376">
            <v>75115</v>
          </cell>
          <cell r="Z3376" t="str">
            <v>SMEINS</v>
          </cell>
          <cell r="AN3376" t="str">
            <v>MDO C&amp;M</v>
          </cell>
          <cell r="AO3376" t="str">
            <v>MDO INDIANA SOUTHWEST C&amp;M</v>
          </cell>
        </row>
        <row r="3377">
          <cell r="F3377">
            <v>75115</v>
          </cell>
          <cell r="Z3377" t="str">
            <v>SMEINS</v>
          </cell>
          <cell r="AN3377" t="str">
            <v>MDO C&amp;M</v>
          </cell>
          <cell r="AO3377" t="str">
            <v>MDO INDIANA SOUTHWEST C&amp;M</v>
          </cell>
        </row>
        <row r="3378">
          <cell r="F3378">
            <v>75115</v>
          </cell>
          <cell r="Z3378" t="str">
            <v>SMEINS</v>
          </cell>
          <cell r="AN3378" t="str">
            <v>MDO C&amp;M</v>
          </cell>
          <cell r="AO3378" t="str">
            <v>MDO INDIANA SOUTHWEST C&amp;M</v>
          </cell>
        </row>
        <row r="3379">
          <cell r="F3379">
            <v>75115</v>
          </cell>
          <cell r="Z3379" t="str">
            <v>SMEINS</v>
          </cell>
          <cell r="AN3379" t="str">
            <v>MDO C&amp;M</v>
          </cell>
          <cell r="AO3379" t="str">
            <v>MDO INDIANA SOUTHWEST C&amp;M</v>
          </cell>
        </row>
        <row r="3380">
          <cell r="F3380">
            <v>75023</v>
          </cell>
          <cell r="Z3380" t="str">
            <v>SMEIP</v>
          </cell>
          <cell r="AN3380" t="str">
            <v>MDO C&amp;M</v>
          </cell>
          <cell r="AO3380" t="str">
            <v>MDO OH/KEN C&amp;M</v>
          </cell>
        </row>
        <row r="3381">
          <cell r="F3381">
            <v>75023</v>
          </cell>
          <cell r="Z3381" t="str">
            <v>SMEIP</v>
          </cell>
          <cell r="AN3381" t="str">
            <v>MDO C&amp;M</v>
          </cell>
          <cell r="AO3381" t="str">
            <v>MDO OH/KEN C&amp;M</v>
          </cell>
        </row>
        <row r="3382">
          <cell r="F3382">
            <v>75023</v>
          </cell>
          <cell r="Z3382" t="str">
            <v>SMEIP</v>
          </cell>
          <cell r="AN3382" t="str">
            <v>MDO C&amp;M</v>
          </cell>
          <cell r="AO3382" t="str">
            <v>MDO OH/KEN C&amp;M</v>
          </cell>
        </row>
        <row r="3383">
          <cell r="F3383">
            <v>75023</v>
          </cell>
          <cell r="Z3383" t="str">
            <v>SMEIP</v>
          </cell>
          <cell r="AN3383" t="str">
            <v>MDO C&amp;M</v>
          </cell>
          <cell r="AO3383" t="str">
            <v>MDO OH/KEN C&amp;M</v>
          </cell>
        </row>
        <row r="3384">
          <cell r="F3384">
            <v>75023</v>
          </cell>
          <cell r="Z3384" t="str">
            <v>SMEIP</v>
          </cell>
          <cell r="AN3384" t="str">
            <v>MDO C&amp;M</v>
          </cell>
          <cell r="AO3384" t="str">
            <v>MDO OH/KEN C&amp;M</v>
          </cell>
        </row>
        <row r="3385">
          <cell r="F3385">
            <v>75023</v>
          </cell>
          <cell r="Z3385" t="str">
            <v>SMEIP</v>
          </cell>
          <cell r="AN3385" t="str">
            <v>MDO C&amp;M</v>
          </cell>
          <cell r="AO3385" t="str">
            <v>MDO OH/KEN C&amp;M</v>
          </cell>
        </row>
        <row r="3386">
          <cell r="F3386">
            <v>75023</v>
          </cell>
          <cell r="Z3386" t="str">
            <v>SMEIP</v>
          </cell>
          <cell r="AN3386" t="str">
            <v>MDO C&amp;M</v>
          </cell>
          <cell r="AO3386" t="str">
            <v>MDO OH/KEN C&amp;M</v>
          </cell>
        </row>
        <row r="3387">
          <cell r="F3387">
            <v>75023</v>
          </cell>
          <cell r="Z3387" t="str">
            <v>SMEIP</v>
          </cell>
          <cell r="AN3387" t="str">
            <v>MDO C&amp;M</v>
          </cell>
          <cell r="AO3387" t="str">
            <v>MDO OH/KEN C&amp;M</v>
          </cell>
        </row>
        <row r="3388">
          <cell r="F3388">
            <v>75023</v>
          </cell>
          <cell r="Z3388" t="str">
            <v>SMEIP</v>
          </cell>
          <cell r="AN3388" t="str">
            <v>MDO C&amp;M</v>
          </cell>
          <cell r="AO3388" t="str">
            <v>MDO OH/KEN C&amp;M</v>
          </cell>
        </row>
        <row r="3389">
          <cell r="F3389">
            <v>75023</v>
          </cell>
          <cell r="Z3389" t="str">
            <v>SMEIP</v>
          </cell>
          <cell r="AN3389" t="str">
            <v>MDO C&amp;M</v>
          </cell>
          <cell r="AO3389" t="str">
            <v>MDO OH/KEN C&amp;M</v>
          </cell>
        </row>
        <row r="3390">
          <cell r="F3390">
            <v>75023</v>
          </cell>
          <cell r="Z3390" t="str">
            <v>SMEIP</v>
          </cell>
          <cell r="AN3390" t="str">
            <v>MDO C&amp;M</v>
          </cell>
          <cell r="AO3390" t="str">
            <v>MDO OH/KEN C&amp;M</v>
          </cell>
        </row>
        <row r="3391">
          <cell r="F3391">
            <v>75023</v>
          </cell>
          <cell r="Z3391" t="str">
            <v>SMEIP</v>
          </cell>
          <cell r="AN3391" t="str">
            <v>MDO C&amp;M</v>
          </cell>
          <cell r="AO3391" t="str">
            <v>MDO OH/KEN C&amp;M</v>
          </cell>
        </row>
        <row r="3392">
          <cell r="F3392">
            <v>75023</v>
          </cell>
          <cell r="Z3392" t="str">
            <v>SMEIP</v>
          </cell>
          <cell r="AN3392" t="str">
            <v>MDO C&amp;M</v>
          </cell>
          <cell r="AO3392" t="str">
            <v>MDO OH/KEN C&amp;M</v>
          </cell>
        </row>
        <row r="3393">
          <cell r="F3393">
            <v>75023</v>
          </cell>
          <cell r="Z3393" t="str">
            <v>SMEIP</v>
          </cell>
          <cell r="AN3393" t="str">
            <v>MDO C&amp;M</v>
          </cell>
          <cell r="AO3393" t="str">
            <v>MDO OH/KEN C&amp;M</v>
          </cell>
        </row>
        <row r="3394">
          <cell r="F3394">
            <v>75023</v>
          </cell>
          <cell r="Z3394" t="str">
            <v>SMEIP</v>
          </cell>
          <cell r="AN3394" t="str">
            <v>MDO C&amp;M</v>
          </cell>
          <cell r="AO3394" t="str">
            <v>MDO OH/KEN C&amp;M</v>
          </cell>
        </row>
        <row r="3395">
          <cell r="F3395">
            <v>75023</v>
          </cell>
          <cell r="Z3395" t="str">
            <v>SMEIP</v>
          </cell>
          <cell r="AN3395" t="str">
            <v>MDO C&amp;M</v>
          </cell>
          <cell r="AO3395" t="str">
            <v>MDO OH/KEN C&amp;M</v>
          </cell>
        </row>
        <row r="3396">
          <cell r="F3396">
            <v>75023</v>
          </cell>
          <cell r="Z3396" t="str">
            <v>SMEIP</v>
          </cell>
          <cell r="AN3396" t="str">
            <v>MDO C&amp;M</v>
          </cell>
          <cell r="AO3396" t="str">
            <v>MDO OH/KEN C&amp;M</v>
          </cell>
        </row>
        <row r="3397">
          <cell r="F3397">
            <v>75023</v>
          </cell>
          <cell r="Z3397" t="str">
            <v>SMEIP</v>
          </cell>
          <cell r="AN3397" t="str">
            <v>MDO C&amp;M</v>
          </cell>
          <cell r="AO3397" t="str">
            <v>MDO OH/KEN C&amp;M</v>
          </cell>
        </row>
        <row r="3398">
          <cell r="F3398">
            <v>75023</v>
          </cell>
          <cell r="Z3398" t="str">
            <v>SMEIP</v>
          </cell>
          <cell r="AN3398" t="str">
            <v>MDO C&amp;M</v>
          </cell>
          <cell r="AO3398" t="str">
            <v>MDO OH/KEN C&amp;M</v>
          </cell>
        </row>
        <row r="3399">
          <cell r="F3399">
            <v>75023</v>
          </cell>
          <cell r="Z3399" t="str">
            <v>SMEIP</v>
          </cell>
          <cell r="AN3399" t="str">
            <v>MDO C&amp;M</v>
          </cell>
          <cell r="AO3399" t="str">
            <v>MDO OH/KEN C&amp;M</v>
          </cell>
        </row>
        <row r="3400">
          <cell r="F3400">
            <v>75084</v>
          </cell>
          <cell r="Z3400" t="str">
            <v>SMEIP</v>
          </cell>
          <cell r="AN3400" t="str">
            <v>MDO C&amp;M</v>
          </cell>
          <cell r="AO3400" t="str">
            <v>MDO OH/KEN C&amp;M</v>
          </cell>
        </row>
        <row r="3401">
          <cell r="F3401">
            <v>75084</v>
          </cell>
          <cell r="Z3401" t="str">
            <v>SMEIP</v>
          </cell>
          <cell r="AN3401" t="str">
            <v>MDO C&amp;M</v>
          </cell>
          <cell r="AO3401" t="str">
            <v>MDO OH/KEN C&amp;M</v>
          </cell>
        </row>
        <row r="3402">
          <cell r="F3402">
            <v>75084</v>
          </cell>
          <cell r="Z3402" t="str">
            <v>SMEIP</v>
          </cell>
          <cell r="AN3402" t="str">
            <v>MDO C&amp;M</v>
          </cell>
          <cell r="AO3402" t="str">
            <v>MDO OH/KEN C&amp;M</v>
          </cell>
        </row>
        <row r="3403">
          <cell r="F3403">
            <v>75115</v>
          </cell>
          <cell r="Z3403" t="str">
            <v>SMEIP</v>
          </cell>
          <cell r="AN3403" t="str">
            <v>MDO C&amp;M</v>
          </cell>
          <cell r="AO3403" t="str">
            <v>MDO INDIANA SOUTHWEST C&amp;M</v>
          </cell>
        </row>
        <row r="3404">
          <cell r="F3404">
            <v>75115</v>
          </cell>
          <cell r="Z3404" t="str">
            <v>SMEIP</v>
          </cell>
          <cell r="AN3404" t="str">
            <v>MDO C&amp;M</v>
          </cell>
          <cell r="AO3404" t="str">
            <v>MDO INDIANA SOUTHWEST C&amp;M</v>
          </cell>
        </row>
        <row r="3405">
          <cell r="F3405">
            <v>75115</v>
          </cell>
          <cell r="Z3405" t="str">
            <v>SMEIP</v>
          </cell>
          <cell r="AN3405" t="str">
            <v>MDO C&amp;M</v>
          </cell>
          <cell r="AO3405" t="str">
            <v>MDO INDIANA SOUTHWEST C&amp;M</v>
          </cell>
        </row>
        <row r="3406">
          <cell r="F3406">
            <v>75115</v>
          </cell>
          <cell r="Z3406" t="str">
            <v>SMEIP</v>
          </cell>
          <cell r="AN3406" t="str">
            <v>MDO C&amp;M</v>
          </cell>
          <cell r="AO3406" t="str">
            <v>MDO INDIANA SOUTHWEST C&amp;M</v>
          </cell>
        </row>
        <row r="3407">
          <cell r="F3407">
            <v>75115</v>
          </cell>
          <cell r="Z3407" t="str">
            <v>SMEIP</v>
          </cell>
          <cell r="AN3407" t="str">
            <v>MDO C&amp;M</v>
          </cell>
          <cell r="AO3407" t="str">
            <v>MDO INDIANA SOUTHWEST C&amp;M</v>
          </cell>
        </row>
        <row r="3408">
          <cell r="F3408">
            <v>75115</v>
          </cell>
          <cell r="Z3408" t="str">
            <v>SMEIP</v>
          </cell>
          <cell r="AN3408" t="str">
            <v>MDO C&amp;M</v>
          </cell>
          <cell r="AO3408" t="str">
            <v>MDO INDIANA SOUTHWEST C&amp;M</v>
          </cell>
        </row>
        <row r="3409">
          <cell r="F3409">
            <v>75115</v>
          </cell>
          <cell r="Z3409" t="str">
            <v>SMEIP</v>
          </cell>
          <cell r="AN3409" t="str">
            <v>MDO C&amp;M</v>
          </cell>
          <cell r="AO3409" t="str">
            <v>MDO INDIANA SOUTHWEST C&amp;M</v>
          </cell>
        </row>
        <row r="3410">
          <cell r="F3410">
            <v>75115</v>
          </cell>
          <cell r="Z3410" t="str">
            <v>SMEIP</v>
          </cell>
          <cell r="AN3410" t="str">
            <v>MDO C&amp;M</v>
          </cell>
          <cell r="AO3410" t="str">
            <v>MDO INDIANA SOUTHWEST C&amp;M</v>
          </cell>
        </row>
        <row r="3411">
          <cell r="F3411">
            <v>75115</v>
          </cell>
          <cell r="Z3411" t="str">
            <v>SMEIP</v>
          </cell>
          <cell r="AN3411" t="str">
            <v>MDO C&amp;M</v>
          </cell>
          <cell r="AO3411" t="str">
            <v>MDO INDIANA SOUTHEAST C&amp;M</v>
          </cell>
        </row>
        <row r="3412">
          <cell r="F3412">
            <v>75115</v>
          </cell>
          <cell r="Z3412" t="str">
            <v>SMEIP</v>
          </cell>
          <cell r="AN3412" t="str">
            <v>MDO C&amp;M</v>
          </cell>
          <cell r="AO3412" t="str">
            <v>MDO INDIANA NORTH C&amp;M</v>
          </cell>
        </row>
        <row r="3413">
          <cell r="F3413">
            <v>75115</v>
          </cell>
          <cell r="Z3413" t="str">
            <v>SMEIP</v>
          </cell>
          <cell r="AN3413" t="str">
            <v>MDO C&amp;M</v>
          </cell>
          <cell r="AO3413" t="str">
            <v>MDO INDIANA NORTH C&amp;M</v>
          </cell>
        </row>
        <row r="3414">
          <cell r="F3414">
            <v>75115</v>
          </cell>
          <cell r="Z3414" t="str">
            <v>SMEIP</v>
          </cell>
          <cell r="AN3414" t="str">
            <v>MDO C&amp;M</v>
          </cell>
          <cell r="AO3414" t="str">
            <v>MDO INDIANA NORTH C&amp;M</v>
          </cell>
        </row>
        <row r="3415">
          <cell r="F3415">
            <v>75115</v>
          </cell>
          <cell r="Z3415" t="str">
            <v>SMEIP</v>
          </cell>
          <cell r="AN3415" t="str">
            <v>MDO C&amp;M</v>
          </cell>
          <cell r="AO3415" t="str">
            <v>MDO INDIANA NORTH C&amp;M</v>
          </cell>
        </row>
        <row r="3416">
          <cell r="F3416">
            <v>75115</v>
          </cell>
          <cell r="Z3416" t="str">
            <v>SMEIP</v>
          </cell>
          <cell r="AN3416" t="str">
            <v>MDO C&amp;M</v>
          </cell>
          <cell r="AO3416" t="str">
            <v>MDO INDIANA NORTH C&amp;M</v>
          </cell>
        </row>
        <row r="3417">
          <cell r="F3417">
            <v>75115</v>
          </cell>
          <cell r="Z3417" t="str">
            <v>SMEIP</v>
          </cell>
          <cell r="AN3417" t="str">
            <v>MDO C&amp;M</v>
          </cell>
          <cell r="AO3417" t="str">
            <v>MDO INDIANA NORTH C&amp;M</v>
          </cell>
        </row>
        <row r="3418">
          <cell r="F3418">
            <v>75115</v>
          </cell>
          <cell r="Z3418" t="str">
            <v>SMEIP</v>
          </cell>
          <cell r="AN3418" t="str">
            <v>MDO C&amp;M</v>
          </cell>
          <cell r="AO3418" t="str">
            <v>MDO INDIANA NORTH C&amp;M</v>
          </cell>
        </row>
        <row r="3419">
          <cell r="F3419">
            <v>75115</v>
          </cell>
          <cell r="Z3419" t="str">
            <v>SMEIP</v>
          </cell>
          <cell r="AN3419" t="str">
            <v>MDO C&amp;M</v>
          </cell>
          <cell r="AO3419" t="str">
            <v>MDO INDIANA NORTH C&amp;M</v>
          </cell>
        </row>
        <row r="3420">
          <cell r="F3420">
            <v>75115</v>
          </cell>
          <cell r="Z3420" t="str">
            <v>SMEIP</v>
          </cell>
          <cell r="AN3420" t="str">
            <v>MDO C&amp;M</v>
          </cell>
          <cell r="AO3420" t="str">
            <v>MDO INDIANA NORTH C&amp;M</v>
          </cell>
        </row>
        <row r="3421">
          <cell r="F3421">
            <v>75115</v>
          </cell>
          <cell r="Z3421" t="str">
            <v>SMEIP</v>
          </cell>
          <cell r="AN3421" t="str">
            <v>MDO C&amp;M</v>
          </cell>
          <cell r="AO3421" t="str">
            <v>MDO INDIANA NORTH C&amp;M</v>
          </cell>
        </row>
        <row r="3422">
          <cell r="F3422">
            <v>75115</v>
          </cell>
          <cell r="Z3422" t="str">
            <v>SMEIP</v>
          </cell>
          <cell r="AN3422" t="str">
            <v>MDO C&amp;M</v>
          </cell>
          <cell r="AO3422" t="str">
            <v>MDO INDIANA NORTH C&amp;M</v>
          </cell>
        </row>
        <row r="3423">
          <cell r="F3423">
            <v>75115</v>
          </cell>
          <cell r="Z3423" t="str">
            <v>SMEIPF</v>
          </cell>
          <cell r="AN3423" t="str">
            <v>MDO C&amp;M</v>
          </cell>
          <cell r="AO3423" t="str">
            <v>MDO INDIANA SOUTHWEST C&amp;M</v>
          </cell>
        </row>
        <row r="3424">
          <cell r="F3424">
            <v>75115</v>
          </cell>
          <cell r="Z3424" t="str">
            <v>SMEIPF</v>
          </cell>
          <cell r="AN3424" t="str">
            <v>MDO C&amp;M</v>
          </cell>
          <cell r="AO3424" t="str">
            <v>MDO INDIANA SOUTHWEST C&amp;M</v>
          </cell>
        </row>
        <row r="3425">
          <cell r="F3425">
            <v>75115</v>
          </cell>
          <cell r="Z3425" t="str">
            <v>SMEIPF</v>
          </cell>
          <cell r="AN3425" t="str">
            <v>MDO C&amp;M</v>
          </cell>
          <cell r="AO3425" t="str">
            <v>MDO INDIANA SOUTHWEST C&amp;M</v>
          </cell>
        </row>
        <row r="3426">
          <cell r="F3426">
            <v>75115</v>
          </cell>
          <cell r="Z3426" t="str">
            <v>SMEIPF</v>
          </cell>
          <cell r="AN3426" t="str">
            <v>MDO C&amp;M</v>
          </cell>
          <cell r="AO3426" t="str">
            <v>MDO INDIANA SOUTHWEST C&amp;M</v>
          </cell>
        </row>
        <row r="3427">
          <cell r="F3427">
            <v>75115</v>
          </cell>
          <cell r="Z3427" t="str">
            <v>SMEIPF</v>
          </cell>
          <cell r="AN3427" t="str">
            <v>MDO C&amp;M</v>
          </cell>
          <cell r="AO3427" t="str">
            <v>MDO INDIANA NORTH C&amp;M</v>
          </cell>
        </row>
        <row r="3428">
          <cell r="F3428">
            <v>75115</v>
          </cell>
          <cell r="Z3428" t="str">
            <v>SMEIPF</v>
          </cell>
          <cell r="AN3428" t="str">
            <v>MDO C&amp;M</v>
          </cell>
          <cell r="AO3428" t="str">
            <v>MDO INDIANA NORTH C&amp;M</v>
          </cell>
        </row>
        <row r="3429">
          <cell r="F3429">
            <v>75115</v>
          </cell>
          <cell r="Z3429" t="str">
            <v>SMEIPF</v>
          </cell>
          <cell r="AN3429" t="str">
            <v>MDO C&amp;M</v>
          </cell>
          <cell r="AO3429" t="str">
            <v>MDO INDIANA NORTH C&amp;M</v>
          </cell>
        </row>
        <row r="3430">
          <cell r="F3430">
            <v>75115</v>
          </cell>
          <cell r="Z3430" t="str">
            <v>SMEIPF</v>
          </cell>
          <cell r="AN3430" t="str">
            <v>MDO C&amp;M</v>
          </cell>
          <cell r="AO3430" t="str">
            <v>MDO INDIANA NORTH C&amp;M</v>
          </cell>
        </row>
        <row r="3431">
          <cell r="F3431">
            <v>75115</v>
          </cell>
          <cell r="Z3431" t="str">
            <v>SMEIPF</v>
          </cell>
          <cell r="AN3431" t="str">
            <v>MDO C&amp;M</v>
          </cell>
          <cell r="AO3431" t="str">
            <v>MDO INDIANA NORTH C&amp;M</v>
          </cell>
        </row>
        <row r="3432">
          <cell r="F3432">
            <v>75115</v>
          </cell>
          <cell r="Z3432" t="str">
            <v>SMEIPF</v>
          </cell>
          <cell r="AN3432" t="str">
            <v>MDO C&amp;M</v>
          </cell>
          <cell r="AO3432" t="str">
            <v>MDO INDIANA NORTH C&amp;M</v>
          </cell>
        </row>
        <row r="3433">
          <cell r="F3433">
            <v>75115</v>
          </cell>
          <cell r="Z3433" t="str">
            <v>SMEIPF</v>
          </cell>
          <cell r="AN3433" t="str">
            <v>MDO C&amp;M</v>
          </cell>
          <cell r="AO3433" t="str">
            <v>MDO INDIANA NORTH C&amp;M</v>
          </cell>
        </row>
        <row r="3434">
          <cell r="F3434">
            <v>75115</v>
          </cell>
          <cell r="Z3434" t="str">
            <v>SMEIPF</v>
          </cell>
          <cell r="AN3434" t="str">
            <v>MDO C&amp;M</v>
          </cell>
          <cell r="AO3434" t="str">
            <v>MDO INDIANA NORTH C&amp;M</v>
          </cell>
        </row>
        <row r="3435">
          <cell r="F3435">
            <v>75115</v>
          </cell>
          <cell r="Z3435" t="str">
            <v>SMEIPF</v>
          </cell>
          <cell r="AN3435" t="str">
            <v>MDO C&amp;M</v>
          </cell>
          <cell r="AO3435" t="str">
            <v>MDO INDIANA NORTH C&amp;M</v>
          </cell>
        </row>
        <row r="3436">
          <cell r="F3436">
            <v>75115</v>
          </cell>
          <cell r="Z3436" t="str">
            <v>SMEIPF</v>
          </cell>
          <cell r="AN3436" t="str">
            <v>MDO C&amp;M</v>
          </cell>
          <cell r="AO3436" t="str">
            <v>MDO INDIANA NORTH C&amp;M</v>
          </cell>
        </row>
        <row r="3437">
          <cell r="F3437">
            <v>75115</v>
          </cell>
          <cell r="Z3437" t="str">
            <v>SMEIPF</v>
          </cell>
          <cell r="AN3437" t="str">
            <v>MDO C&amp;M</v>
          </cell>
          <cell r="AO3437" t="str">
            <v>MDO INDIANA NORTH C&amp;M</v>
          </cell>
        </row>
        <row r="3438">
          <cell r="F3438">
            <v>75115</v>
          </cell>
          <cell r="Z3438" t="str">
            <v>SMEIPF</v>
          </cell>
          <cell r="AN3438" t="str">
            <v>MDO C&amp;M</v>
          </cell>
          <cell r="AO3438" t="str">
            <v>MDO INDIANA NORTH C&amp;M</v>
          </cell>
        </row>
        <row r="3439">
          <cell r="F3439">
            <v>75115</v>
          </cell>
          <cell r="Z3439" t="str">
            <v>SMEIPF</v>
          </cell>
          <cell r="AN3439" t="str">
            <v>MDO C&amp;M</v>
          </cell>
          <cell r="AO3439" t="str">
            <v>MDO INDIANA NORTH C&amp;M</v>
          </cell>
        </row>
        <row r="3440">
          <cell r="F3440">
            <v>75115</v>
          </cell>
          <cell r="Z3440" t="str">
            <v>SMEIPF</v>
          </cell>
          <cell r="AN3440" t="str">
            <v>MDO C&amp;M</v>
          </cell>
          <cell r="AO3440" t="str">
            <v>MDO INDIANA NORTH C&amp;M</v>
          </cell>
        </row>
        <row r="3441">
          <cell r="F3441">
            <v>75023</v>
          </cell>
          <cell r="Z3441" t="str">
            <v>PILCM</v>
          </cell>
          <cell r="AN3441" t="str">
            <v>MDO C&amp;M</v>
          </cell>
          <cell r="AO3441" t="str">
            <v>MDO OH/KEN C&amp;M</v>
          </cell>
        </row>
        <row r="3442">
          <cell r="F3442">
            <v>75023</v>
          </cell>
          <cell r="Z3442" t="str">
            <v>PILCM</v>
          </cell>
          <cell r="AN3442" t="str">
            <v>MDO C&amp;M</v>
          </cell>
          <cell r="AO3442" t="str">
            <v>MDO OH/KEN C&amp;M</v>
          </cell>
        </row>
        <row r="3443">
          <cell r="F3443">
            <v>75023</v>
          </cell>
          <cell r="Z3443" t="str">
            <v>PILCM</v>
          </cell>
          <cell r="AN3443" t="str">
            <v>MDO C&amp;M</v>
          </cell>
          <cell r="AO3443" t="str">
            <v>MDO OH/KEN C&amp;M</v>
          </cell>
        </row>
        <row r="3444">
          <cell r="F3444">
            <v>75023</v>
          </cell>
          <cell r="Z3444" t="str">
            <v>PILCM</v>
          </cell>
          <cell r="AN3444" t="str">
            <v>MDO C&amp;M</v>
          </cell>
          <cell r="AO3444" t="str">
            <v>MDO OH/KEN C&amp;M</v>
          </cell>
        </row>
        <row r="3445">
          <cell r="F3445">
            <v>75023</v>
          </cell>
          <cell r="Z3445" t="str">
            <v>PILCM</v>
          </cell>
          <cell r="AN3445" t="str">
            <v>MDO C&amp;M</v>
          </cell>
          <cell r="AO3445" t="str">
            <v>MDO OH/KEN C&amp;M</v>
          </cell>
        </row>
        <row r="3446">
          <cell r="F3446">
            <v>75023</v>
          </cell>
          <cell r="Z3446" t="str">
            <v>PILCM</v>
          </cell>
          <cell r="AN3446" t="str">
            <v>MDO C&amp;M</v>
          </cell>
          <cell r="AO3446" t="str">
            <v>MDO OH/KEN C&amp;M</v>
          </cell>
        </row>
        <row r="3447">
          <cell r="F3447">
            <v>75115</v>
          </cell>
          <cell r="Z3447" t="str">
            <v>EQCHANGE</v>
          </cell>
          <cell r="AN3447" t="str">
            <v>MDO C&amp;M</v>
          </cell>
          <cell r="AO3447" t="str">
            <v>MDO INDIANA SOUTHEAST C&amp;M</v>
          </cell>
        </row>
        <row r="3448">
          <cell r="F3448">
            <v>75115</v>
          </cell>
          <cell r="Z3448" t="str">
            <v>EQCHANGE</v>
          </cell>
          <cell r="AN3448" t="str">
            <v>MDO C&amp;M</v>
          </cell>
          <cell r="AO3448" t="str">
            <v>MDO INDIANA SOUTHEAST C&amp;M</v>
          </cell>
        </row>
        <row r="3449">
          <cell r="F3449">
            <v>75115</v>
          </cell>
          <cell r="Z3449" t="str">
            <v>EQCHANGE</v>
          </cell>
          <cell r="AN3449" t="str">
            <v>MDO C&amp;M</v>
          </cell>
          <cell r="AO3449" t="str">
            <v>MDO INDIANA SOUTHEAST C&amp;M</v>
          </cell>
        </row>
        <row r="3450">
          <cell r="F3450">
            <v>75115</v>
          </cell>
          <cell r="Z3450" t="str">
            <v>EQCHANGE</v>
          </cell>
          <cell r="AN3450" t="str">
            <v>MDO C&amp;M</v>
          </cell>
          <cell r="AO3450" t="str">
            <v>MDO INDIANA SOUTHEAST C&amp;M</v>
          </cell>
        </row>
        <row r="3451">
          <cell r="F3451">
            <v>75115</v>
          </cell>
          <cell r="Z3451" t="str">
            <v>EQCHANGE</v>
          </cell>
          <cell r="AN3451" t="str">
            <v>MDO C&amp;M</v>
          </cell>
          <cell r="AO3451" t="str">
            <v>MDO INDIANA SOUTHEAST C&amp;M</v>
          </cell>
        </row>
        <row r="3452">
          <cell r="F3452">
            <v>75115</v>
          </cell>
          <cell r="Z3452" t="str">
            <v>EQCHANGE</v>
          </cell>
          <cell r="AN3452" t="str">
            <v>MDO C&amp;M</v>
          </cell>
          <cell r="AO3452" t="str">
            <v>MDO INDIANA SOUTHEAST C&amp;M</v>
          </cell>
        </row>
        <row r="3453">
          <cell r="F3453">
            <v>75115</v>
          </cell>
          <cell r="Z3453" t="str">
            <v>EQCHANGE</v>
          </cell>
          <cell r="AN3453" t="str">
            <v>MDO C&amp;M</v>
          </cell>
          <cell r="AO3453" t="str">
            <v>MDO INDIANA SOUTHEAST C&amp;M</v>
          </cell>
        </row>
        <row r="3454">
          <cell r="F3454">
            <v>75115</v>
          </cell>
          <cell r="Z3454" t="str">
            <v>EQCHANGE</v>
          </cell>
          <cell r="AN3454" t="str">
            <v>MDO C&amp;M</v>
          </cell>
          <cell r="AO3454" t="str">
            <v>MDO INDIANA SOUTHEAST C&amp;M</v>
          </cell>
        </row>
        <row r="3455">
          <cell r="F3455">
            <v>75115</v>
          </cell>
          <cell r="Z3455" t="str">
            <v>EQCHANGE</v>
          </cell>
          <cell r="AN3455" t="str">
            <v>MDO C&amp;M</v>
          </cell>
          <cell r="AO3455" t="str">
            <v>MDO INDIANA SOUTHEAST C&amp;M</v>
          </cell>
        </row>
        <row r="3456">
          <cell r="F3456">
            <v>75115</v>
          </cell>
          <cell r="Z3456" t="str">
            <v>EQCHANGE</v>
          </cell>
          <cell r="AN3456" t="str">
            <v>MDO C&amp;M</v>
          </cell>
          <cell r="AO3456" t="str">
            <v>MDO INDIANA SOUTHEAST C&amp;M</v>
          </cell>
        </row>
        <row r="3457">
          <cell r="F3457">
            <v>75023</v>
          </cell>
          <cell r="AN3457" t="str">
            <v>MDO C&amp;M</v>
          </cell>
          <cell r="AO3457" t="str">
            <v>MDO OH/KEN C&amp;M</v>
          </cell>
        </row>
        <row r="3458">
          <cell r="F3458">
            <v>75023</v>
          </cell>
          <cell r="AN3458" t="str">
            <v>MDO C&amp;M</v>
          </cell>
          <cell r="AO3458" t="str">
            <v>MDO OH/KEN C&amp;M</v>
          </cell>
        </row>
        <row r="3459">
          <cell r="F3459">
            <v>75023</v>
          </cell>
          <cell r="AN3459" t="str">
            <v>MDO C&amp;M</v>
          </cell>
          <cell r="AO3459" t="str">
            <v>MDO OH/KEN C&amp;M</v>
          </cell>
        </row>
        <row r="3460">
          <cell r="F3460">
            <v>75023</v>
          </cell>
          <cell r="AN3460" t="str">
            <v>MDO C&amp;M</v>
          </cell>
          <cell r="AO3460" t="str">
            <v>MDO OH/KEN C&amp;M</v>
          </cell>
        </row>
        <row r="3461">
          <cell r="F3461">
            <v>75023</v>
          </cell>
          <cell r="AN3461" t="str">
            <v>MDO C&amp;M</v>
          </cell>
          <cell r="AO3461" t="str">
            <v>MDO OH/KEN C&amp;M</v>
          </cell>
        </row>
        <row r="3462">
          <cell r="F3462">
            <v>75023</v>
          </cell>
          <cell r="AN3462" t="str">
            <v>MDO C&amp;M</v>
          </cell>
          <cell r="AO3462" t="str">
            <v>MDO OH/KEN C&amp;M</v>
          </cell>
        </row>
        <row r="3463">
          <cell r="F3463">
            <v>75023</v>
          </cell>
          <cell r="AN3463" t="str">
            <v>MDO C&amp;M</v>
          </cell>
          <cell r="AO3463" t="str">
            <v>MDO OH/KEN C&amp;M</v>
          </cell>
        </row>
        <row r="3464">
          <cell r="F3464">
            <v>75023</v>
          </cell>
          <cell r="AN3464" t="str">
            <v>MDO C&amp;M</v>
          </cell>
          <cell r="AO3464" t="str">
            <v>MDO OH/KEN C&amp;M</v>
          </cell>
        </row>
        <row r="3465">
          <cell r="F3465">
            <v>75023</v>
          </cell>
          <cell r="AN3465" t="str">
            <v>MDO C&amp;M</v>
          </cell>
          <cell r="AO3465" t="str">
            <v>MDO OH/KEN C&amp;M</v>
          </cell>
        </row>
        <row r="3466">
          <cell r="F3466">
            <v>75023</v>
          </cell>
          <cell r="AN3466" t="str">
            <v>MDO C&amp;M</v>
          </cell>
          <cell r="AO3466" t="str">
            <v>MDO OH/KEN C&amp;M</v>
          </cell>
        </row>
        <row r="3467">
          <cell r="F3467">
            <v>75023</v>
          </cell>
          <cell r="AN3467" t="str">
            <v>MDO C&amp;M</v>
          </cell>
          <cell r="AO3467" t="str">
            <v>MDO OH/KEN C&amp;M</v>
          </cell>
        </row>
        <row r="3468">
          <cell r="F3468">
            <v>75023</v>
          </cell>
          <cell r="AN3468" t="str">
            <v>MDO C&amp;M</v>
          </cell>
          <cell r="AO3468" t="str">
            <v>MDO OH/KEN C&amp;M</v>
          </cell>
        </row>
        <row r="3469">
          <cell r="F3469">
            <v>75023</v>
          </cell>
          <cell r="AN3469" t="str">
            <v>MDO C&amp;M</v>
          </cell>
          <cell r="AO3469" t="str">
            <v>MDO OH/KEN C&amp;M</v>
          </cell>
        </row>
        <row r="3470">
          <cell r="F3470">
            <v>75023</v>
          </cell>
          <cell r="AN3470" t="str">
            <v>MDO C&amp;M</v>
          </cell>
          <cell r="AO3470" t="str">
            <v>MDO OH/KEN C&amp;M</v>
          </cell>
        </row>
        <row r="3471">
          <cell r="F3471">
            <v>75023</v>
          </cell>
          <cell r="AN3471" t="str">
            <v>MDO C&amp;M</v>
          </cell>
          <cell r="AO3471" t="str">
            <v>MDO OH/KEN C&amp;M</v>
          </cell>
        </row>
        <row r="3472">
          <cell r="F3472">
            <v>75023</v>
          </cell>
          <cell r="AN3472" t="str">
            <v>MDO C&amp;M</v>
          </cell>
          <cell r="AO3472" t="str">
            <v>MDO OH/KEN C&amp;M</v>
          </cell>
        </row>
        <row r="3473">
          <cell r="F3473">
            <v>75023</v>
          </cell>
          <cell r="AN3473" t="str">
            <v>MDO C&amp;M</v>
          </cell>
          <cell r="AO3473" t="str">
            <v>MDO OH/KEN C&amp;M</v>
          </cell>
        </row>
        <row r="3474">
          <cell r="F3474">
            <v>75023</v>
          </cell>
          <cell r="AN3474" t="str">
            <v>MDO C&amp;M</v>
          </cell>
          <cell r="AO3474" t="str">
            <v>MDO OH/KEN C&amp;M</v>
          </cell>
        </row>
        <row r="3475">
          <cell r="F3475">
            <v>75023</v>
          </cell>
          <cell r="AN3475" t="str">
            <v>MDO C&amp;M</v>
          </cell>
          <cell r="AO3475" t="str">
            <v>MDO OH/KEN C&amp;M</v>
          </cell>
        </row>
        <row r="3476">
          <cell r="F3476">
            <v>75023</v>
          </cell>
          <cell r="AN3476" t="str">
            <v>MDO C&amp;M</v>
          </cell>
          <cell r="AO3476" t="str">
            <v>MDO OH/KEN C&amp;M</v>
          </cell>
        </row>
        <row r="3477">
          <cell r="F3477">
            <v>75023</v>
          </cell>
          <cell r="AN3477" t="str">
            <v>MDO C&amp;M</v>
          </cell>
          <cell r="AO3477" t="str">
            <v>MDO OH/KEN C&amp;M</v>
          </cell>
        </row>
        <row r="3478">
          <cell r="F3478">
            <v>75023</v>
          </cell>
          <cell r="AN3478" t="str">
            <v>MDO C&amp;M</v>
          </cell>
          <cell r="AO3478" t="str">
            <v>MDO OH/KEN C&amp;M</v>
          </cell>
        </row>
        <row r="3479">
          <cell r="F3479">
            <v>75023</v>
          </cell>
          <cell r="AN3479" t="str">
            <v>MDO C&amp;M</v>
          </cell>
          <cell r="AO3479" t="str">
            <v>MDO OH/KEN C&amp;M</v>
          </cell>
        </row>
        <row r="3480">
          <cell r="F3480">
            <v>75023</v>
          </cell>
          <cell r="AN3480" t="str">
            <v>MDO C&amp;M</v>
          </cell>
          <cell r="AO3480" t="str">
            <v>MDO OH/KEN C&amp;M</v>
          </cell>
        </row>
        <row r="3481">
          <cell r="F3481">
            <v>75023</v>
          </cell>
          <cell r="AN3481" t="str">
            <v>MDO C&amp;M</v>
          </cell>
          <cell r="AO3481" t="str">
            <v>MDO OH/KEN C&amp;M</v>
          </cell>
        </row>
        <row r="3482">
          <cell r="F3482">
            <v>75023</v>
          </cell>
          <cell r="AN3482" t="str">
            <v>MDO C&amp;M</v>
          </cell>
          <cell r="AO3482" t="str">
            <v>MDO OH/KEN C&amp;M</v>
          </cell>
        </row>
        <row r="3483">
          <cell r="F3483">
            <v>75023</v>
          </cell>
          <cell r="AN3483" t="str">
            <v>MDO C&amp;M</v>
          </cell>
          <cell r="AO3483" t="str">
            <v>MDO OH/KEN C&amp;M</v>
          </cell>
        </row>
        <row r="3484">
          <cell r="F3484">
            <v>75023</v>
          </cell>
          <cell r="AN3484" t="str">
            <v>MDO C&amp;M</v>
          </cell>
          <cell r="AO3484" t="str">
            <v>MDO OH/KEN C&amp;M</v>
          </cell>
        </row>
        <row r="3485">
          <cell r="F3485">
            <v>75023</v>
          </cell>
          <cell r="AN3485" t="str">
            <v>MDO C&amp;M</v>
          </cell>
          <cell r="AO3485" t="str">
            <v>MDO OH/KEN C&amp;M</v>
          </cell>
        </row>
        <row r="3486">
          <cell r="F3486">
            <v>75023</v>
          </cell>
          <cell r="AN3486" t="str">
            <v>MDO C&amp;M</v>
          </cell>
          <cell r="AO3486" t="str">
            <v>MDO OH/KEN C&amp;M</v>
          </cell>
        </row>
        <row r="3487">
          <cell r="F3487">
            <v>75023</v>
          </cell>
          <cell r="AN3487" t="str">
            <v>MDO C&amp;M</v>
          </cell>
          <cell r="AO3487" t="str">
            <v>MDO OH/KEN C&amp;M</v>
          </cell>
        </row>
        <row r="3488">
          <cell r="F3488">
            <v>75023</v>
          </cell>
          <cell r="AN3488" t="str">
            <v>MDO C&amp;M</v>
          </cell>
          <cell r="AO3488" t="str">
            <v>MDO OH/KEN C&amp;M</v>
          </cell>
        </row>
        <row r="3489">
          <cell r="F3489">
            <v>75023</v>
          </cell>
          <cell r="AN3489" t="str">
            <v>MDO C&amp;M</v>
          </cell>
          <cell r="AO3489" t="str">
            <v>MDO OH/KEN C&amp;M</v>
          </cell>
        </row>
        <row r="3490">
          <cell r="F3490">
            <v>75023</v>
          </cell>
          <cell r="AN3490" t="str">
            <v>MDO C&amp;M</v>
          </cell>
          <cell r="AO3490" t="str">
            <v>MDO OH/KEN C&amp;M</v>
          </cell>
        </row>
        <row r="3491">
          <cell r="F3491">
            <v>75023</v>
          </cell>
          <cell r="AN3491" t="str">
            <v>MDO C&amp;M</v>
          </cell>
          <cell r="AO3491" t="str">
            <v>MDO OH/KEN C&amp;M</v>
          </cell>
        </row>
        <row r="3492">
          <cell r="F3492">
            <v>75023</v>
          </cell>
          <cell r="AN3492" t="str">
            <v>MDO C&amp;M</v>
          </cell>
          <cell r="AO3492" t="str">
            <v>MDO OH/KEN C&amp;M</v>
          </cell>
        </row>
        <row r="3493">
          <cell r="F3493">
            <v>75023</v>
          </cell>
          <cell r="AN3493" t="str">
            <v>MDO C&amp;M</v>
          </cell>
          <cell r="AO3493" t="str">
            <v>MDO OH/KEN C&amp;M</v>
          </cell>
        </row>
        <row r="3494">
          <cell r="F3494">
            <v>75023</v>
          </cell>
          <cell r="AN3494" t="str">
            <v>MDO C&amp;M</v>
          </cell>
          <cell r="AO3494" t="str">
            <v>MDO OH/KEN C&amp;M</v>
          </cell>
        </row>
        <row r="3495">
          <cell r="F3495">
            <v>75023</v>
          </cell>
          <cell r="AN3495" t="str">
            <v>MDO C&amp;M</v>
          </cell>
          <cell r="AO3495" t="str">
            <v>MDO OH/KEN C&amp;M</v>
          </cell>
        </row>
        <row r="3496">
          <cell r="F3496">
            <v>75023</v>
          </cell>
          <cell r="AN3496" t="str">
            <v>MDO C&amp;M</v>
          </cell>
          <cell r="AO3496" t="str">
            <v>MDO OH/KEN C&amp;M</v>
          </cell>
        </row>
        <row r="3497">
          <cell r="F3497">
            <v>75023</v>
          </cell>
          <cell r="AN3497" t="str">
            <v>MDO C&amp;M</v>
          </cell>
          <cell r="AO3497" t="str">
            <v>MDO OH/KEN C&amp;M</v>
          </cell>
        </row>
        <row r="3498">
          <cell r="F3498">
            <v>75023</v>
          </cell>
          <cell r="AN3498" t="str">
            <v>MDO C&amp;M</v>
          </cell>
          <cell r="AO3498" t="str">
            <v>MDO OH/KEN C&amp;M</v>
          </cell>
        </row>
        <row r="3499">
          <cell r="F3499">
            <v>75023</v>
          </cell>
          <cell r="AN3499" t="str">
            <v>MDO C&amp;M</v>
          </cell>
          <cell r="AO3499" t="str">
            <v>MDO OH/KEN C&amp;M</v>
          </cell>
        </row>
        <row r="3500">
          <cell r="F3500">
            <v>75023</v>
          </cell>
          <cell r="AN3500" t="str">
            <v>MDO C&amp;M</v>
          </cell>
          <cell r="AO3500" t="str">
            <v>MDO OH/KEN C&amp;M</v>
          </cell>
        </row>
        <row r="3501">
          <cell r="F3501">
            <v>75023</v>
          </cell>
          <cell r="AN3501" t="str">
            <v>MDO C&amp;M</v>
          </cell>
          <cell r="AO3501" t="str">
            <v>MDO OH/KEN C&amp;M</v>
          </cell>
        </row>
        <row r="3502">
          <cell r="F3502">
            <v>75023</v>
          </cell>
          <cell r="AN3502" t="str">
            <v>MDO C&amp;M</v>
          </cell>
          <cell r="AO3502" t="str">
            <v>MDO OH/KEN C&amp;M</v>
          </cell>
        </row>
        <row r="3503">
          <cell r="F3503">
            <v>75023</v>
          </cell>
          <cell r="AN3503" t="str">
            <v>MDO C&amp;M</v>
          </cell>
          <cell r="AO3503" t="str">
            <v>MDO OH/KEN C&amp;M</v>
          </cell>
        </row>
        <row r="3504">
          <cell r="F3504">
            <v>75023</v>
          </cell>
          <cell r="AN3504" t="str">
            <v>MDO C&amp;M</v>
          </cell>
          <cell r="AO3504" t="str">
            <v>MDO OH/KEN C&amp;M</v>
          </cell>
        </row>
        <row r="3505">
          <cell r="F3505">
            <v>75023</v>
          </cell>
          <cell r="AN3505" t="str">
            <v>MDO C&amp;M</v>
          </cell>
          <cell r="AO3505" t="str">
            <v>MDO OH/KEN C&amp;M</v>
          </cell>
        </row>
        <row r="3506">
          <cell r="F3506">
            <v>75023</v>
          </cell>
          <cell r="AN3506" t="str">
            <v>MDO C&amp;M</v>
          </cell>
          <cell r="AO3506" t="str">
            <v>MDO OH/KEN C&amp;M</v>
          </cell>
        </row>
        <row r="3507">
          <cell r="F3507">
            <v>75023</v>
          </cell>
          <cell r="AN3507" t="str">
            <v>MDO C&amp;M</v>
          </cell>
          <cell r="AO3507" t="str">
            <v>MDO OH/KEN C&amp;M</v>
          </cell>
        </row>
        <row r="3508">
          <cell r="F3508">
            <v>75023</v>
          </cell>
          <cell r="AN3508" t="str">
            <v>MDO C&amp;M</v>
          </cell>
          <cell r="AO3508" t="str">
            <v>MDO OH/KEN C&amp;M</v>
          </cell>
        </row>
        <row r="3509">
          <cell r="F3509">
            <v>75023</v>
          </cell>
          <cell r="AN3509" t="str">
            <v>MDO C&amp;M</v>
          </cell>
          <cell r="AO3509" t="str">
            <v>MDO OH/KEN C&amp;M</v>
          </cell>
        </row>
        <row r="3510">
          <cell r="F3510">
            <v>75023</v>
          </cell>
          <cell r="AN3510" t="str">
            <v>MDO C&amp;M</v>
          </cell>
          <cell r="AO3510" t="str">
            <v>MDO OH/KEN C&amp;M</v>
          </cell>
        </row>
        <row r="3511">
          <cell r="F3511">
            <v>75084</v>
          </cell>
          <cell r="AN3511" t="str">
            <v>MDO C&amp;M</v>
          </cell>
          <cell r="AO3511" t="str">
            <v>MDO OH/KEN C&amp;M</v>
          </cell>
        </row>
        <row r="3512">
          <cell r="F3512">
            <v>75084</v>
          </cell>
          <cell r="AN3512" t="str">
            <v>MDO C&amp;M</v>
          </cell>
          <cell r="AO3512" t="str">
            <v>MDO OH/KEN C&amp;M</v>
          </cell>
        </row>
        <row r="3513">
          <cell r="F3513">
            <v>75084</v>
          </cell>
          <cell r="AN3513" t="str">
            <v>MDO C&amp;M</v>
          </cell>
          <cell r="AO3513" t="str">
            <v>MDO OH/KEN C&amp;M</v>
          </cell>
        </row>
        <row r="3514">
          <cell r="F3514">
            <v>75084</v>
          </cell>
          <cell r="AN3514" t="str">
            <v>MDO C&amp;M</v>
          </cell>
          <cell r="AO3514" t="str">
            <v>MDO OH/KEN C&amp;M</v>
          </cell>
        </row>
        <row r="3515">
          <cell r="F3515">
            <v>75084</v>
          </cell>
          <cell r="AN3515" t="str">
            <v>MDO C&amp;M</v>
          </cell>
          <cell r="AO3515" t="str">
            <v>MDO OH/KEN C&amp;M</v>
          </cell>
        </row>
        <row r="3516">
          <cell r="F3516">
            <v>75084</v>
          </cell>
          <cell r="AN3516" t="str">
            <v>MDO C&amp;M</v>
          </cell>
          <cell r="AO3516" t="str">
            <v>MDO OH/KEN C&amp;M</v>
          </cell>
        </row>
        <row r="3517">
          <cell r="F3517">
            <v>75084</v>
          </cell>
          <cell r="AN3517" t="str">
            <v>MDO C&amp;M</v>
          </cell>
          <cell r="AO3517" t="str">
            <v>MDO OH/KEN C&amp;M</v>
          </cell>
        </row>
        <row r="3518">
          <cell r="F3518">
            <v>75084</v>
          </cell>
          <cell r="AN3518" t="str">
            <v>MDO C&amp;M</v>
          </cell>
          <cell r="AO3518" t="str">
            <v>MDO OH/KEN C&amp;M</v>
          </cell>
        </row>
        <row r="3519">
          <cell r="F3519">
            <v>75084</v>
          </cell>
          <cell r="AN3519" t="str">
            <v>MDO C&amp;M</v>
          </cell>
          <cell r="AO3519" t="str">
            <v>MDO OH/KEN C&amp;M</v>
          </cell>
        </row>
        <row r="3520">
          <cell r="F3520">
            <v>75084</v>
          </cell>
          <cell r="AN3520" t="str">
            <v>MDO C&amp;M</v>
          </cell>
          <cell r="AO3520" t="str">
            <v>MDO OH/KEN C&amp;M</v>
          </cell>
        </row>
        <row r="3521">
          <cell r="F3521">
            <v>75084</v>
          </cell>
          <cell r="AN3521" t="str">
            <v>MDO C&amp;M</v>
          </cell>
          <cell r="AO3521" t="str">
            <v>MDO OH/KEN C&amp;M</v>
          </cell>
        </row>
        <row r="3522">
          <cell r="F3522">
            <v>75084</v>
          </cell>
          <cell r="AN3522" t="str">
            <v>MDO C&amp;M</v>
          </cell>
          <cell r="AO3522" t="str">
            <v>MDO OH/KEN C&amp;M</v>
          </cell>
        </row>
        <row r="3523">
          <cell r="F3523">
            <v>75084</v>
          </cell>
          <cell r="AN3523" t="str">
            <v>MDO C&amp;M</v>
          </cell>
          <cell r="AO3523" t="str">
            <v>MDO OH/KEN C&amp;M</v>
          </cell>
        </row>
        <row r="3524">
          <cell r="F3524">
            <v>75084</v>
          </cell>
          <cell r="AN3524" t="str">
            <v>MDO C&amp;M</v>
          </cell>
          <cell r="AO3524" t="str">
            <v>MDO OH/KEN C&amp;M</v>
          </cell>
        </row>
        <row r="3525">
          <cell r="F3525">
            <v>75084</v>
          </cell>
          <cell r="AN3525" t="str">
            <v>MDO C&amp;M</v>
          </cell>
          <cell r="AO3525" t="str">
            <v>MDO OH/KEN C&amp;M</v>
          </cell>
        </row>
        <row r="3526">
          <cell r="F3526">
            <v>75084</v>
          </cell>
          <cell r="AN3526" t="str">
            <v>MDO C&amp;M</v>
          </cell>
          <cell r="AO3526" t="str">
            <v>MDO OH/KEN C&amp;M</v>
          </cell>
        </row>
        <row r="3527">
          <cell r="F3527">
            <v>75084</v>
          </cell>
          <cell r="AN3527" t="str">
            <v>MDO C&amp;M</v>
          </cell>
          <cell r="AO3527" t="str">
            <v>MDO OH/KEN C&amp;M</v>
          </cell>
        </row>
        <row r="3528">
          <cell r="F3528">
            <v>75084</v>
          </cell>
          <cell r="AN3528" t="str">
            <v>MDO C&amp;M</v>
          </cell>
          <cell r="AO3528" t="str">
            <v>MDO OH/KEN C&amp;M</v>
          </cell>
        </row>
        <row r="3529">
          <cell r="F3529">
            <v>75084</v>
          </cell>
          <cell r="AN3529" t="str">
            <v>MDO C&amp;M</v>
          </cell>
          <cell r="AO3529" t="str">
            <v>MDO OH/KEN C&amp;M</v>
          </cell>
        </row>
        <row r="3530">
          <cell r="F3530">
            <v>75084</v>
          </cell>
          <cell r="AN3530" t="str">
            <v>MDO C&amp;M</v>
          </cell>
          <cell r="AO3530" t="str">
            <v>MDO OH/KEN C&amp;M</v>
          </cell>
        </row>
        <row r="3531">
          <cell r="F3531">
            <v>75084</v>
          </cell>
          <cell r="AN3531" t="str">
            <v>MDO C&amp;M</v>
          </cell>
          <cell r="AO3531" t="str">
            <v>MDO OH/KEN C&amp;M</v>
          </cell>
        </row>
        <row r="3532">
          <cell r="F3532">
            <v>75084</v>
          </cell>
          <cell r="AN3532" t="str">
            <v>MDO C&amp;M</v>
          </cell>
          <cell r="AO3532" t="str">
            <v>MDO OH/KEN C&amp;M</v>
          </cell>
        </row>
        <row r="3533">
          <cell r="F3533">
            <v>75084</v>
          </cell>
          <cell r="AN3533" t="str">
            <v>MDO C&amp;M</v>
          </cell>
          <cell r="AO3533" t="str">
            <v>MDO OH/KEN C&amp;M</v>
          </cell>
        </row>
        <row r="3534">
          <cell r="F3534">
            <v>75084</v>
          </cell>
          <cell r="AN3534" t="str">
            <v>MDO C&amp;M</v>
          </cell>
          <cell r="AO3534" t="str">
            <v>MDO OH/KEN C&amp;M</v>
          </cell>
        </row>
        <row r="3535">
          <cell r="F3535">
            <v>75084</v>
          </cell>
          <cell r="AN3535" t="str">
            <v>MDO C&amp;M</v>
          </cell>
          <cell r="AO3535" t="str">
            <v>MDO OH/KEN C&amp;M</v>
          </cell>
        </row>
        <row r="3536">
          <cell r="F3536">
            <v>75084</v>
          </cell>
          <cell r="AN3536" t="str">
            <v>MDO C&amp;M</v>
          </cell>
          <cell r="AO3536" t="str">
            <v>MDO OH/KEN C&amp;M</v>
          </cell>
        </row>
        <row r="3537">
          <cell r="F3537">
            <v>75084</v>
          </cell>
          <cell r="AN3537" t="str">
            <v>MDO C&amp;M</v>
          </cell>
          <cell r="AO3537" t="str">
            <v>MDO OH/KEN C&amp;M</v>
          </cell>
        </row>
        <row r="3538">
          <cell r="F3538">
            <v>75084</v>
          </cell>
          <cell r="AN3538" t="str">
            <v>MDO C&amp;M</v>
          </cell>
          <cell r="AO3538" t="str">
            <v>MDO OH/KEN C&amp;M</v>
          </cell>
        </row>
        <row r="3539">
          <cell r="F3539">
            <v>75084</v>
          </cell>
          <cell r="AN3539" t="str">
            <v>MDO C&amp;M</v>
          </cell>
          <cell r="AO3539" t="str">
            <v>MDO OH/KEN C&amp;M</v>
          </cell>
        </row>
        <row r="3540">
          <cell r="F3540">
            <v>75084</v>
          </cell>
          <cell r="AN3540" t="str">
            <v>MDO C&amp;M</v>
          </cell>
          <cell r="AO3540" t="str">
            <v>MDO OH/KEN C&amp;M</v>
          </cell>
        </row>
        <row r="3541">
          <cell r="F3541">
            <v>75084</v>
          </cell>
          <cell r="AN3541" t="str">
            <v>MDO C&amp;M</v>
          </cell>
          <cell r="AO3541" t="str">
            <v>MDO OH/KEN C&amp;M</v>
          </cell>
        </row>
        <row r="3542">
          <cell r="F3542">
            <v>75084</v>
          </cell>
          <cell r="AN3542" t="str">
            <v>MDO C&amp;M</v>
          </cell>
          <cell r="AO3542" t="str">
            <v>MDO OH/KEN C&amp;M</v>
          </cell>
        </row>
        <row r="3543">
          <cell r="F3543">
            <v>75084</v>
          </cell>
          <cell r="AN3543" t="str">
            <v>MDO C&amp;M</v>
          </cell>
          <cell r="AO3543" t="str">
            <v>MDO OH/KEN C&amp;M</v>
          </cell>
        </row>
        <row r="3544">
          <cell r="F3544">
            <v>75084</v>
          </cell>
          <cell r="AN3544" t="str">
            <v>MDO C&amp;M</v>
          </cell>
          <cell r="AO3544" t="str">
            <v>MDO OH/KEN C&amp;M</v>
          </cell>
        </row>
        <row r="3545">
          <cell r="F3545">
            <v>75084</v>
          </cell>
          <cell r="AN3545" t="str">
            <v>MDO C&amp;M</v>
          </cell>
          <cell r="AO3545" t="str">
            <v>MDO OH/KEN C&amp;M</v>
          </cell>
        </row>
        <row r="3546">
          <cell r="F3546">
            <v>75084</v>
          </cell>
          <cell r="AN3546" t="str">
            <v>MDO C&amp;M</v>
          </cell>
          <cell r="AO3546" t="str">
            <v>MDO OH/KEN C&amp;M</v>
          </cell>
        </row>
        <row r="3547">
          <cell r="F3547">
            <v>75084</v>
          </cell>
          <cell r="AN3547" t="str">
            <v>MDO C&amp;M</v>
          </cell>
          <cell r="AO3547" t="str">
            <v>MDO OH/KEN C&amp;M</v>
          </cell>
        </row>
        <row r="3548">
          <cell r="F3548">
            <v>75084</v>
          </cell>
          <cell r="AN3548" t="str">
            <v>MDO C&amp;M</v>
          </cell>
          <cell r="AO3548" t="str">
            <v>MDO OH/KEN C&amp;M</v>
          </cell>
        </row>
        <row r="3549">
          <cell r="F3549">
            <v>75084</v>
          </cell>
          <cell r="AN3549" t="str">
            <v>MDO C&amp;M</v>
          </cell>
          <cell r="AO3549" t="str">
            <v>MDO OH/KEN C&amp;M</v>
          </cell>
        </row>
        <row r="3550">
          <cell r="F3550">
            <v>75084</v>
          </cell>
          <cell r="AN3550" t="str">
            <v>MDO C&amp;M</v>
          </cell>
          <cell r="AO3550" t="str">
            <v>MDO OH/KEN C&amp;M</v>
          </cell>
        </row>
        <row r="3551">
          <cell r="F3551">
            <v>75084</v>
          </cell>
          <cell r="AN3551" t="str">
            <v>MDO C&amp;M</v>
          </cell>
          <cell r="AO3551" t="str">
            <v>MDO OH/KEN C&amp;M</v>
          </cell>
        </row>
        <row r="3552">
          <cell r="F3552">
            <v>75084</v>
          </cell>
          <cell r="AN3552" t="str">
            <v>MDO C&amp;M</v>
          </cell>
          <cell r="AO3552" t="str">
            <v>MDO OH/KEN C&amp;M</v>
          </cell>
        </row>
        <row r="3553">
          <cell r="F3553">
            <v>75084</v>
          </cell>
          <cell r="AN3553" t="str">
            <v>MDO C&amp;M</v>
          </cell>
          <cell r="AO3553" t="str">
            <v>MDO OH/KEN C&amp;M</v>
          </cell>
        </row>
        <row r="3554">
          <cell r="F3554">
            <v>75084</v>
          </cell>
          <cell r="AN3554" t="str">
            <v>MDO C&amp;M</v>
          </cell>
          <cell r="AO3554" t="str">
            <v>MDO OH/KEN C&amp;M</v>
          </cell>
        </row>
        <row r="3555">
          <cell r="F3555">
            <v>75084</v>
          </cell>
          <cell r="AN3555" t="str">
            <v>MDO C&amp;M</v>
          </cell>
          <cell r="AO3555" t="str">
            <v>MDO OH/KEN C&amp;M</v>
          </cell>
        </row>
        <row r="3556">
          <cell r="F3556">
            <v>75084</v>
          </cell>
          <cell r="AN3556" t="str">
            <v>MDO C&amp;M</v>
          </cell>
          <cell r="AO3556" t="str">
            <v>MDO OH/KEN C&amp;M</v>
          </cell>
        </row>
        <row r="3557">
          <cell r="F3557">
            <v>75084</v>
          </cell>
          <cell r="AN3557" t="str">
            <v>MDO C&amp;M</v>
          </cell>
          <cell r="AO3557" t="str">
            <v>MDO OH/KEN C&amp;M</v>
          </cell>
        </row>
        <row r="3558">
          <cell r="F3558">
            <v>75084</v>
          </cell>
          <cell r="AN3558" t="str">
            <v>MDO C&amp;M</v>
          </cell>
          <cell r="AO3558" t="str">
            <v>MDO OH/KEN C&amp;M</v>
          </cell>
        </row>
        <row r="3559">
          <cell r="F3559">
            <v>75084</v>
          </cell>
          <cell r="AN3559" t="str">
            <v>MDO C&amp;M</v>
          </cell>
          <cell r="AO3559" t="str">
            <v>MDO OH/KEN C&amp;M</v>
          </cell>
        </row>
        <row r="3560">
          <cell r="F3560">
            <v>75084</v>
          </cell>
          <cell r="AN3560" t="str">
            <v>MDO C&amp;M</v>
          </cell>
          <cell r="AO3560" t="str">
            <v>MDO OH/KEN C&amp;M</v>
          </cell>
        </row>
        <row r="3561">
          <cell r="F3561">
            <v>75084</v>
          </cell>
          <cell r="AN3561" t="str">
            <v>MDO C&amp;M</v>
          </cell>
          <cell r="AO3561" t="str">
            <v>MDO OH/KEN C&amp;M</v>
          </cell>
        </row>
        <row r="3562">
          <cell r="F3562">
            <v>75084</v>
          </cell>
          <cell r="AN3562" t="str">
            <v>MDO C&amp;M</v>
          </cell>
          <cell r="AO3562" t="str">
            <v>MDO OH/KEN C&amp;M</v>
          </cell>
        </row>
        <row r="3563">
          <cell r="F3563">
            <v>75084</v>
          </cell>
          <cell r="AN3563" t="str">
            <v>MDO C&amp;M</v>
          </cell>
          <cell r="AO3563" t="str">
            <v>MDO OH/KEN C&amp;M</v>
          </cell>
        </row>
        <row r="3564">
          <cell r="F3564">
            <v>75084</v>
          </cell>
          <cell r="AN3564" t="str">
            <v>MDO C&amp;M</v>
          </cell>
          <cell r="AO3564" t="str">
            <v>MDO OH/KEN C&amp;M</v>
          </cell>
        </row>
        <row r="3565">
          <cell r="F3565">
            <v>75084</v>
          </cell>
          <cell r="AN3565" t="str">
            <v>MDO C&amp;M</v>
          </cell>
          <cell r="AO3565" t="str">
            <v>MDO OH/KEN C&amp;M</v>
          </cell>
        </row>
        <row r="3566">
          <cell r="F3566">
            <v>75084</v>
          </cell>
          <cell r="AN3566" t="str">
            <v>MDO C&amp;M</v>
          </cell>
          <cell r="AO3566" t="str">
            <v>MDO OH/KEN C&amp;M</v>
          </cell>
        </row>
        <row r="3567">
          <cell r="F3567">
            <v>75084</v>
          </cell>
          <cell r="AN3567" t="str">
            <v>MDO C&amp;M</v>
          </cell>
          <cell r="AO3567" t="str">
            <v>MDO OH/KEN C&amp;M</v>
          </cell>
        </row>
        <row r="3568">
          <cell r="F3568">
            <v>75084</v>
          </cell>
          <cell r="AN3568" t="str">
            <v>MDO C&amp;M</v>
          </cell>
          <cell r="AO3568" t="str">
            <v>MDO OH/KEN C&amp;M</v>
          </cell>
        </row>
        <row r="3569">
          <cell r="F3569">
            <v>75084</v>
          </cell>
          <cell r="AN3569" t="str">
            <v>MDO C&amp;M</v>
          </cell>
          <cell r="AO3569" t="str">
            <v>MDO OH/KEN C&amp;M</v>
          </cell>
        </row>
        <row r="3570">
          <cell r="F3570">
            <v>75084</v>
          </cell>
          <cell r="AN3570" t="str">
            <v>MDO C&amp;M</v>
          </cell>
          <cell r="AO3570" t="str">
            <v>MDO OH/KEN C&amp;M</v>
          </cell>
        </row>
        <row r="3571">
          <cell r="F3571">
            <v>75084</v>
          </cell>
          <cell r="AN3571" t="str">
            <v>MDO C&amp;M</v>
          </cell>
          <cell r="AO3571" t="str">
            <v>MDO OH/KEN C&amp;M</v>
          </cell>
        </row>
        <row r="3572">
          <cell r="F3572">
            <v>75084</v>
          </cell>
          <cell r="AN3572" t="str">
            <v>MDO C&amp;M</v>
          </cell>
          <cell r="AO3572" t="str">
            <v>MDO OH/KEN C&amp;M</v>
          </cell>
        </row>
        <row r="3573">
          <cell r="F3573">
            <v>75115</v>
          </cell>
          <cell r="AN3573" t="str">
            <v>MDO C&amp;M</v>
          </cell>
          <cell r="AO3573" t="str">
            <v>MDO INDIANA SOUTHWEST C&amp;M</v>
          </cell>
        </row>
        <row r="3574">
          <cell r="F3574">
            <v>75115</v>
          </cell>
          <cell r="AN3574" t="str">
            <v>MDO C&amp;M</v>
          </cell>
          <cell r="AO3574" t="str">
            <v>MDO INDIANA SOUTHWEST C&amp;M</v>
          </cell>
        </row>
        <row r="3575">
          <cell r="F3575">
            <v>75115</v>
          </cell>
          <cell r="AN3575" t="str">
            <v>MDO C&amp;M</v>
          </cell>
          <cell r="AO3575" t="str">
            <v>MDO INDIANA SOUTHWEST C&amp;M</v>
          </cell>
        </row>
        <row r="3576">
          <cell r="F3576">
            <v>75115</v>
          </cell>
          <cell r="AN3576" t="str">
            <v>MDO C&amp;M</v>
          </cell>
          <cell r="AO3576" t="str">
            <v>MDO INDIANA SOUTHWEST C&amp;M</v>
          </cell>
        </row>
        <row r="3577">
          <cell r="F3577">
            <v>75115</v>
          </cell>
          <cell r="AN3577" t="str">
            <v>MDO C&amp;M</v>
          </cell>
          <cell r="AO3577" t="str">
            <v>MDO INDIANA SOUTHWEST C&amp;M</v>
          </cell>
        </row>
        <row r="3578">
          <cell r="F3578">
            <v>75115</v>
          </cell>
          <cell r="AN3578" t="str">
            <v>MDO C&amp;M</v>
          </cell>
          <cell r="AO3578" t="str">
            <v>MDO INDIANA SOUTHWEST C&amp;M</v>
          </cell>
        </row>
        <row r="3579">
          <cell r="F3579">
            <v>75115</v>
          </cell>
          <cell r="AN3579" t="str">
            <v>MDO C&amp;M</v>
          </cell>
          <cell r="AO3579" t="str">
            <v>MDO INDIANA SOUTHWEST C&amp;M</v>
          </cell>
        </row>
        <row r="3580">
          <cell r="F3580">
            <v>75115</v>
          </cell>
          <cell r="AN3580" t="str">
            <v>MDO C&amp;M</v>
          </cell>
          <cell r="AO3580" t="str">
            <v>MDO INDIANA SOUTHWEST C&amp;M</v>
          </cell>
        </row>
        <row r="3581">
          <cell r="F3581">
            <v>75115</v>
          </cell>
          <cell r="AN3581" t="str">
            <v>MDO C&amp;M</v>
          </cell>
          <cell r="AO3581" t="str">
            <v>MDO INDIANA SOUTHWEST C&amp;M</v>
          </cell>
        </row>
        <row r="3582">
          <cell r="F3582">
            <v>75115</v>
          </cell>
          <cell r="AN3582" t="str">
            <v>MDO C&amp;M</v>
          </cell>
          <cell r="AO3582" t="str">
            <v>MDO INDIANA SOUTHWEST C&amp;M</v>
          </cell>
        </row>
        <row r="3583">
          <cell r="F3583">
            <v>75115</v>
          </cell>
          <cell r="AN3583" t="str">
            <v>MDO C&amp;M</v>
          </cell>
          <cell r="AO3583" t="str">
            <v>MDO INDIANA SOUTHWEST C&amp;M</v>
          </cell>
        </row>
        <row r="3584">
          <cell r="F3584">
            <v>75115</v>
          </cell>
          <cell r="AN3584" t="str">
            <v>MDO C&amp;M</v>
          </cell>
          <cell r="AO3584" t="str">
            <v>MDO INDIANA SOUTHWEST C&amp;M</v>
          </cell>
        </row>
        <row r="3585">
          <cell r="F3585">
            <v>75115</v>
          </cell>
          <cell r="AN3585" t="str">
            <v>MDO C&amp;M</v>
          </cell>
          <cell r="AO3585" t="str">
            <v>MDO INDIANA SOUTHWEST C&amp;M</v>
          </cell>
        </row>
        <row r="3586">
          <cell r="F3586">
            <v>75115</v>
          </cell>
          <cell r="AN3586" t="str">
            <v>MDO C&amp;M</v>
          </cell>
          <cell r="AO3586" t="str">
            <v>MDO INDIANA SOUTHWEST C&amp;M</v>
          </cell>
        </row>
        <row r="3587">
          <cell r="F3587">
            <v>75115</v>
          </cell>
          <cell r="AN3587" t="str">
            <v>MDO C&amp;M</v>
          </cell>
          <cell r="AO3587" t="str">
            <v>MDO INDIANA SOUTHWEST C&amp;M</v>
          </cell>
        </row>
        <row r="3588">
          <cell r="F3588">
            <v>75115</v>
          </cell>
          <cell r="AN3588" t="str">
            <v>MDO C&amp;M</v>
          </cell>
          <cell r="AO3588" t="str">
            <v>MDO INDIANA SOUTHWEST C&amp;M</v>
          </cell>
        </row>
        <row r="3589">
          <cell r="F3589">
            <v>75115</v>
          </cell>
          <cell r="AN3589" t="str">
            <v>MDO C&amp;M</v>
          </cell>
          <cell r="AO3589" t="str">
            <v>MDO INDIANA SOUTHWEST C&amp;M</v>
          </cell>
        </row>
        <row r="3590">
          <cell r="F3590">
            <v>75115</v>
          </cell>
          <cell r="AN3590" t="str">
            <v>MDO C&amp;M</v>
          </cell>
          <cell r="AO3590" t="str">
            <v>MDO INDIANA SOUTHEAST C&amp;M</v>
          </cell>
        </row>
        <row r="3591">
          <cell r="F3591">
            <v>75115</v>
          </cell>
          <cell r="AN3591" t="str">
            <v>MDO C&amp;M</v>
          </cell>
          <cell r="AO3591" t="str">
            <v>MDO INDIANA SOUTHEAST C&amp;M</v>
          </cell>
        </row>
        <row r="3592">
          <cell r="F3592">
            <v>75115</v>
          </cell>
          <cell r="AN3592" t="str">
            <v>MDO C&amp;M</v>
          </cell>
          <cell r="AO3592" t="str">
            <v>MDO INDIANA SOUTHEAST C&amp;M</v>
          </cell>
        </row>
        <row r="3593">
          <cell r="F3593">
            <v>75115</v>
          </cell>
          <cell r="AN3593" t="str">
            <v>MDO C&amp;M</v>
          </cell>
          <cell r="AO3593" t="str">
            <v>MDO INDIANA SOUTHEAST C&amp;M</v>
          </cell>
        </row>
        <row r="3594">
          <cell r="F3594">
            <v>75115</v>
          </cell>
          <cell r="AN3594" t="str">
            <v>MDO C&amp;M</v>
          </cell>
          <cell r="AO3594" t="str">
            <v>MDO INDIANA SOUTHEAST C&amp;M</v>
          </cell>
        </row>
        <row r="3595">
          <cell r="F3595">
            <v>75115</v>
          </cell>
          <cell r="AN3595" t="str">
            <v>MDO C&amp;M</v>
          </cell>
          <cell r="AO3595" t="str">
            <v>MDO INDIANA SOUTHEAST C&amp;M</v>
          </cell>
        </row>
        <row r="3596">
          <cell r="F3596">
            <v>75115</v>
          </cell>
          <cell r="AN3596" t="str">
            <v>MDO C&amp;M</v>
          </cell>
          <cell r="AO3596" t="str">
            <v>MDO INDIANA SOUTHEAST C&amp;M</v>
          </cell>
        </row>
        <row r="3597">
          <cell r="F3597">
            <v>75115</v>
          </cell>
          <cell r="AN3597" t="str">
            <v>MDO C&amp;M</v>
          </cell>
          <cell r="AO3597" t="str">
            <v>MDO INDIANA SOUTHEAST C&amp;M</v>
          </cell>
        </row>
        <row r="3598">
          <cell r="F3598">
            <v>75115</v>
          </cell>
          <cell r="AN3598" t="str">
            <v>MDO C&amp;M</v>
          </cell>
          <cell r="AO3598" t="str">
            <v>MDO INDIANA SOUTHEAST C&amp;M</v>
          </cell>
        </row>
        <row r="3599">
          <cell r="F3599">
            <v>75115</v>
          </cell>
          <cell r="AN3599" t="str">
            <v>MDO C&amp;M</v>
          </cell>
          <cell r="AO3599" t="str">
            <v>MDO INDIANA NORTH C&amp;M</v>
          </cell>
        </row>
        <row r="3600">
          <cell r="F3600">
            <v>75115</v>
          </cell>
          <cell r="AN3600" t="str">
            <v>MDO C&amp;M</v>
          </cell>
          <cell r="AO3600" t="str">
            <v>MDO INDIANA NORTH C&amp;M</v>
          </cell>
        </row>
        <row r="3601">
          <cell r="F3601">
            <v>75115</v>
          </cell>
          <cell r="AN3601" t="str">
            <v>MDO C&amp;M</v>
          </cell>
          <cell r="AO3601" t="str">
            <v>MDO INDIANA NORTH C&amp;M</v>
          </cell>
        </row>
        <row r="3602">
          <cell r="F3602">
            <v>75115</v>
          </cell>
          <cell r="AN3602" t="str">
            <v>MDO C&amp;M</v>
          </cell>
          <cell r="AO3602" t="str">
            <v>MDO INDIANA NORTH C&amp;M</v>
          </cell>
        </row>
        <row r="3603">
          <cell r="F3603">
            <v>75115</v>
          </cell>
          <cell r="AN3603" t="str">
            <v>MDO C&amp;M</v>
          </cell>
          <cell r="AO3603" t="str">
            <v>MDO INDIANA NORTH C&amp;M</v>
          </cell>
        </row>
        <row r="3604">
          <cell r="F3604">
            <v>75115</v>
          </cell>
          <cell r="AN3604" t="str">
            <v>MDO C&amp;M</v>
          </cell>
          <cell r="AO3604" t="str">
            <v>MDO INDIANA NORTH C&amp;M</v>
          </cell>
        </row>
        <row r="3605">
          <cell r="F3605">
            <v>75115</v>
          </cell>
          <cell r="AN3605" t="str">
            <v>MDO C&amp;M</v>
          </cell>
          <cell r="AO3605" t="str">
            <v>MDO INDIANA NORTH C&amp;M</v>
          </cell>
        </row>
        <row r="3606">
          <cell r="F3606">
            <v>75115</v>
          </cell>
          <cell r="AN3606" t="str">
            <v>MDO C&amp;M</v>
          </cell>
          <cell r="AO3606" t="str">
            <v>MDO INDIANA NORTH C&amp;M</v>
          </cell>
        </row>
        <row r="3607">
          <cell r="F3607">
            <v>75115</v>
          </cell>
          <cell r="AN3607" t="str">
            <v>MDO C&amp;M</v>
          </cell>
          <cell r="AO3607" t="str">
            <v>MDO INDIANA SOUTHWEST C&amp;M</v>
          </cell>
        </row>
        <row r="3608">
          <cell r="F3608">
            <v>75115</v>
          </cell>
          <cell r="AN3608" t="str">
            <v>MDO C&amp;M</v>
          </cell>
          <cell r="AO3608" t="str">
            <v>MDO INDIANA SOUTHWEST C&amp;M</v>
          </cell>
        </row>
        <row r="3609">
          <cell r="F3609">
            <v>75115</v>
          </cell>
          <cell r="AN3609" t="str">
            <v>MDO C&amp;M</v>
          </cell>
          <cell r="AO3609" t="str">
            <v>MDO INDIANA SOUTHWEST C&amp;M</v>
          </cell>
        </row>
        <row r="3610">
          <cell r="F3610">
            <v>75115</v>
          </cell>
          <cell r="AN3610" t="str">
            <v>MDO C&amp;M</v>
          </cell>
          <cell r="AO3610" t="str">
            <v>MDO INDIANA SOUTHWEST C&amp;M</v>
          </cell>
        </row>
        <row r="3611">
          <cell r="F3611">
            <v>75115</v>
          </cell>
          <cell r="AN3611" t="str">
            <v>MDO C&amp;M</v>
          </cell>
          <cell r="AO3611" t="str">
            <v>MDO INDIANA SOUTHWEST C&amp;M</v>
          </cell>
        </row>
        <row r="3612">
          <cell r="F3612">
            <v>75115</v>
          </cell>
          <cell r="AN3612" t="str">
            <v>MDO C&amp;M</v>
          </cell>
          <cell r="AO3612" t="str">
            <v>MDO INDIANA SOUTHWEST C&amp;M</v>
          </cell>
        </row>
        <row r="3613">
          <cell r="F3613">
            <v>75115</v>
          </cell>
          <cell r="AN3613" t="str">
            <v>MDO C&amp;M</v>
          </cell>
          <cell r="AO3613" t="str">
            <v>MDO INDIANA SOUTHWEST C&amp;M</v>
          </cell>
        </row>
        <row r="3614">
          <cell r="F3614">
            <v>75115</v>
          </cell>
          <cell r="AN3614" t="str">
            <v>MDO C&amp;M</v>
          </cell>
          <cell r="AO3614" t="str">
            <v>MDO INDIANA SOUTHEAST C&amp;M</v>
          </cell>
        </row>
        <row r="3615">
          <cell r="F3615">
            <v>75115</v>
          </cell>
          <cell r="AN3615" t="str">
            <v>MDO C&amp;M</v>
          </cell>
          <cell r="AO3615" t="str">
            <v>MDO INDIANA SOUTHWEST C&amp;M</v>
          </cell>
        </row>
        <row r="3616">
          <cell r="F3616">
            <v>75115</v>
          </cell>
          <cell r="AN3616" t="str">
            <v>MDO C&amp;M</v>
          </cell>
          <cell r="AO3616" t="str">
            <v>MDO INDIANA SOUTHWEST C&amp;M</v>
          </cell>
        </row>
        <row r="3617">
          <cell r="F3617">
            <v>75115</v>
          </cell>
          <cell r="AN3617" t="str">
            <v>MDO C&amp;M</v>
          </cell>
          <cell r="AO3617" t="str">
            <v>MDO INDIANA SOUTHWEST C&amp;M</v>
          </cell>
        </row>
        <row r="3618">
          <cell r="F3618">
            <v>75115</v>
          </cell>
          <cell r="AN3618" t="str">
            <v>MDO C&amp;M</v>
          </cell>
          <cell r="AO3618" t="str">
            <v>MDO INDIANA SOUTHWEST C&amp;M</v>
          </cell>
        </row>
        <row r="3619">
          <cell r="F3619">
            <v>75115</v>
          </cell>
          <cell r="AN3619" t="str">
            <v>MDO C&amp;M</v>
          </cell>
          <cell r="AO3619" t="str">
            <v>MDO INDIANA SOUTHWEST C&amp;M</v>
          </cell>
        </row>
        <row r="3620">
          <cell r="F3620">
            <v>75115</v>
          </cell>
          <cell r="AN3620" t="str">
            <v>MDO C&amp;M</v>
          </cell>
          <cell r="AO3620" t="str">
            <v>MDO INDIANA SOUTHEAST C&amp;M</v>
          </cell>
        </row>
        <row r="3621">
          <cell r="F3621">
            <v>75115</v>
          </cell>
          <cell r="AN3621" t="str">
            <v>MDO C&amp;M</v>
          </cell>
          <cell r="AO3621" t="str">
            <v>MDO INDIANA SOUTHEAST C&amp;M</v>
          </cell>
        </row>
        <row r="3622">
          <cell r="F3622">
            <v>75115</v>
          </cell>
          <cell r="AN3622" t="str">
            <v>MDO C&amp;M</v>
          </cell>
          <cell r="AO3622" t="str">
            <v>MDO INDIANA SOUTHEAST C&amp;M</v>
          </cell>
        </row>
        <row r="3623">
          <cell r="F3623">
            <v>75115</v>
          </cell>
          <cell r="AN3623" t="str">
            <v>MDO C&amp;M</v>
          </cell>
          <cell r="AO3623" t="str">
            <v>MDO INDIANA SOUTHEAST C&amp;M</v>
          </cell>
        </row>
        <row r="3624">
          <cell r="F3624">
            <v>75115</v>
          </cell>
          <cell r="AN3624" t="str">
            <v>MDO C&amp;M</v>
          </cell>
          <cell r="AO3624" t="str">
            <v>MDO INDIANA SOUTHEAST C&amp;M</v>
          </cell>
        </row>
        <row r="3625">
          <cell r="F3625">
            <v>75115</v>
          </cell>
          <cell r="AN3625" t="str">
            <v>MDO C&amp;M</v>
          </cell>
          <cell r="AO3625" t="str">
            <v>MDO INDIANA SOUTHEAST C&amp;M</v>
          </cell>
        </row>
        <row r="3626">
          <cell r="F3626">
            <v>75115</v>
          </cell>
          <cell r="AN3626" t="str">
            <v>MDO C&amp;M</v>
          </cell>
          <cell r="AO3626" t="str">
            <v>MDO INDIANA NORTH C&amp;M</v>
          </cell>
        </row>
        <row r="3627">
          <cell r="F3627">
            <v>75115</v>
          </cell>
          <cell r="AN3627" t="str">
            <v>MDO C&amp;M</v>
          </cell>
          <cell r="AO3627" t="str">
            <v>MDO INDIANA NORTH C&amp;M</v>
          </cell>
        </row>
        <row r="3628">
          <cell r="F3628">
            <v>75115</v>
          </cell>
          <cell r="AN3628" t="str">
            <v>MDO C&amp;M</v>
          </cell>
          <cell r="AO3628" t="str">
            <v>MDO INDIANA NORTH C&amp;M</v>
          </cell>
        </row>
        <row r="3629">
          <cell r="F3629">
            <v>75115</v>
          </cell>
          <cell r="AN3629" t="str">
            <v>MDO C&amp;M</v>
          </cell>
          <cell r="AO3629" t="str">
            <v>MDO INDIANA NORTH C&amp;M</v>
          </cell>
        </row>
        <row r="3630">
          <cell r="F3630">
            <v>75115</v>
          </cell>
          <cell r="AN3630" t="str">
            <v>MDO C&amp;M</v>
          </cell>
          <cell r="AO3630" t="str">
            <v>MDO INDIANA NORTH C&amp;M</v>
          </cell>
        </row>
        <row r="3631">
          <cell r="F3631">
            <v>75115</v>
          </cell>
          <cell r="AN3631" t="str">
            <v>MDO C&amp;M</v>
          </cell>
          <cell r="AO3631" t="str">
            <v>MDO INDIANA NORTH C&amp;M</v>
          </cell>
        </row>
        <row r="3632">
          <cell r="F3632">
            <v>75115</v>
          </cell>
          <cell r="AN3632" t="str">
            <v>MDO C&amp;M</v>
          </cell>
          <cell r="AO3632" t="str">
            <v>MDO INDIANA NORTH C&amp;M</v>
          </cell>
        </row>
        <row r="3633">
          <cell r="F3633">
            <v>75115</v>
          </cell>
          <cell r="AN3633" t="str">
            <v>MDO C&amp;M</v>
          </cell>
          <cell r="AO3633" t="str">
            <v>MDO INDIANA NORTH C&amp;M</v>
          </cell>
        </row>
        <row r="3634">
          <cell r="F3634">
            <v>75115</v>
          </cell>
          <cell r="AN3634" t="str">
            <v>MDO C&amp;M</v>
          </cell>
          <cell r="AO3634" t="str">
            <v>MDO INDIANA NORTH C&amp;M</v>
          </cell>
        </row>
        <row r="3635">
          <cell r="F3635">
            <v>75115</v>
          </cell>
          <cell r="AN3635" t="str">
            <v>MDO C&amp;M</v>
          </cell>
          <cell r="AO3635" t="str">
            <v>MDO INDIANA NORTH C&amp;M</v>
          </cell>
        </row>
        <row r="3636">
          <cell r="F3636">
            <v>75115</v>
          </cell>
          <cell r="AN3636" t="str">
            <v>MDO C&amp;M</v>
          </cell>
          <cell r="AO3636" t="str">
            <v>MDO INDIANA NORTH C&amp;M</v>
          </cell>
        </row>
        <row r="3637">
          <cell r="F3637">
            <v>75115</v>
          </cell>
          <cell r="AN3637" t="str">
            <v>MDO C&amp;M</v>
          </cell>
          <cell r="AO3637" t="str">
            <v>MDO INDIANA NORTH C&amp;M</v>
          </cell>
        </row>
        <row r="3638">
          <cell r="F3638">
            <v>75115</v>
          </cell>
          <cell r="AN3638" t="str">
            <v>MDO C&amp;M</v>
          </cell>
          <cell r="AO3638" t="str">
            <v>MDO INDIANA NORTH C&amp;M</v>
          </cell>
        </row>
        <row r="3639">
          <cell r="F3639">
            <v>75115</v>
          </cell>
          <cell r="AN3639" t="str">
            <v>MDO C&amp;M</v>
          </cell>
          <cell r="AO3639" t="str">
            <v>MDO INDIANA NORTH C&amp;M</v>
          </cell>
        </row>
        <row r="3640">
          <cell r="F3640">
            <v>75115</v>
          </cell>
          <cell r="AN3640" t="str">
            <v>MDO C&amp;M</v>
          </cell>
          <cell r="AO3640" t="str">
            <v>MDO INDIANA NORTH C&amp;M</v>
          </cell>
        </row>
        <row r="3641">
          <cell r="F3641">
            <v>75115</v>
          </cell>
          <cell r="AN3641" t="str">
            <v>MDO C&amp;M</v>
          </cell>
          <cell r="AO3641" t="str">
            <v>MDO INDIANA NORTH C&amp;M</v>
          </cell>
        </row>
        <row r="3642">
          <cell r="F3642">
            <v>75115</v>
          </cell>
          <cell r="AN3642" t="str">
            <v>MDO C&amp;M</v>
          </cell>
          <cell r="AO3642" t="str">
            <v>MDO INDIANA NORTH C&amp;M</v>
          </cell>
        </row>
        <row r="3643">
          <cell r="F3643">
            <v>75115</v>
          </cell>
          <cell r="AN3643" t="str">
            <v>MDO C&amp;M</v>
          </cell>
          <cell r="AO3643" t="str">
            <v>MDO INDIANA NORTH C&amp;M</v>
          </cell>
        </row>
        <row r="3644">
          <cell r="F3644">
            <v>75115</v>
          </cell>
          <cell r="AN3644" t="str">
            <v>MDO C&amp;M</v>
          </cell>
          <cell r="AO3644" t="str">
            <v>MDO INDIANA NORTH C&amp;M</v>
          </cell>
        </row>
        <row r="3645">
          <cell r="F3645">
            <v>75115</v>
          </cell>
          <cell r="AN3645" t="str">
            <v>MDO C&amp;M</v>
          </cell>
          <cell r="AO3645" t="str">
            <v>MDO INDIANA NORTH C&amp;M</v>
          </cell>
        </row>
        <row r="3646">
          <cell r="F3646">
            <v>75115</v>
          </cell>
          <cell r="AN3646" t="str">
            <v>MDO C&amp;M</v>
          </cell>
          <cell r="AO3646" t="str">
            <v>MDO INDIANA NORTH C&amp;M</v>
          </cell>
        </row>
        <row r="3647">
          <cell r="F3647">
            <v>75115</v>
          </cell>
          <cell r="AN3647" t="str">
            <v>MDO C&amp;M</v>
          </cell>
          <cell r="AO3647" t="str">
            <v>MDO INDIANA NORTH C&amp;M</v>
          </cell>
        </row>
        <row r="3648">
          <cell r="F3648">
            <v>75115</v>
          </cell>
          <cell r="AN3648" t="str">
            <v>MDO C&amp;M</v>
          </cell>
          <cell r="AO3648" t="str">
            <v>MDO INDIANA NORTH C&amp;M</v>
          </cell>
        </row>
        <row r="3649">
          <cell r="F3649">
            <v>75115</v>
          </cell>
          <cell r="AN3649" t="str">
            <v>MDO C&amp;M</v>
          </cell>
          <cell r="AO3649" t="str">
            <v>MDO INDIANA NORTH C&amp;M</v>
          </cell>
        </row>
        <row r="3650">
          <cell r="F3650">
            <v>75115</v>
          </cell>
          <cell r="AN3650" t="str">
            <v>MDO C&amp;M</v>
          </cell>
          <cell r="AO3650" t="str">
            <v>MDO INDIANA SOUTHEAST C&amp;M</v>
          </cell>
        </row>
        <row r="3651">
          <cell r="F3651">
            <v>75115</v>
          </cell>
          <cell r="AN3651" t="str">
            <v>MDO C&amp;M</v>
          </cell>
          <cell r="AO3651" t="str">
            <v>MDO INDIANA SOUTHEAST C&amp;M</v>
          </cell>
        </row>
        <row r="3652">
          <cell r="F3652">
            <v>75115</v>
          </cell>
          <cell r="AN3652" t="str">
            <v>MDO C&amp;M</v>
          </cell>
          <cell r="AO3652" t="str">
            <v>MDO INDIANA SOUTHEAST C&amp;M</v>
          </cell>
        </row>
        <row r="3653">
          <cell r="F3653">
            <v>75115</v>
          </cell>
          <cell r="AN3653" t="str">
            <v>MDO C&amp;M</v>
          </cell>
          <cell r="AO3653" t="str">
            <v>MDO INDIANA SOUTHEAST C&amp;M</v>
          </cell>
        </row>
        <row r="3654">
          <cell r="F3654">
            <v>75115</v>
          </cell>
          <cell r="AN3654" t="str">
            <v>MDO C&amp;M</v>
          </cell>
          <cell r="AO3654" t="str">
            <v>MDO INDIANA SOUTHEAST C&amp;M</v>
          </cell>
        </row>
        <row r="3655">
          <cell r="F3655">
            <v>75115</v>
          </cell>
          <cell r="AN3655" t="str">
            <v>MDO C&amp;M</v>
          </cell>
          <cell r="AO3655" t="str">
            <v>MDO INDIANA SOUTHEAST C&amp;M</v>
          </cell>
        </row>
        <row r="3656">
          <cell r="F3656">
            <v>75115</v>
          </cell>
          <cell r="AN3656" t="str">
            <v>MDO C&amp;M</v>
          </cell>
          <cell r="AO3656" t="str">
            <v>MDO INDIANA SOUTHEAST C&amp;M</v>
          </cell>
        </row>
        <row r="3657">
          <cell r="F3657">
            <v>75115</v>
          </cell>
          <cell r="AN3657" t="str">
            <v>MDO C&amp;M</v>
          </cell>
          <cell r="AO3657" t="str">
            <v>MDO INDIANA SOUTHEAST C&amp;M</v>
          </cell>
        </row>
        <row r="3658">
          <cell r="F3658">
            <v>75115</v>
          </cell>
          <cell r="AN3658" t="str">
            <v>MDO C&amp;M</v>
          </cell>
          <cell r="AO3658" t="str">
            <v>MDO INDIANA SOUTHEAST C&amp;M</v>
          </cell>
        </row>
        <row r="3659">
          <cell r="F3659">
            <v>75115</v>
          </cell>
          <cell r="AN3659" t="str">
            <v>MDO C&amp;M</v>
          </cell>
          <cell r="AO3659" t="str">
            <v>MDO INDIANA SOUTHEAST C&amp;M</v>
          </cell>
        </row>
        <row r="3660">
          <cell r="F3660">
            <v>75115</v>
          </cell>
          <cell r="AN3660" t="str">
            <v>MDO C&amp;M</v>
          </cell>
          <cell r="AO3660" t="str">
            <v>MDO INDIANA SOUTHEAST C&amp;M</v>
          </cell>
        </row>
        <row r="3661">
          <cell r="F3661">
            <v>75115</v>
          </cell>
          <cell r="AN3661" t="str">
            <v>MDO C&amp;M</v>
          </cell>
          <cell r="AO3661" t="str">
            <v>MDO INDIANA SOUTHEAST C&amp;M</v>
          </cell>
        </row>
        <row r="3662">
          <cell r="F3662">
            <v>75115</v>
          </cell>
          <cell r="AN3662" t="str">
            <v>MDO C&amp;M</v>
          </cell>
          <cell r="AO3662" t="str">
            <v>MDO INDIANA SOUTHEAST C&amp;M</v>
          </cell>
        </row>
        <row r="3663">
          <cell r="F3663">
            <v>75115</v>
          </cell>
          <cell r="AN3663" t="str">
            <v>MDO C&amp;M</v>
          </cell>
          <cell r="AO3663" t="str">
            <v>MDO INDIANA SOUTHEAST C&amp;M</v>
          </cell>
        </row>
        <row r="3664">
          <cell r="F3664">
            <v>75115</v>
          </cell>
          <cell r="AN3664" t="str">
            <v>MDO C&amp;M</v>
          </cell>
          <cell r="AO3664" t="str">
            <v>MDO INDIANA SOUTHEAST C&amp;M</v>
          </cell>
        </row>
        <row r="3665">
          <cell r="F3665">
            <v>75115</v>
          </cell>
          <cell r="AN3665" t="str">
            <v>MDO C&amp;M</v>
          </cell>
          <cell r="AO3665" t="str">
            <v>MDO INDIANA SOUTHEAST C&amp;M</v>
          </cell>
        </row>
        <row r="3666">
          <cell r="F3666">
            <v>75115</v>
          </cell>
          <cell r="AN3666" t="str">
            <v>MDO C&amp;M</v>
          </cell>
          <cell r="AO3666" t="str">
            <v>MDO INDIANA SOUTHEAST C&amp;M</v>
          </cell>
        </row>
        <row r="3667">
          <cell r="F3667">
            <v>75115</v>
          </cell>
          <cell r="AN3667" t="str">
            <v>MDO C&amp;M</v>
          </cell>
          <cell r="AO3667" t="str">
            <v>MDO INDIANA SOUTHEAST C&amp;M</v>
          </cell>
        </row>
        <row r="3668">
          <cell r="F3668">
            <v>75115</v>
          </cell>
          <cell r="AN3668" t="str">
            <v>MDO C&amp;M</v>
          </cell>
          <cell r="AO3668" t="str">
            <v>MDO INDIANA SOUTHEAST C&amp;M</v>
          </cell>
        </row>
        <row r="3669">
          <cell r="F3669">
            <v>75115</v>
          </cell>
          <cell r="AN3669" t="str">
            <v>MDO C&amp;M</v>
          </cell>
          <cell r="AO3669" t="str">
            <v>MDO INDIANA SOUTHEAST C&amp;M</v>
          </cell>
        </row>
        <row r="3670">
          <cell r="F3670">
            <v>75115</v>
          </cell>
          <cell r="AN3670" t="str">
            <v>MDO C&amp;M</v>
          </cell>
          <cell r="AO3670" t="str">
            <v>MDO INDIANA SOUTHEAST C&amp;M</v>
          </cell>
        </row>
        <row r="3671">
          <cell r="F3671">
            <v>75115</v>
          </cell>
          <cell r="AN3671" t="str">
            <v>MDO C&amp;M</v>
          </cell>
          <cell r="AO3671" t="str">
            <v>MDO INDIANA SOUTHWEST C&amp;M</v>
          </cell>
        </row>
        <row r="3672">
          <cell r="F3672">
            <v>75115</v>
          </cell>
          <cell r="AN3672" t="str">
            <v>MDO C&amp;M</v>
          </cell>
          <cell r="AO3672" t="str">
            <v>MDO INDIANA SOUTHWEST C&amp;M</v>
          </cell>
        </row>
        <row r="3673">
          <cell r="F3673">
            <v>75115</v>
          </cell>
          <cell r="AN3673" t="str">
            <v>MDO C&amp;M</v>
          </cell>
          <cell r="AO3673" t="str">
            <v>MDO INDIANA SOUTHWEST C&amp;M</v>
          </cell>
        </row>
        <row r="3674">
          <cell r="F3674">
            <v>75115</v>
          </cell>
          <cell r="AN3674" t="str">
            <v>MDO C&amp;M</v>
          </cell>
          <cell r="AO3674" t="str">
            <v>MDO INDIANA SOUTHWEST C&amp;M</v>
          </cell>
        </row>
        <row r="3675">
          <cell r="F3675">
            <v>75115</v>
          </cell>
          <cell r="AN3675" t="str">
            <v>MDO C&amp;M</v>
          </cell>
          <cell r="AO3675" t="str">
            <v>MDO INDIANA SOUTHWEST C&amp;M</v>
          </cell>
        </row>
        <row r="3676">
          <cell r="F3676">
            <v>75115</v>
          </cell>
          <cell r="AN3676" t="str">
            <v>MDO C&amp;M</v>
          </cell>
          <cell r="AO3676" t="str">
            <v>MDO INDIANA SOUTHWEST C&amp;M</v>
          </cell>
        </row>
        <row r="3677">
          <cell r="F3677">
            <v>75115</v>
          </cell>
          <cell r="AN3677" t="str">
            <v>MDO C&amp;M</v>
          </cell>
          <cell r="AO3677" t="str">
            <v>MDO INDIANA SOUTHWEST C&amp;M</v>
          </cell>
        </row>
        <row r="3678">
          <cell r="F3678">
            <v>75115</v>
          </cell>
          <cell r="AN3678" t="str">
            <v>MDO C&amp;M</v>
          </cell>
          <cell r="AO3678" t="str">
            <v>MDO INDIANA SOUTHWEST C&amp;M</v>
          </cell>
        </row>
        <row r="3679">
          <cell r="F3679">
            <v>75115</v>
          </cell>
          <cell r="AN3679" t="str">
            <v>MDO C&amp;M</v>
          </cell>
          <cell r="AO3679" t="str">
            <v>MDO INDIANA SOUTHWEST C&amp;M</v>
          </cell>
        </row>
        <row r="3680">
          <cell r="F3680">
            <v>75115</v>
          </cell>
          <cell r="AN3680" t="str">
            <v>MDO C&amp;M</v>
          </cell>
          <cell r="AO3680" t="str">
            <v>MDO INDIANA SOUTHWEST C&amp;M</v>
          </cell>
        </row>
        <row r="3681">
          <cell r="F3681">
            <v>75115</v>
          </cell>
          <cell r="AN3681" t="str">
            <v>MDO C&amp;M</v>
          </cell>
          <cell r="AO3681" t="str">
            <v>MDO INDIANA SOUTHWEST C&amp;M</v>
          </cell>
        </row>
        <row r="3682">
          <cell r="F3682">
            <v>75115</v>
          </cell>
          <cell r="AN3682" t="str">
            <v>MDO C&amp;M</v>
          </cell>
          <cell r="AO3682" t="str">
            <v>MDO INDIANA SOUTHWEST C&amp;M</v>
          </cell>
        </row>
        <row r="3683">
          <cell r="F3683">
            <v>75115</v>
          </cell>
          <cell r="AN3683" t="str">
            <v>MDO C&amp;M</v>
          </cell>
          <cell r="AO3683" t="str">
            <v>MDO INDIANA SOUTHWEST C&amp;M</v>
          </cell>
        </row>
        <row r="3684">
          <cell r="F3684">
            <v>75115</v>
          </cell>
          <cell r="AN3684" t="str">
            <v>MDO C&amp;M</v>
          </cell>
          <cell r="AO3684" t="str">
            <v>MDO INDIANA SOUTHWEST C&amp;M</v>
          </cell>
        </row>
        <row r="3685">
          <cell r="F3685">
            <v>75115</v>
          </cell>
          <cell r="AN3685" t="str">
            <v>MDO C&amp;M</v>
          </cell>
          <cell r="AO3685" t="str">
            <v>MDO INDIANA SOUTHWEST C&amp;M</v>
          </cell>
        </row>
        <row r="3686">
          <cell r="F3686">
            <v>75115</v>
          </cell>
          <cell r="AN3686" t="str">
            <v>MDO C&amp;M</v>
          </cell>
          <cell r="AO3686" t="str">
            <v>MDO INDIANA SOUTHWEST C&amp;M</v>
          </cell>
        </row>
        <row r="3687">
          <cell r="F3687">
            <v>75115</v>
          </cell>
          <cell r="AN3687" t="str">
            <v>MDO C&amp;M</v>
          </cell>
          <cell r="AO3687" t="str">
            <v>MDO INDIANA SOUTHWEST C&amp;M</v>
          </cell>
        </row>
        <row r="3688">
          <cell r="F3688">
            <v>75115</v>
          </cell>
          <cell r="AN3688" t="str">
            <v>MDO C&amp;M</v>
          </cell>
          <cell r="AO3688" t="str">
            <v>MDO INDIANA SOUTHWEST C&amp;M</v>
          </cell>
        </row>
        <row r="3689">
          <cell r="F3689">
            <v>75115</v>
          </cell>
          <cell r="AN3689" t="str">
            <v>MDO C&amp;M</v>
          </cell>
          <cell r="AO3689" t="str">
            <v>MDO INDIANA SOUTHWEST C&amp;M</v>
          </cell>
        </row>
        <row r="3690">
          <cell r="F3690">
            <v>75115</v>
          </cell>
          <cell r="AN3690" t="str">
            <v>MDO C&amp;M</v>
          </cell>
          <cell r="AO3690" t="str">
            <v>MDO INDIANA SOUTHEAST C&amp;M</v>
          </cell>
        </row>
        <row r="3691">
          <cell r="F3691">
            <v>75115</v>
          </cell>
          <cell r="AN3691" t="str">
            <v>MDO C&amp;M</v>
          </cell>
          <cell r="AO3691" t="str">
            <v>MDO INDIANA SOUTHWEST C&amp;M</v>
          </cell>
        </row>
        <row r="3692">
          <cell r="F3692">
            <v>75115</v>
          </cell>
          <cell r="AN3692" t="str">
            <v>MDO C&amp;M</v>
          </cell>
          <cell r="AO3692" t="str">
            <v>MDO INDIANA SOUTHWEST C&amp;M</v>
          </cell>
        </row>
        <row r="3693">
          <cell r="F3693">
            <v>75115</v>
          </cell>
          <cell r="AN3693" t="str">
            <v>MDO C&amp;M</v>
          </cell>
          <cell r="AO3693" t="str">
            <v>MDO INDIANA SOUTHWEST C&amp;M</v>
          </cell>
        </row>
        <row r="3694">
          <cell r="F3694">
            <v>75115</v>
          </cell>
          <cell r="AN3694" t="str">
            <v>MDO C&amp;M</v>
          </cell>
          <cell r="AO3694" t="str">
            <v>MDO INDIANA SOUTHWEST C&amp;M</v>
          </cell>
        </row>
        <row r="3695">
          <cell r="F3695">
            <v>75115</v>
          </cell>
          <cell r="AN3695" t="str">
            <v>MDO C&amp;M</v>
          </cell>
          <cell r="AO3695" t="str">
            <v>MDO INDIANA SOUTHWEST C&amp;M</v>
          </cell>
        </row>
        <row r="3696">
          <cell r="F3696">
            <v>75115</v>
          </cell>
          <cell r="AN3696" t="str">
            <v>MDO C&amp;M</v>
          </cell>
          <cell r="AO3696" t="str">
            <v>MDO INDIANA SOUTHWEST C&amp;M</v>
          </cell>
        </row>
        <row r="3697">
          <cell r="F3697">
            <v>75115</v>
          </cell>
          <cell r="AN3697" t="str">
            <v>MDO C&amp;M</v>
          </cell>
          <cell r="AO3697" t="str">
            <v>MDO INDIANA SOUTHWEST C&amp;M</v>
          </cell>
        </row>
        <row r="3698">
          <cell r="F3698">
            <v>75115</v>
          </cell>
          <cell r="AN3698" t="str">
            <v>MDO C&amp;M</v>
          </cell>
          <cell r="AO3698" t="str">
            <v>MDO INDIANA SOUTHWEST C&amp;M</v>
          </cell>
        </row>
        <row r="3699">
          <cell r="F3699">
            <v>75115</v>
          </cell>
          <cell r="AN3699" t="str">
            <v>MDO C&amp;M</v>
          </cell>
          <cell r="AO3699" t="str">
            <v>MDO INDIANA SOUTHWEST C&amp;M</v>
          </cell>
        </row>
        <row r="3700">
          <cell r="F3700">
            <v>75115</v>
          </cell>
          <cell r="AN3700" t="str">
            <v>MDO C&amp;M</v>
          </cell>
          <cell r="AO3700" t="str">
            <v>MDO INDIANA SOUTHWEST C&amp;M</v>
          </cell>
        </row>
        <row r="3701">
          <cell r="F3701">
            <v>75115</v>
          </cell>
          <cell r="AN3701" t="str">
            <v>MDO C&amp;M</v>
          </cell>
          <cell r="AO3701" t="str">
            <v>MDO INDIANA SOUTHWEST C&amp;M</v>
          </cell>
        </row>
        <row r="3702">
          <cell r="F3702">
            <v>75115</v>
          </cell>
          <cell r="AN3702" t="str">
            <v>MDO C&amp;M</v>
          </cell>
          <cell r="AO3702" t="str">
            <v>MDO INDIANA SOUTHWEST C&amp;M</v>
          </cell>
        </row>
        <row r="3703">
          <cell r="F3703">
            <v>75115</v>
          </cell>
          <cell r="AN3703" t="str">
            <v>MDO C&amp;M</v>
          </cell>
          <cell r="AO3703" t="str">
            <v>MDO INDIANA SOUTHWEST C&amp;M</v>
          </cell>
        </row>
        <row r="3704">
          <cell r="F3704">
            <v>75115</v>
          </cell>
          <cell r="AN3704" t="str">
            <v>MDO C&amp;M</v>
          </cell>
          <cell r="AO3704" t="str">
            <v>MDO INDIANA SOUTHWEST C&amp;M</v>
          </cell>
        </row>
        <row r="3705">
          <cell r="F3705">
            <v>75115</v>
          </cell>
          <cell r="AN3705" t="str">
            <v>MDO C&amp;M</v>
          </cell>
          <cell r="AO3705" t="str">
            <v>MDO INDIANA SOUTHWEST C&amp;M</v>
          </cell>
        </row>
        <row r="3706">
          <cell r="F3706">
            <v>75115</v>
          </cell>
          <cell r="AN3706" t="str">
            <v>MDO C&amp;M</v>
          </cell>
          <cell r="AO3706" t="str">
            <v>MDO INDIANA SOUTHWEST C&amp;M</v>
          </cell>
        </row>
        <row r="3707">
          <cell r="F3707">
            <v>75023</v>
          </cell>
          <cell r="AN3707" t="str">
            <v>MDO C&amp;M</v>
          </cell>
          <cell r="AO3707" t="str">
            <v>MDO OH/KEN C&amp;M</v>
          </cell>
        </row>
        <row r="3708">
          <cell r="F3708">
            <v>75023</v>
          </cell>
          <cell r="AN3708" t="str">
            <v>MDO C&amp;M</v>
          </cell>
          <cell r="AO3708" t="str">
            <v>MDO OH/KEN C&amp;M</v>
          </cell>
        </row>
        <row r="3709">
          <cell r="F3709">
            <v>75023</v>
          </cell>
          <cell r="AN3709" t="str">
            <v>MDO C&amp;M</v>
          </cell>
          <cell r="AO3709" t="str">
            <v>MDO OH/KEN C&amp;M</v>
          </cell>
        </row>
        <row r="3710">
          <cell r="F3710">
            <v>75023</v>
          </cell>
          <cell r="AN3710" t="str">
            <v>MDO C&amp;M</v>
          </cell>
          <cell r="AO3710" t="str">
            <v>MDO OH/KEN C&amp;M</v>
          </cell>
        </row>
        <row r="3711">
          <cell r="F3711">
            <v>75023</v>
          </cell>
          <cell r="AN3711" t="str">
            <v>MDO C&amp;M</v>
          </cell>
          <cell r="AO3711" t="str">
            <v>MDO OH/KEN C&amp;M</v>
          </cell>
        </row>
        <row r="3712">
          <cell r="F3712">
            <v>75023</v>
          </cell>
          <cell r="AN3712" t="str">
            <v>MDO C&amp;M</v>
          </cell>
          <cell r="AO3712" t="str">
            <v>MDO OH/KEN C&amp;M</v>
          </cell>
        </row>
        <row r="3713">
          <cell r="F3713">
            <v>75023</v>
          </cell>
          <cell r="AN3713" t="str">
            <v>MDO C&amp;M</v>
          </cell>
          <cell r="AO3713" t="str">
            <v>MDO OH/KEN C&amp;M</v>
          </cell>
        </row>
        <row r="3714">
          <cell r="F3714">
            <v>75023</v>
          </cell>
          <cell r="AN3714" t="str">
            <v>MDO C&amp;M</v>
          </cell>
          <cell r="AO3714" t="str">
            <v>MDO OH/KEN C&amp;M</v>
          </cell>
        </row>
        <row r="3715">
          <cell r="F3715">
            <v>75023</v>
          </cell>
          <cell r="AN3715" t="str">
            <v>MDO C&amp;M</v>
          </cell>
          <cell r="AO3715" t="str">
            <v>MDO OH/KEN C&amp;M</v>
          </cell>
        </row>
        <row r="3716">
          <cell r="F3716">
            <v>75023</v>
          </cell>
          <cell r="AN3716" t="str">
            <v>MDO C&amp;M</v>
          </cell>
          <cell r="AO3716" t="str">
            <v>MDO OH/KEN C&amp;M</v>
          </cell>
        </row>
        <row r="3717">
          <cell r="F3717">
            <v>75023</v>
          </cell>
          <cell r="AN3717" t="str">
            <v>MDO C&amp;M</v>
          </cell>
          <cell r="AO3717" t="str">
            <v>MDO OH/KEN C&amp;M</v>
          </cell>
        </row>
        <row r="3718">
          <cell r="F3718">
            <v>75023</v>
          </cell>
          <cell r="AN3718" t="str">
            <v>MDO C&amp;M</v>
          </cell>
          <cell r="AO3718" t="str">
            <v>MDO OH/KEN C&amp;M</v>
          </cell>
        </row>
        <row r="3719">
          <cell r="F3719">
            <v>75023</v>
          </cell>
          <cell r="AN3719" t="str">
            <v>MDO C&amp;M</v>
          </cell>
          <cell r="AO3719" t="str">
            <v>MDO OH/KEN C&amp;M</v>
          </cell>
        </row>
        <row r="3720">
          <cell r="F3720">
            <v>75023</v>
          </cell>
          <cell r="AN3720" t="str">
            <v>MDO C&amp;M</v>
          </cell>
          <cell r="AO3720" t="str">
            <v>MDO OH/KEN C&amp;M</v>
          </cell>
        </row>
        <row r="3721">
          <cell r="F3721">
            <v>75023</v>
          </cell>
          <cell r="AN3721" t="str">
            <v>MDO C&amp;M</v>
          </cell>
          <cell r="AO3721" t="str">
            <v>MDO OH/KEN C&amp;M</v>
          </cell>
        </row>
        <row r="3722">
          <cell r="F3722">
            <v>75023</v>
          </cell>
          <cell r="AN3722" t="str">
            <v>MDO C&amp;M</v>
          </cell>
          <cell r="AO3722" t="str">
            <v>MDO OH/KEN C&amp;M</v>
          </cell>
        </row>
        <row r="3723">
          <cell r="F3723">
            <v>75023</v>
          </cell>
          <cell r="AN3723" t="str">
            <v>MDO C&amp;M</v>
          </cell>
          <cell r="AO3723" t="str">
            <v>MDO OH/KEN C&amp;M</v>
          </cell>
        </row>
        <row r="3724">
          <cell r="F3724">
            <v>75023</v>
          </cell>
          <cell r="AN3724" t="str">
            <v>MDO C&amp;M</v>
          </cell>
          <cell r="AO3724" t="str">
            <v>MDO OH/KEN C&amp;M</v>
          </cell>
        </row>
        <row r="3725">
          <cell r="F3725">
            <v>75023</v>
          </cell>
          <cell r="AN3725" t="str">
            <v>MDO C&amp;M</v>
          </cell>
          <cell r="AO3725" t="str">
            <v>MDO OH/KEN C&amp;M</v>
          </cell>
        </row>
        <row r="3726">
          <cell r="F3726">
            <v>75023</v>
          </cell>
          <cell r="AN3726" t="str">
            <v>MDO C&amp;M</v>
          </cell>
          <cell r="AO3726" t="str">
            <v>MDO OH/KEN C&amp;M</v>
          </cell>
        </row>
        <row r="3727">
          <cell r="F3727">
            <v>75023</v>
          </cell>
          <cell r="AN3727" t="str">
            <v>MDO C&amp;M</v>
          </cell>
          <cell r="AO3727" t="str">
            <v>MDO OH/KEN C&amp;M</v>
          </cell>
        </row>
        <row r="3728">
          <cell r="F3728">
            <v>75023</v>
          </cell>
          <cell r="AN3728" t="str">
            <v>MDO C&amp;M</v>
          </cell>
          <cell r="AO3728" t="str">
            <v>MDO OH/KEN C&amp;M</v>
          </cell>
        </row>
        <row r="3729">
          <cell r="F3729">
            <v>75023</v>
          </cell>
          <cell r="AN3729" t="str">
            <v>MDO C&amp;M</v>
          </cell>
          <cell r="AO3729" t="str">
            <v>MDO OH/KEN C&amp;M</v>
          </cell>
        </row>
        <row r="3730">
          <cell r="F3730">
            <v>75023</v>
          </cell>
          <cell r="AN3730" t="str">
            <v>MDO C&amp;M</v>
          </cell>
          <cell r="AO3730" t="str">
            <v>MDO OH/KEN C&amp;M</v>
          </cell>
        </row>
        <row r="3731">
          <cell r="F3731">
            <v>75023</v>
          </cell>
          <cell r="AN3731" t="str">
            <v>MDO C&amp;M</v>
          </cell>
          <cell r="AO3731" t="str">
            <v>MDO OH/KEN C&amp;M</v>
          </cell>
        </row>
        <row r="3732">
          <cell r="F3732">
            <v>75023</v>
          </cell>
          <cell r="AN3732" t="str">
            <v>MDO C&amp;M</v>
          </cell>
          <cell r="AO3732" t="str">
            <v>MDO OH/KEN C&amp;M</v>
          </cell>
        </row>
        <row r="3733">
          <cell r="F3733">
            <v>75023</v>
          </cell>
          <cell r="AN3733" t="str">
            <v>MDO C&amp;M</v>
          </cell>
          <cell r="AO3733" t="str">
            <v>MDO OH/KEN C&amp;M</v>
          </cell>
        </row>
        <row r="3734">
          <cell r="F3734">
            <v>75023</v>
          </cell>
          <cell r="AN3734" t="str">
            <v>MDO C&amp;M</v>
          </cell>
          <cell r="AO3734" t="str">
            <v>MDO OH/KEN C&amp;M</v>
          </cell>
        </row>
        <row r="3735">
          <cell r="F3735">
            <v>75023</v>
          </cell>
          <cell r="AN3735" t="str">
            <v>MDO C&amp;M</v>
          </cell>
          <cell r="AO3735" t="str">
            <v>MDO OH/KEN C&amp;M</v>
          </cell>
        </row>
        <row r="3736">
          <cell r="F3736">
            <v>75023</v>
          </cell>
          <cell r="AN3736" t="str">
            <v>MDO C&amp;M</v>
          </cell>
          <cell r="AO3736" t="str">
            <v>MDO OH/KEN C&amp;M</v>
          </cell>
        </row>
        <row r="3737">
          <cell r="F3737">
            <v>75023</v>
          </cell>
          <cell r="AN3737" t="str">
            <v>MDO C&amp;M</v>
          </cell>
          <cell r="AO3737" t="str">
            <v>MDO OH/KEN C&amp;M</v>
          </cell>
        </row>
        <row r="3738">
          <cell r="F3738">
            <v>75023</v>
          </cell>
          <cell r="AN3738" t="str">
            <v>MDO C&amp;M</v>
          </cell>
          <cell r="AO3738" t="str">
            <v>MDO OH/KEN C&amp;M</v>
          </cell>
        </row>
        <row r="3739">
          <cell r="F3739">
            <v>75023</v>
          </cell>
          <cell r="AN3739" t="str">
            <v>MDO C&amp;M</v>
          </cell>
          <cell r="AO3739" t="str">
            <v>MDO OH/KEN C&amp;M</v>
          </cell>
        </row>
        <row r="3740">
          <cell r="F3740">
            <v>75023</v>
          </cell>
          <cell r="AN3740" t="str">
            <v>MDO C&amp;M</v>
          </cell>
          <cell r="AO3740" t="str">
            <v>MDO OH/KEN C&amp;M</v>
          </cell>
        </row>
        <row r="3741">
          <cell r="F3741">
            <v>75023</v>
          </cell>
          <cell r="AN3741" t="str">
            <v>MDO C&amp;M</v>
          </cell>
          <cell r="AO3741" t="str">
            <v>MDO OH/KEN C&amp;M</v>
          </cell>
        </row>
        <row r="3742">
          <cell r="F3742">
            <v>75023</v>
          </cell>
          <cell r="AN3742" t="str">
            <v>MDO C&amp;M</v>
          </cell>
          <cell r="AO3742" t="str">
            <v>MDO OH/KEN C&amp;M</v>
          </cell>
        </row>
        <row r="3743">
          <cell r="F3743">
            <v>75023</v>
          </cell>
          <cell r="AN3743" t="str">
            <v>MDO C&amp;M</v>
          </cell>
          <cell r="AO3743" t="str">
            <v>MDO OH/KEN C&amp;M</v>
          </cell>
        </row>
        <row r="3744">
          <cell r="F3744">
            <v>75023</v>
          </cell>
          <cell r="AN3744" t="str">
            <v>MDO C&amp;M</v>
          </cell>
          <cell r="AO3744" t="str">
            <v>MDO OH/KEN C&amp;M</v>
          </cell>
        </row>
        <row r="3745">
          <cell r="F3745">
            <v>75023</v>
          </cell>
          <cell r="AN3745" t="str">
            <v>MDO C&amp;M</v>
          </cell>
          <cell r="AO3745" t="str">
            <v>MDO OH/KEN C&amp;M</v>
          </cell>
        </row>
        <row r="3746">
          <cell r="F3746">
            <v>75023</v>
          </cell>
          <cell r="AN3746" t="str">
            <v>MDO C&amp;M</v>
          </cell>
          <cell r="AO3746" t="str">
            <v>MDO OH/KEN C&amp;M</v>
          </cell>
        </row>
        <row r="3747">
          <cell r="F3747">
            <v>75023</v>
          </cell>
          <cell r="AN3747" t="str">
            <v>MDO C&amp;M</v>
          </cell>
          <cell r="AO3747" t="str">
            <v>MDO OH/KEN C&amp;M</v>
          </cell>
        </row>
        <row r="3748">
          <cell r="F3748">
            <v>75023</v>
          </cell>
          <cell r="AN3748" t="str">
            <v>MDO C&amp;M</v>
          </cell>
          <cell r="AO3748" t="str">
            <v>MDO OH/KEN C&amp;M</v>
          </cell>
        </row>
        <row r="3749">
          <cell r="F3749">
            <v>75023</v>
          </cell>
          <cell r="AN3749" t="str">
            <v>MDO C&amp;M</v>
          </cell>
          <cell r="AO3749" t="str">
            <v>MDO OH/KEN C&amp;M</v>
          </cell>
        </row>
        <row r="3750">
          <cell r="F3750">
            <v>75023</v>
          </cell>
          <cell r="AN3750" t="str">
            <v>MDO C&amp;M</v>
          </cell>
          <cell r="AO3750" t="str">
            <v>MDO OH/KEN C&amp;M</v>
          </cell>
        </row>
        <row r="3751">
          <cell r="F3751">
            <v>75023</v>
          </cell>
          <cell r="AN3751" t="str">
            <v>MDO C&amp;M</v>
          </cell>
          <cell r="AO3751" t="str">
            <v>MDO OH/KEN C&amp;M</v>
          </cell>
        </row>
        <row r="3752">
          <cell r="F3752">
            <v>75023</v>
          </cell>
          <cell r="AN3752" t="str">
            <v>MDO C&amp;M</v>
          </cell>
          <cell r="AO3752" t="str">
            <v>MDO OH/KEN C&amp;M</v>
          </cell>
        </row>
        <row r="3753">
          <cell r="F3753">
            <v>75023</v>
          </cell>
          <cell r="AN3753" t="str">
            <v>MDO C&amp;M</v>
          </cell>
          <cell r="AO3753" t="str">
            <v>MDO OH/KEN C&amp;M</v>
          </cell>
        </row>
        <row r="3754">
          <cell r="F3754">
            <v>75023</v>
          </cell>
          <cell r="AN3754" t="str">
            <v>MDO C&amp;M</v>
          </cell>
          <cell r="AO3754" t="str">
            <v>MDO OH/KEN C&amp;M</v>
          </cell>
        </row>
        <row r="3755">
          <cell r="F3755">
            <v>75023</v>
          </cell>
          <cell r="AN3755" t="str">
            <v>MDO C&amp;M</v>
          </cell>
          <cell r="AO3755" t="str">
            <v>MDO OH/KEN C&amp;M</v>
          </cell>
        </row>
        <row r="3756">
          <cell r="F3756">
            <v>75023</v>
          </cell>
          <cell r="AN3756" t="str">
            <v>MDO C&amp;M</v>
          </cell>
          <cell r="AO3756" t="str">
            <v>MDO OH/KEN C&amp;M</v>
          </cell>
        </row>
        <row r="3757">
          <cell r="F3757">
            <v>75023</v>
          </cell>
          <cell r="AN3757" t="str">
            <v>MDO C&amp;M</v>
          </cell>
          <cell r="AO3757" t="str">
            <v>MDO OH/KEN C&amp;M</v>
          </cell>
        </row>
        <row r="3758">
          <cell r="F3758">
            <v>75023</v>
          </cell>
          <cell r="AN3758" t="str">
            <v>MDO C&amp;M</v>
          </cell>
          <cell r="AO3758" t="str">
            <v>MDO OH/KEN C&amp;M</v>
          </cell>
        </row>
        <row r="3759">
          <cell r="F3759">
            <v>75023</v>
          </cell>
          <cell r="AN3759" t="str">
            <v>MDO C&amp;M</v>
          </cell>
          <cell r="AO3759" t="str">
            <v>MDO OH/KEN C&amp;M</v>
          </cell>
        </row>
        <row r="3760">
          <cell r="F3760">
            <v>75023</v>
          </cell>
          <cell r="AN3760" t="str">
            <v>MDO C&amp;M</v>
          </cell>
          <cell r="AO3760" t="str">
            <v>MDO OH/KEN C&amp;M</v>
          </cell>
        </row>
        <row r="3761">
          <cell r="F3761">
            <v>75023</v>
          </cell>
          <cell r="AN3761" t="str">
            <v>MDO C&amp;M</v>
          </cell>
          <cell r="AO3761" t="str">
            <v>MDO OH/KEN C&amp;M</v>
          </cell>
        </row>
        <row r="3762">
          <cell r="F3762">
            <v>75023</v>
          </cell>
          <cell r="AN3762" t="str">
            <v>MDO C&amp;M</v>
          </cell>
          <cell r="AO3762" t="str">
            <v>MDO OH/KEN C&amp;M</v>
          </cell>
        </row>
        <row r="3763">
          <cell r="F3763">
            <v>75023</v>
          </cell>
          <cell r="AN3763" t="str">
            <v>MDO C&amp;M</v>
          </cell>
          <cell r="AO3763" t="str">
            <v>MDO OH/KEN C&amp;M</v>
          </cell>
        </row>
        <row r="3764">
          <cell r="F3764">
            <v>75023</v>
          </cell>
          <cell r="AN3764" t="str">
            <v>MDO C&amp;M</v>
          </cell>
          <cell r="AO3764" t="str">
            <v>MDO OH/KEN C&amp;M</v>
          </cell>
        </row>
        <row r="3765">
          <cell r="F3765">
            <v>75023</v>
          </cell>
          <cell r="AN3765" t="str">
            <v>MDO C&amp;M</v>
          </cell>
          <cell r="AO3765" t="str">
            <v>MDO OH/KEN C&amp;M</v>
          </cell>
        </row>
        <row r="3766">
          <cell r="F3766">
            <v>75023</v>
          </cell>
          <cell r="AN3766" t="str">
            <v>MDO C&amp;M</v>
          </cell>
          <cell r="AO3766" t="str">
            <v>MDO OH/KEN C&amp;M</v>
          </cell>
        </row>
        <row r="3767">
          <cell r="F3767">
            <v>75023</v>
          </cell>
          <cell r="AN3767" t="str">
            <v>MDO C&amp;M</v>
          </cell>
          <cell r="AO3767" t="str">
            <v>MDO OH/KEN C&amp;M</v>
          </cell>
        </row>
        <row r="3768">
          <cell r="F3768">
            <v>75023</v>
          </cell>
          <cell r="AN3768" t="str">
            <v>MDO C&amp;M</v>
          </cell>
          <cell r="AO3768" t="str">
            <v>MDO OH/KEN C&amp;M</v>
          </cell>
        </row>
        <row r="3769">
          <cell r="F3769">
            <v>75084</v>
          </cell>
          <cell r="AN3769" t="str">
            <v>MDO C&amp;M</v>
          </cell>
          <cell r="AO3769" t="str">
            <v>MDO OH/KEN C&amp;M</v>
          </cell>
        </row>
        <row r="3770">
          <cell r="F3770">
            <v>75084</v>
          </cell>
          <cell r="AN3770" t="str">
            <v>MDO C&amp;M</v>
          </cell>
          <cell r="AO3770" t="str">
            <v>MDO OH/KEN C&amp;M</v>
          </cell>
        </row>
        <row r="3771">
          <cell r="F3771">
            <v>75084</v>
          </cell>
          <cell r="AN3771" t="str">
            <v>MDO C&amp;M</v>
          </cell>
          <cell r="AO3771" t="str">
            <v>MDO OH/KEN C&amp;M</v>
          </cell>
        </row>
        <row r="3772">
          <cell r="F3772">
            <v>75084</v>
          </cell>
          <cell r="AN3772" t="str">
            <v>MDO C&amp;M</v>
          </cell>
          <cell r="AO3772" t="str">
            <v>MDO OH/KEN C&amp;M</v>
          </cell>
        </row>
        <row r="3773">
          <cell r="F3773">
            <v>75084</v>
          </cell>
          <cell r="AN3773" t="str">
            <v>MDO C&amp;M</v>
          </cell>
          <cell r="AO3773" t="str">
            <v>MDO OH/KEN C&amp;M</v>
          </cell>
        </row>
        <row r="3774">
          <cell r="F3774">
            <v>75084</v>
          </cell>
          <cell r="AN3774" t="str">
            <v>MDO C&amp;M</v>
          </cell>
          <cell r="AO3774" t="str">
            <v>MDO OH/KEN C&amp;M</v>
          </cell>
        </row>
        <row r="3775">
          <cell r="F3775">
            <v>75084</v>
          </cell>
          <cell r="AN3775" t="str">
            <v>MDO C&amp;M</v>
          </cell>
          <cell r="AO3775" t="str">
            <v>MDO OH/KEN C&amp;M</v>
          </cell>
        </row>
        <row r="3776">
          <cell r="F3776">
            <v>75084</v>
          </cell>
          <cell r="AN3776" t="str">
            <v>MDO C&amp;M</v>
          </cell>
          <cell r="AO3776" t="str">
            <v>MDO OH/KEN C&amp;M</v>
          </cell>
        </row>
        <row r="3777">
          <cell r="F3777">
            <v>75084</v>
          </cell>
          <cell r="AN3777" t="str">
            <v>MDO C&amp;M</v>
          </cell>
          <cell r="AO3777" t="str">
            <v>MDO OH/KEN C&amp;M</v>
          </cell>
        </row>
        <row r="3778">
          <cell r="F3778">
            <v>75084</v>
          </cell>
          <cell r="AN3778" t="str">
            <v>MDO C&amp;M</v>
          </cell>
          <cell r="AO3778" t="str">
            <v>MDO OH/KEN C&amp;M</v>
          </cell>
        </row>
        <row r="3779">
          <cell r="F3779">
            <v>75084</v>
          </cell>
          <cell r="AN3779" t="str">
            <v>MDO C&amp;M</v>
          </cell>
          <cell r="AO3779" t="str">
            <v>MDO OH/KEN C&amp;M</v>
          </cell>
        </row>
        <row r="3780">
          <cell r="F3780">
            <v>75084</v>
          </cell>
          <cell r="AN3780" t="str">
            <v>MDO C&amp;M</v>
          </cell>
          <cell r="AO3780" t="str">
            <v>MDO OH/KEN C&amp;M</v>
          </cell>
        </row>
        <row r="3781">
          <cell r="F3781">
            <v>75084</v>
          </cell>
          <cell r="AN3781" t="str">
            <v>MDO C&amp;M</v>
          </cell>
          <cell r="AO3781" t="str">
            <v>MDO OH/KEN C&amp;M</v>
          </cell>
        </row>
        <row r="3782">
          <cell r="F3782">
            <v>75084</v>
          </cell>
          <cell r="AN3782" t="str">
            <v>MDO C&amp;M</v>
          </cell>
          <cell r="AO3782" t="str">
            <v>MDO OH/KEN C&amp;M</v>
          </cell>
        </row>
        <row r="3783">
          <cell r="F3783">
            <v>75084</v>
          </cell>
          <cell r="AN3783" t="str">
            <v>MDO C&amp;M</v>
          </cell>
          <cell r="AO3783" t="str">
            <v>MDO OH/KEN C&amp;M</v>
          </cell>
        </row>
        <row r="3784">
          <cell r="F3784">
            <v>75084</v>
          </cell>
          <cell r="AN3784" t="str">
            <v>MDO C&amp;M</v>
          </cell>
          <cell r="AO3784" t="str">
            <v>MDO OH/KEN C&amp;M</v>
          </cell>
        </row>
        <row r="3785">
          <cell r="F3785">
            <v>75084</v>
          </cell>
          <cell r="AN3785" t="str">
            <v>MDO C&amp;M</v>
          </cell>
          <cell r="AO3785" t="str">
            <v>MDO OH/KEN C&amp;M</v>
          </cell>
        </row>
        <row r="3786">
          <cell r="F3786">
            <v>75084</v>
          </cell>
          <cell r="AN3786" t="str">
            <v>MDO C&amp;M</v>
          </cell>
          <cell r="AO3786" t="str">
            <v>MDO OH/KEN C&amp;M</v>
          </cell>
        </row>
        <row r="3787">
          <cell r="F3787">
            <v>75084</v>
          </cell>
          <cell r="AN3787" t="str">
            <v>MDO C&amp;M</v>
          </cell>
          <cell r="AO3787" t="str">
            <v>MDO OH/KEN C&amp;M</v>
          </cell>
        </row>
        <row r="3788">
          <cell r="F3788">
            <v>75084</v>
          </cell>
          <cell r="AN3788" t="str">
            <v>MDO C&amp;M</v>
          </cell>
          <cell r="AO3788" t="str">
            <v>MDO OH/KEN C&amp;M</v>
          </cell>
        </row>
        <row r="3789">
          <cell r="F3789">
            <v>75084</v>
          </cell>
          <cell r="AN3789" t="str">
            <v>MDO C&amp;M</v>
          </cell>
          <cell r="AO3789" t="str">
            <v>MDO OH/KEN C&amp;M</v>
          </cell>
        </row>
        <row r="3790">
          <cell r="F3790">
            <v>75084</v>
          </cell>
          <cell r="AN3790" t="str">
            <v>MDO C&amp;M</v>
          </cell>
          <cell r="AO3790" t="str">
            <v>MDO OH/KEN C&amp;M</v>
          </cell>
        </row>
        <row r="3791">
          <cell r="F3791">
            <v>75084</v>
          </cell>
          <cell r="AN3791" t="str">
            <v>MDO C&amp;M</v>
          </cell>
          <cell r="AO3791" t="str">
            <v>MDO OH/KEN C&amp;M</v>
          </cell>
        </row>
        <row r="3792">
          <cell r="F3792">
            <v>75084</v>
          </cell>
          <cell r="AN3792" t="str">
            <v>MDO C&amp;M</v>
          </cell>
          <cell r="AO3792" t="str">
            <v>MDO OH/KEN C&amp;M</v>
          </cell>
        </row>
        <row r="3793">
          <cell r="F3793">
            <v>75084</v>
          </cell>
          <cell r="AN3793" t="str">
            <v>MDO C&amp;M</v>
          </cell>
          <cell r="AO3793" t="str">
            <v>MDO OH/KEN C&amp;M</v>
          </cell>
        </row>
        <row r="3794">
          <cell r="F3794">
            <v>75084</v>
          </cell>
          <cell r="AN3794" t="str">
            <v>MDO C&amp;M</v>
          </cell>
          <cell r="AO3794" t="str">
            <v>MDO OH/KEN C&amp;M</v>
          </cell>
        </row>
        <row r="3795">
          <cell r="F3795">
            <v>75084</v>
          </cell>
          <cell r="AN3795" t="str">
            <v>MDO C&amp;M</v>
          </cell>
          <cell r="AO3795" t="str">
            <v>MDO OH/KEN C&amp;M</v>
          </cell>
        </row>
        <row r="3796">
          <cell r="F3796">
            <v>75084</v>
          </cell>
          <cell r="AN3796" t="str">
            <v>MDO C&amp;M</v>
          </cell>
          <cell r="AO3796" t="str">
            <v>MDO OH/KEN C&amp;M</v>
          </cell>
        </row>
        <row r="3797">
          <cell r="F3797">
            <v>75084</v>
          </cell>
          <cell r="AN3797" t="str">
            <v>MDO C&amp;M</v>
          </cell>
          <cell r="AO3797" t="str">
            <v>MDO OH/KEN C&amp;M</v>
          </cell>
        </row>
        <row r="3798">
          <cell r="F3798">
            <v>75084</v>
          </cell>
          <cell r="AN3798" t="str">
            <v>MDO C&amp;M</v>
          </cell>
          <cell r="AO3798" t="str">
            <v>MDO OH/KEN C&amp;M</v>
          </cell>
        </row>
        <row r="3799">
          <cell r="F3799">
            <v>75084</v>
          </cell>
          <cell r="AN3799" t="str">
            <v>MDO C&amp;M</v>
          </cell>
          <cell r="AO3799" t="str">
            <v>MDO OH/KEN C&amp;M</v>
          </cell>
        </row>
        <row r="3800">
          <cell r="F3800">
            <v>75084</v>
          </cell>
          <cell r="AN3800" t="str">
            <v>MDO C&amp;M</v>
          </cell>
          <cell r="AO3800" t="str">
            <v>MDO OH/KEN C&amp;M</v>
          </cell>
        </row>
        <row r="3801">
          <cell r="F3801">
            <v>75084</v>
          </cell>
          <cell r="AN3801" t="str">
            <v>MDO C&amp;M</v>
          </cell>
          <cell r="AO3801" t="str">
            <v>MDO OH/KEN C&amp;M</v>
          </cell>
        </row>
        <row r="3802">
          <cell r="F3802">
            <v>75084</v>
          </cell>
          <cell r="AN3802" t="str">
            <v>MDO C&amp;M</v>
          </cell>
          <cell r="AO3802" t="str">
            <v>MDO OH/KEN C&amp;M</v>
          </cell>
        </row>
        <row r="3803">
          <cell r="F3803">
            <v>75084</v>
          </cell>
          <cell r="AN3803" t="str">
            <v>MDO C&amp;M</v>
          </cell>
          <cell r="AO3803" t="str">
            <v>MDO OH/KEN C&amp;M</v>
          </cell>
        </row>
        <row r="3804">
          <cell r="F3804">
            <v>75084</v>
          </cell>
          <cell r="AN3804" t="str">
            <v>MDO C&amp;M</v>
          </cell>
          <cell r="AO3804" t="str">
            <v>MDO OH/KEN C&amp;M</v>
          </cell>
        </row>
        <row r="3805">
          <cell r="F3805">
            <v>75084</v>
          </cell>
          <cell r="AN3805" t="str">
            <v>MDO C&amp;M</v>
          </cell>
          <cell r="AO3805" t="str">
            <v>MDO OH/KEN C&amp;M</v>
          </cell>
        </row>
        <row r="3806">
          <cell r="F3806">
            <v>75084</v>
          </cell>
          <cell r="AN3806" t="str">
            <v>MDO C&amp;M</v>
          </cell>
          <cell r="AO3806" t="str">
            <v>MDO OH/KEN C&amp;M</v>
          </cell>
        </row>
        <row r="3807">
          <cell r="F3807">
            <v>75084</v>
          </cell>
          <cell r="AN3807" t="str">
            <v>MDO C&amp;M</v>
          </cell>
          <cell r="AO3807" t="str">
            <v>MDO OH/KEN C&amp;M</v>
          </cell>
        </row>
        <row r="3808">
          <cell r="F3808">
            <v>75084</v>
          </cell>
          <cell r="AN3808" t="str">
            <v>MDO C&amp;M</v>
          </cell>
          <cell r="AO3808" t="str">
            <v>MDO OH/KEN C&amp;M</v>
          </cell>
        </row>
        <row r="3809">
          <cell r="F3809">
            <v>75084</v>
          </cell>
          <cell r="AN3809" t="str">
            <v>MDO C&amp;M</v>
          </cell>
          <cell r="AO3809" t="str">
            <v>MDO OH/KEN C&amp;M</v>
          </cell>
        </row>
        <row r="3810">
          <cell r="F3810">
            <v>75084</v>
          </cell>
          <cell r="AN3810" t="str">
            <v>MDO C&amp;M</v>
          </cell>
          <cell r="AO3810" t="str">
            <v>MDO OH/KEN C&amp;M</v>
          </cell>
        </row>
        <row r="3811">
          <cell r="F3811">
            <v>75084</v>
          </cell>
          <cell r="AN3811" t="str">
            <v>MDO C&amp;M</v>
          </cell>
          <cell r="AO3811" t="str">
            <v>MDO OH/KEN C&amp;M</v>
          </cell>
        </row>
        <row r="3812">
          <cell r="F3812">
            <v>75084</v>
          </cell>
          <cell r="AN3812" t="str">
            <v>MDO C&amp;M</v>
          </cell>
          <cell r="AO3812" t="str">
            <v>MDO OH/KEN C&amp;M</v>
          </cell>
        </row>
        <row r="3813">
          <cell r="F3813">
            <v>75084</v>
          </cell>
          <cell r="AN3813" t="str">
            <v>MDO C&amp;M</v>
          </cell>
          <cell r="AO3813" t="str">
            <v>MDO OH/KEN C&amp;M</v>
          </cell>
        </row>
        <row r="3814">
          <cell r="F3814">
            <v>75084</v>
          </cell>
          <cell r="AN3814" t="str">
            <v>MDO C&amp;M</v>
          </cell>
          <cell r="AO3814" t="str">
            <v>MDO OH/KEN C&amp;M</v>
          </cell>
        </row>
        <row r="3815">
          <cell r="F3815">
            <v>75115</v>
          </cell>
          <cell r="AN3815" t="str">
            <v>MDO C&amp;M</v>
          </cell>
          <cell r="AO3815" t="str">
            <v>MDO INDIANA SOUTHWEST C&amp;M</v>
          </cell>
        </row>
        <row r="3816">
          <cell r="F3816">
            <v>75115</v>
          </cell>
          <cell r="AN3816" t="str">
            <v>MDO C&amp;M</v>
          </cell>
          <cell r="AO3816" t="str">
            <v>MDO INDIANA SOUTHWEST C&amp;M</v>
          </cell>
        </row>
        <row r="3817">
          <cell r="F3817">
            <v>75115</v>
          </cell>
          <cell r="AN3817" t="str">
            <v>MDO C&amp;M</v>
          </cell>
          <cell r="AO3817" t="str">
            <v>MDO INDIANA SOUTHWEST C&amp;M</v>
          </cell>
        </row>
        <row r="3818">
          <cell r="F3818">
            <v>75115</v>
          </cell>
          <cell r="AN3818" t="str">
            <v>MDO C&amp;M</v>
          </cell>
          <cell r="AO3818" t="str">
            <v>MDO INDIANA SOUTHWEST C&amp;M</v>
          </cell>
        </row>
        <row r="3819">
          <cell r="F3819">
            <v>75115</v>
          </cell>
          <cell r="AN3819" t="str">
            <v>MDO C&amp;M</v>
          </cell>
          <cell r="AO3819" t="str">
            <v>MDO INDIANA SOUTHWEST C&amp;M</v>
          </cell>
        </row>
        <row r="3820">
          <cell r="F3820">
            <v>75115</v>
          </cell>
          <cell r="AN3820" t="str">
            <v>MDO C&amp;M</v>
          </cell>
          <cell r="AO3820" t="str">
            <v>MDO INDIANA SOUTHWEST C&amp;M</v>
          </cell>
        </row>
        <row r="3821">
          <cell r="F3821">
            <v>75115</v>
          </cell>
          <cell r="AN3821" t="str">
            <v>MDO C&amp;M</v>
          </cell>
          <cell r="AO3821" t="str">
            <v>MDO INDIANA SOUTHWEST C&amp;M</v>
          </cell>
        </row>
        <row r="3822">
          <cell r="F3822">
            <v>75115</v>
          </cell>
          <cell r="AN3822" t="str">
            <v>MDO C&amp;M</v>
          </cell>
          <cell r="AO3822" t="str">
            <v>MDO INDIANA SOUTHWEST C&amp;M</v>
          </cell>
        </row>
        <row r="3823">
          <cell r="F3823">
            <v>75115</v>
          </cell>
          <cell r="AN3823" t="str">
            <v>MDO C&amp;M</v>
          </cell>
          <cell r="AO3823" t="str">
            <v>MDO INDIANA SOUTHWEST C&amp;M</v>
          </cell>
        </row>
        <row r="3824">
          <cell r="F3824">
            <v>75115</v>
          </cell>
          <cell r="AN3824" t="str">
            <v>MDO C&amp;M</v>
          </cell>
          <cell r="AO3824" t="str">
            <v>MDO INDIANA SOUTHWEST C&amp;M</v>
          </cell>
        </row>
        <row r="3825">
          <cell r="F3825">
            <v>75115</v>
          </cell>
          <cell r="AN3825" t="str">
            <v>MDO C&amp;M</v>
          </cell>
          <cell r="AO3825" t="str">
            <v>MDO INDIANA SOUTHWEST C&amp;M</v>
          </cell>
        </row>
        <row r="3826">
          <cell r="F3826">
            <v>75115</v>
          </cell>
          <cell r="AN3826" t="str">
            <v>MDO C&amp;M</v>
          </cell>
          <cell r="AO3826" t="str">
            <v>MDO INDIANA SOUTHEAST C&amp;M</v>
          </cell>
        </row>
        <row r="3827">
          <cell r="F3827">
            <v>75115</v>
          </cell>
          <cell r="AN3827" t="str">
            <v>MDO C&amp;M</v>
          </cell>
          <cell r="AO3827" t="str">
            <v>MDO INDIANA SOUTHEAST C&amp;M</v>
          </cell>
        </row>
        <row r="3828">
          <cell r="F3828">
            <v>75115</v>
          </cell>
          <cell r="AN3828" t="str">
            <v>MDO C&amp;M</v>
          </cell>
          <cell r="AO3828" t="str">
            <v>MDO INDIANA SOUTHEAST C&amp;M</v>
          </cell>
        </row>
        <row r="3829">
          <cell r="F3829">
            <v>75115</v>
          </cell>
          <cell r="AN3829" t="str">
            <v>MDO C&amp;M</v>
          </cell>
          <cell r="AO3829" t="str">
            <v>MDO INDIANA SOUTHEAST C&amp;M</v>
          </cell>
        </row>
        <row r="3830">
          <cell r="F3830">
            <v>75115</v>
          </cell>
          <cell r="AN3830" t="str">
            <v>MDO C&amp;M</v>
          </cell>
          <cell r="AO3830" t="str">
            <v>MDO INDIANA SOUTHEAST C&amp;M</v>
          </cell>
        </row>
        <row r="3831">
          <cell r="F3831">
            <v>75115</v>
          </cell>
          <cell r="AN3831" t="str">
            <v>MDO C&amp;M</v>
          </cell>
          <cell r="AO3831" t="str">
            <v>MDO INDIANA SOUTHEAST C&amp;M</v>
          </cell>
        </row>
        <row r="3832">
          <cell r="F3832">
            <v>75115</v>
          </cell>
          <cell r="AN3832" t="str">
            <v>MDO C&amp;M</v>
          </cell>
          <cell r="AO3832" t="str">
            <v>MDO INDIANA SOUTHEAST C&amp;M</v>
          </cell>
        </row>
        <row r="3833">
          <cell r="F3833">
            <v>75115</v>
          </cell>
          <cell r="AN3833" t="str">
            <v>MDO C&amp;M</v>
          </cell>
          <cell r="AO3833" t="str">
            <v>MDO INDIANA SOUTHEAST C&amp;M</v>
          </cell>
        </row>
        <row r="3834">
          <cell r="F3834">
            <v>75115</v>
          </cell>
          <cell r="AN3834" t="str">
            <v>MDO C&amp;M</v>
          </cell>
          <cell r="AO3834" t="str">
            <v>MDO INDIANA SOUTHEAST C&amp;M</v>
          </cell>
        </row>
        <row r="3835">
          <cell r="F3835">
            <v>75115</v>
          </cell>
          <cell r="AN3835" t="str">
            <v>MDO C&amp;M</v>
          </cell>
          <cell r="AO3835" t="str">
            <v>MDO INDIANA SOUTHEAST C&amp;M</v>
          </cell>
        </row>
        <row r="3836">
          <cell r="F3836">
            <v>75115</v>
          </cell>
          <cell r="AN3836" t="str">
            <v>MDO C&amp;M</v>
          </cell>
          <cell r="AO3836" t="str">
            <v>MDO INDIANA SOUTHEAST C&amp;M</v>
          </cell>
        </row>
        <row r="3837">
          <cell r="F3837">
            <v>75115</v>
          </cell>
          <cell r="AN3837" t="str">
            <v>MDO C&amp;M</v>
          </cell>
          <cell r="AO3837" t="str">
            <v>MDO INDIANA NORTH C&amp;M</v>
          </cell>
        </row>
        <row r="3838">
          <cell r="F3838">
            <v>75115</v>
          </cell>
          <cell r="AN3838" t="str">
            <v>MDO C&amp;M</v>
          </cell>
          <cell r="AO3838" t="str">
            <v>MDO INDIANA NORTH C&amp;M</v>
          </cell>
        </row>
        <row r="3839">
          <cell r="F3839">
            <v>75115</v>
          </cell>
          <cell r="AN3839" t="str">
            <v>MDO C&amp;M</v>
          </cell>
          <cell r="AO3839" t="str">
            <v>MDO INDIANA NORTH C&amp;M</v>
          </cell>
        </row>
        <row r="3840">
          <cell r="F3840">
            <v>75115</v>
          </cell>
          <cell r="AN3840" t="str">
            <v>MDO C&amp;M</v>
          </cell>
          <cell r="AO3840" t="str">
            <v>MDO INDIANA NORTH C&amp;M</v>
          </cell>
        </row>
        <row r="3841">
          <cell r="F3841">
            <v>75115</v>
          </cell>
          <cell r="AN3841" t="str">
            <v>MDO C&amp;M</v>
          </cell>
          <cell r="AO3841" t="str">
            <v>MDO INDIANA NORTH C&amp;M</v>
          </cell>
        </row>
        <row r="3842">
          <cell r="F3842">
            <v>75115</v>
          </cell>
          <cell r="AN3842" t="str">
            <v>MDO C&amp;M</v>
          </cell>
          <cell r="AO3842" t="str">
            <v>MDO INDIANA NORTH C&amp;M</v>
          </cell>
        </row>
        <row r="3843">
          <cell r="F3843">
            <v>75115</v>
          </cell>
          <cell r="AN3843" t="str">
            <v>MDO C&amp;M</v>
          </cell>
          <cell r="AO3843" t="str">
            <v>MDO INDIANA NORTH C&amp;M</v>
          </cell>
        </row>
        <row r="3844">
          <cell r="F3844">
            <v>75115</v>
          </cell>
          <cell r="AN3844" t="str">
            <v>MDO C&amp;M</v>
          </cell>
          <cell r="AO3844" t="str">
            <v>MDO INDIANA NORTH C&amp;M</v>
          </cell>
        </row>
        <row r="3845">
          <cell r="F3845">
            <v>75115</v>
          </cell>
          <cell r="AN3845" t="str">
            <v>MDO C&amp;M</v>
          </cell>
          <cell r="AO3845" t="str">
            <v>MDO INDIANA NORTH C&amp;M</v>
          </cell>
        </row>
        <row r="3846">
          <cell r="F3846">
            <v>75115</v>
          </cell>
          <cell r="AN3846" t="str">
            <v>MDO C&amp;M</v>
          </cell>
          <cell r="AO3846" t="str">
            <v>MDO INDIANA NORTH C&amp;M</v>
          </cell>
        </row>
        <row r="3847">
          <cell r="F3847">
            <v>75115</v>
          </cell>
          <cell r="AN3847" t="str">
            <v>MDO C&amp;M</v>
          </cell>
          <cell r="AO3847" t="str">
            <v>MDO INDIANA NORTH C&amp;M</v>
          </cell>
        </row>
        <row r="3848">
          <cell r="F3848">
            <v>75115</v>
          </cell>
          <cell r="AN3848" t="str">
            <v>MDO C&amp;M</v>
          </cell>
          <cell r="AO3848" t="str">
            <v>MDO INDIANA SOUTHWEST C&amp;M</v>
          </cell>
        </row>
        <row r="3849">
          <cell r="F3849">
            <v>75115</v>
          </cell>
          <cell r="AN3849" t="str">
            <v>MDO C&amp;M</v>
          </cell>
          <cell r="AO3849" t="str">
            <v>MDO INDIANA SOUTHEAST C&amp;M</v>
          </cell>
        </row>
        <row r="3850">
          <cell r="F3850">
            <v>75115</v>
          </cell>
          <cell r="AN3850" t="str">
            <v>MDO C&amp;M</v>
          </cell>
          <cell r="AO3850" t="str">
            <v>MDO INDIANA NORTH C&amp;M</v>
          </cell>
        </row>
        <row r="3851">
          <cell r="F3851">
            <v>75115</v>
          </cell>
          <cell r="AN3851" t="str">
            <v>MDO C&amp;M</v>
          </cell>
          <cell r="AO3851" t="str">
            <v>MDO INDIANA SOUTHWEST C&amp;M</v>
          </cell>
        </row>
        <row r="3852">
          <cell r="F3852">
            <v>75115</v>
          </cell>
          <cell r="AN3852" t="str">
            <v>MDO C&amp;M</v>
          </cell>
          <cell r="AO3852" t="str">
            <v>MDO INDIANA SOUTHWEST C&amp;M</v>
          </cell>
        </row>
        <row r="3853">
          <cell r="F3853">
            <v>75115</v>
          </cell>
          <cell r="AN3853" t="str">
            <v>MDO C&amp;M</v>
          </cell>
          <cell r="AO3853" t="str">
            <v>MDO INDIANA SOUTHWEST C&amp;M</v>
          </cell>
        </row>
        <row r="3854">
          <cell r="F3854">
            <v>75115</v>
          </cell>
          <cell r="AN3854" t="str">
            <v>MDO C&amp;M</v>
          </cell>
          <cell r="AO3854" t="str">
            <v>MDO INDIANA SOUTHWEST C&amp;M</v>
          </cell>
        </row>
        <row r="3855">
          <cell r="F3855">
            <v>75115</v>
          </cell>
          <cell r="AN3855" t="str">
            <v>MDO C&amp;M</v>
          </cell>
          <cell r="AO3855" t="str">
            <v>MDO INDIANA SOUTHWEST C&amp;M</v>
          </cell>
        </row>
        <row r="3856">
          <cell r="F3856">
            <v>75115</v>
          </cell>
          <cell r="AN3856" t="str">
            <v>MDO C&amp;M</v>
          </cell>
          <cell r="AO3856" t="str">
            <v>MDO INDIANA SOUTHWEST C&amp;M</v>
          </cell>
        </row>
        <row r="3857">
          <cell r="F3857">
            <v>75115</v>
          </cell>
          <cell r="AN3857" t="str">
            <v>MDO C&amp;M</v>
          </cell>
          <cell r="AO3857" t="str">
            <v>MDO INDIANA SOUTHWEST C&amp;M</v>
          </cell>
        </row>
        <row r="3858">
          <cell r="F3858">
            <v>75115</v>
          </cell>
          <cell r="AN3858" t="str">
            <v>MDO C&amp;M</v>
          </cell>
          <cell r="AO3858" t="str">
            <v>MDO INDIANA SOUTHEAST C&amp;M</v>
          </cell>
        </row>
        <row r="3859">
          <cell r="F3859">
            <v>75115</v>
          </cell>
          <cell r="AN3859" t="str">
            <v>MDO C&amp;M</v>
          </cell>
          <cell r="AO3859" t="str">
            <v>MDO INDIANA SOUTHEAST C&amp;M</v>
          </cell>
        </row>
        <row r="3860">
          <cell r="F3860">
            <v>75115</v>
          </cell>
          <cell r="AN3860" t="str">
            <v>MDO C&amp;M</v>
          </cell>
          <cell r="AO3860" t="str">
            <v>MDO INDIANA SOUTHEAST C&amp;M</v>
          </cell>
        </row>
        <row r="3861">
          <cell r="F3861">
            <v>75115</v>
          </cell>
          <cell r="AN3861" t="str">
            <v>MDO C&amp;M</v>
          </cell>
          <cell r="AO3861" t="str">
            <v>MDO INDIANA SOUTHEAST C&amp;M</v>
          </cell>
        </row>
        <row r="3862">
          <cell r="F3862">
            <v>75115</v>
          </cell>
          <cell r="AN3862" t="str">
            <v>MDO C&amp;M</v>
          </cell>
          <cell r="AO3862" t="str">
            <v>MDO INDIANA SOUTHEAST C&amp;M</v>
          </cell>
        </row>
        <row r="3863">
          <cell r="F3863">
            <v>75115</v>
          </cell>
          <cell r="AN3863" t="str">
            <v>MDO C&amp;M</v>
          </cell>
          <cell r="AO3863" t="str">
            <v>MDO INDIANA SOUTHEAST C&amp;M</v>
          </cell>
        </row>
        <row r="3864">
          <cell r="F3864">
            <v>75115</v>
          </cell>
          <cell r="AN3864" t="str">
            <v>MDO C&amp;M</v>
          </cell>
          <cell r="AO3864" t="str">
            <v>MDO INDIANA SOUTHEAST C&amp;M</v>
          </cell>
        </row>
        <row r="3865">
          <cell r="F3865">
            <v>75115</v>
          </cell>
          <cell r="AN3865" t="str">
            <v>MDO C&amp;M</v>
          </cell>
          <cell r="AO3865" t="str">
            <v>MDO INDIANA NORTH C&amp;M</v>
          </cell>
        </row>
        <row r="3866">
          <cell r="F3866">
            <v>75115</v>
          </cell>
          <cell r="AN3866" t="str">
            <v>MDO C&amp;M</v>
          </cell>
          <cell r="AO3866" t="str">
            <v>MDO INDIANA NORTH C&amp;M</v>
          </cell>
        </row>
        <row r="3867">
          <cell r="F3867">
            <v>75115</v>
          </cell>
          <cell r="AN3867" t="str">
            <v>MDO C&amp;M</v>
          </cell>
          <cell r="AO3867" t="str">
            <v>MDO INDIANA NORTH C&amp;M</v>
          </cell>
        </row>
        <row r="3868">
          <cell r="F3868">
            <v>75115</v>
          </cell>
          <cell r="AN3868" t="str">
            <v>MDO C&amp;M</v>
          </cell>
          <cell r="AO3868" t="str">
            <v>MDO INDIANA NORTH C&amp;M</v>
          </cell>
        </row>
        <row r="3869">
          <cell r="F3869">
            <v>75115</v>
          </cell>
          <cell r="AN3869" t="str">
            <v>MDO C&amp;M</v>
          </cell>
          <cell r="AO3869" t="str">
            <v>MDO INDIANA NORTH C&amp;M</v>
          </cell>
        </row>
        <row r="3870">
          <cell r="F3870">
            <v>75115</v>
          </cell>
          <cell r="AN3870" t="str">
            <v>MDO C&amp;M</v>
          </cell>
          <cell r="AO3870" t="str">
            <v>MDO INDIANA NORTH C&amp;M</v>
          </cell>
        </row>
        <row r="3871">
          <cell r="F3871">
            <v>75115</v>
          </cell>
          <cell r="AN3871" t="str">
            <v>MDO C&amp;M</v>
          </cell>
          <cell r="AO3871" t="str">
            <v>MDO INDIANA NORTH C&amp;M</v>
          </cell>
        </row>
        <row r="3872">
          <cell r="F3872">
            <v>75115</v>
          </cell>
          <cell r="AN3872" t="str">
            <v>MDO C&amp;M</v>
          </cell>
          <cell r="AO3872" t="str">
            <v>MDO INDIANA NORTH C&amp;M</v>
          </cell>
        </row>
        <row r="3873">
          <cell r="F3873">
            <v>75115</v>
          </cell>
          <cell r="AN3873" t="str">
            <v>MDO C&amp;M</v>
          </cell>
          <cell r="AO3873" t="str">
            <v>MDO INDIANA NORTH C&amp;M</v>
          </cell>
        </row>
        <row r="3874">
          <cell r="F3874">
            <v>75115</v>
          </cell>
          <cell r="AN3874" t="str">
            <v>MDO C&amp;M</v>
          </cell>
          <cell r="AO3874" t="str">
            <v>MDO INDIANA NORTH C&amp;M</v>
          </cell>
        </row>
        <row r="3875">
          <cell r="F3875">
            <v>75115</v>
          </cell>
          <cell r="AN3875" t="str">
            <v>MDO C&amp;M</v>
          </cell>
          <cell r="AO3875" t="str">
            <v>MDO INDIANA NORTH C&amp;M</v>
          </cell>
        </row>
        <row r="3876">
          <cell r="F3876">
            <v>75115</v>
          </cell>
          <cell r="AN3876" t="str">
            <v>MDO C&amp;M</v>
          </cell>
          <cell r="AO3876" t="str">
            <v>MDO INDIANA NORTH C&amp;M</v>
          </cell>
        </row>
        <row r="3877">
          <cell r="F3877">
            <v>75115</v>
          </cell>
          <cell r="AN3877" t="str">
            <v>MDO C&amp;M</v>
          </cell>
          <cell r="AO3877" t="str">
            <v>MDO INDIANA NORTH C&amp;M</v>
          </cell>
        </row>
        <row r="3878">
          <cell r="F3878">
            <v>75115</v>
          </cell>
          <cell r="AN3878" t="str">
            <v>MDO C&amp;M</v>
          </cell>
          <cell r="AO3878" t="str">
            <v>MDO INDIANA NORTH C&amp;M</v>
          </cell>
        </row>
        <row r="3879">
          <cell r="F3879">
            <v>75115</v>
          </cell>
          <cell r="AN3879" t="str">
            <v>MDO C&amp;M</v>
          </cell>
          <cell r="AO3879" t="str">
            <v>MDO INDIANA NORTH C&amp;M</v>
          </cell>
        </row>
        <row r="3880">
          <cell r="F3880">
            <v>75115</v>
          </cell>
          <cell r="AN3880" t="str">
            <v>MDO C&amp;M</v>
          </cell>
          <cell r="AO3880" t="str">
            <v>MDO INDIANA NORTH C&amp;M</v>
          </cell>
        </row>
        <row r="3881">
          <cell r="F3881">
            <v>75115</v>
          </cell>
          <cell r="AN3881" t="str">
            <v>MDO C&amp;M</v>
          </cell>
          <cell r="AO3881" t="str">
            <v>MDO INDIANA NORTH C&amp;M</v>
          </cell>
        </row>
        <row r="3882">
          <cell r="F3882">
            <v>75115</v>
          </cell>
          <cell r="AN3882" t="str">
            <v>MDO C&amp;M</v>
          </cell>
          <cell r="AO3882" t="str">
            <v>MDO INDIANA NORTH C&amp;M</v>
          </cell>
        </row>
        <row r="3883">
          <cell r="F3883">
            <v>75115</v>
          </cell>
          <cell r="AN3883" t="str">
            <v>MDO C&amp;M</v>
          </cell>
          <cell r="AO3883" t="str">
            <v>MDO INDIANA NORTH C&amp;M</v>
          </cell>
        </row>
        <row r="3884">
          <cell r="F3884">
            <v>75115</v>
          </cell>
          <cell r="AN3884" t="str">
            <v>MDO C&amp;M</v>
          </cell>
          <cell r="AO3884" t="str">
            <v>MDO INDIANA NORTH C&amp;M</v>
          </cell>
        </row>
        <row r="3885">
          <cell r="F3885">
            <v>75115</v>
          </cell>
          <cell r="AN3885" t="str">
            <v>MDO C&amp;M</v>
          </cell>
          <cell r="AO3885" t="str">
            <v>MDO INDIANA NORTH C&amp;M</v>
          </cell>
        </row>
        <row r="3886">
          <cell r="F3886">
            <v>75115</v>
          </cell>
          <cell r="AN3886" t="str">
            <v>MDO C&amp;M</v>
          </cell>
          <cell r="AO3886" t="str">
            <v>MDO INDIANA NORTH C&amp;M</v>
          </cell>
        </row>
        <row r="3887">
          <cell r="F3887">
            <v>75115</v>
          </cell>
          <cell r="AN3887" t="str">
            <v>MDO C&amp;M</v>
          </cell>
          <cell r="AO3887" t="str">
            <v>MDO INDIANA NORTH C&amp;M</v>
          </cell>
        </row>
        <row r="3888">
          <cell r="F3888">
            <v>75115</v>
          </cell>
          <cell r="AN3888" t="str">
            <v>MDO C&amp;M</v>
          </cell>
          <cell r="AO3888" t="str">
            <v>MDO INDIANA NORTH C&amp;M</v>
          </cell>
        </row>
        <row r="3889">
          <cell r="F3889">
            <v>75115</v>
          </cell>
          <cell r="AN3889" t="str">
            <v>MDO C&amp;M</v>
          </cell>
          <cell r="AO3889" t="str">
            <v>MDO INDIANA NORTH C&amp;M</v>
          </cell>
        </row>
        <row r="3890">
          <cell r="F3890">
            <v>75115</v>
          </cell>
          <cell r="AN3890" t="str">
            <v>MDO C&amp;M</v>
          </cell>
          <cell r="AO3890" t="str">
            <v>MDO INDIANA NORTH C&amp;M</v>
          </cell>
        </row>
        <row r="3891">
          <cell r="F3891">
            <v>75115</v>
          </cell>
          <cell r="AN3891" t="str">
            <v>MDO C&amp;M</v>
          </cell>
          <cell r="AO3891" t="str">
            <v>MDO INDIANA NORTH C&amp;M</v>
          </cell>
        </row>
        <row r="3892">
          <cell r="F3892">
            <v>75115</v>
          </cell>
          <cell r="AN3892" t="str">
            <v>MDO C&amp;M</v>
          </cell>
          <cell r="AO3892" t="str">
            <v>MDO INDIANA NORTH C&amp;M</v>
          </cell>
        </row>
        <row r="3893">
          <cell r="F3893">
            <v>75115</v>
          </cell>
          <cell r="AN3893" t="str">
            <v>MDO C&amp;M</v>
          </cell>
          <cell r="AO3893" t="str">
            <v>MDO INDIANA NORTH C&amp;M</v>
          </cell>
        </row>
        <row r="3894">
          <cell r="F3894">
            <v>75115</v>
          </cell>
          <cell r="AN3894" t="str">
            <v>MDO C&amp;M</v>
          </cell>
          <cell r="AO3894" t="str">
            <v>MDO INDIANA NORTH C&amp;M</v>
          </cell>
        </row>
        <row r="3895">
          <cell r="F3895">
            <v>75115</v>
          </cell>
          <cell r="AN3895" t="str">
            <v>MDO C&amp;M</v>
          </cell>
          <cell r="AO3895" t="str">
            <v>MDO INDIANA NORTH C&amp;M</v>
          </cell>
        </row>
        <row r="3896">
          <cell r="F3896">
            <v>75115</v>
          </cell>
          <cell r="AN3896" t="str">
            <v>MDO C&amp;M</v>
          </cell>
          <cell r="AO3896" t="str">
            <v>MDO INDIANA SOUTHEAST C&amp;M</v>
          </cell>
        </row>
        <row r="3897">
          <cell r="F3897">
            <v>75115</v>
          </cell>
          <cell r="AN3897" t="str">
            <v>MDO C&amp;M</v>
          </cell>
          <cell r="AO3897" t="str">
            <v>MDO INDIANA SOUTHEAST C&amp;M</v>
          </cell>
        </row>
        <row r="3898">
          <cell r="F3898">
            <v>75115</v>
          </cell>
          <cell r="AN3898" t="str">
            <v>MDO C&amp;M</v>
          </cell>
          <cell r="AO3898" t="str">
            <v>MDO INDIANA SOUTHEAST C&amp;M</v>
          </cell>
        </row>
        <row r="3899">
          <cell r="F3899">
            <v>75115</v>
          </cell>
          <cell r="AN3899" t="str">
            <v>MDO C&amp;M</v>
          </cell>
          <cell r="AO3899" t="str">
            <v>MDO INDIANA SOUTHEAST C&amp;M</v>
          </cell>
        </row>
        <row r="3900">
          <cell r="F3900">
            <v>75115</v>
          </cell>
          <cell r="AN3900" t="str">
            <v>MDO C&amp;M</v>
          </cell>
          <cell r="AO3900" t="str">
            <v>MDO INDIANA SOUTHEAST C&amp;M</v>
          </cell>
        </row>
        <row r="3901">
          <cell r="F3901">
            <v>75115</v>
          </cell>
          <cell r="AN3901" t="str">
            <v>MDO C&amp;M</v>
          </cell>
          <cell r="AO3901" t="str">
            <v>MDO INDIANA SOUTHEAST C&amp;M</v>
          </cell>
        </row>
        <row r="3902">
          <cell r="F3902">
            <v>75115</v>
          </cell>
          <cell r="AN3902" t="str">
            <v>MDO C&amp;M</v>
          </cell>
          <cell r="AO3902" t="str">
            <v>MDO INDIANA SOUTHEAST C&amp;M</v>
          </cell>
        </row>
        <row r="3903">
          <cell r="F3903">
            <v>75115</v>
          </cell>
          <cell r="AN3903" t="str">
            <v>MDO C&amp;M</v>
          </cell>
          <cell r="AO3903" t="str">
            <v>MDO INDIANA SOUTHEAST C&amp;M</v>
          </cell>
        </row>
        <row r="3904">
          <cell r="F3904">
            <v>75115</v>
          </cell>
          <cell r="AN3904" t="str">
            <v>MDO C&amp;M</v>
          </cell>
          <cell r="AO3904" t="str">
            <v>MDO INDIANA SOUTHEAST C&amp;M</v>
          </cell>
        </row>
        <row r="3905">
          <cell r="F3905">
            <v>75115</v>
          </cell>
          <cell r="AN3905" t="str">
            <v>MDO C&amp;M</v>
          </cell>
          <cell r="AO3905" t="str">
            <v>MDO INDIANA SOUTHEAST C&amp;M</v>
          </cell>
        </row>
        <row r="3906">
          <cell r="F3906">
            <v>75115</v>
          </cell>
          <cell r="AN3906" t="str">
            <v>MDO C&amp;M</v>
          </cell>
          <cell r="AO3906" t="str">
            <v>MDO INDIANA SOUTHEAST C&amp;M</v>
          </cell>
        </row>
        <row r="3907">
          <cell r="F3907">
            <v>75115</v>
          </cell>
          <cell r="AN3907" t="str">
            <v>MDO C&amp;M</v>
          </cell>
          <cell r="AO3907" t="str">
            <v>MDO INDIANA SOUTHEAST C&amp;M</v>
          </cell>
        </row>
        <row r="3908">
          <cell r="F3908">
            <v>75115</v>
          </cell>
          <cell r="AN3908" t="str">
            <v>MDO C&amp;M</v>
          </cell>
          <cell r="AO3908" t="str">
            <v>MDO INDIANA SOUTHEAST C&amp;M</v>
          </cell>
        </row>
        <row r="3909">
          <cell r="F3909">
            <v>75115</v>
          </cell>
          <cell r="AN3909" t="str">
            <v>MDO C&amp;M</v>
          </cell>
          <cell r="AO3909" t="str">
            <v>MDO INDIANA SOUTHEAST C&amp;M</v>
          </cell>
        </row>
        <row r="3910">
          <cell r="F3910">
            <v>75115</v>
          </cell>
          <cell r="AN3910" t="str">
            <v>MDO C&amp;M</v>
          </cell>
          <cell r="AO3910" t="str">
            <v>MDO INDIANA SOUTHEAST C&amp;M</v>
          </cell>
        </row>
        <row r="3911">
          <cell r="F3911">
            <v>75115</v>
          </cell>
          <cell r="AN3911" t="str">
            <v>MDO C&amp;M</v>
          </cell>
          <cell r="AO3911" t="str">
            <v>MDO INDIANA SOUTHEAST C&amp;M</v>
          </cell>
        </row>
        <row r="3912">
          <cell r="F3912">
            <v>75115</v>
          </cell>
          <cell r="AN3912" t="str">
            <v>MDO C&amp;M</v>
          </cell>
          <cell r="AO3912" t="str">
            <v>MDO INDIANA SOUTHEAST C&amp;M</v>
          </cell>
        </row>
        <row r="3913">
          <cell r="F3913">
            <v>75115</v>
          </cell>
          <cell r="AN3913" t="str">
            <v>MDO C&amp;M</v>
          </cell>
          <cell r="AO3913" t="str">
            <v>MDO INDIANA SOUTHEAST C&amp;M</v>
          </cell>
        </row>
        <row r="3914">
          <cell r="F3914">
            <v>75115</v>
          </cell>
          <cell r="AN3914" t="str">
            <v>MDO C&amp;M</v>
          </cell>
          <cell r="AO3914" t="str">
            <v>MDO INDIANA SOUTHEAST C&amp;M</v>
          </cell>
        </row>
        <row r="3915">
          <cell r="F3915">
            <v>75115</v>
          </cell>
          <cell r="AN3915" t="str">
            <v>MDO C&amp;M</v>
          </cell>
          <cell r="AO3915" t="str">
            <v>MDO INDIANA SOUTHEAST C&amp;M</v>
          </cell>
        </row>
        <row r="3916">
          <cell r="F3916">
            <v>75115</v>
          </cell>
          <cell r="AN3916" t="str">
            <v>MDO C&amp;M</v>
          </cell>
          <cell r="AO3916" t="str">
            <v>MDO INDIANA SOUTHEAST C&amp;M</v>
          </cell>
        </row>
        <row r="3917">
          <cell r="F3917">
            <v>75115</v>
          </cell>
          <cell r="AN3917" t="str">
            <v>MDO C&amp;M</v>
          </cell>
          <cell r="AO3917" t="str">
            <v>MDO INDIANA SOUTHEAST C&amp;M</v>
          </cell>
        </row>
        <row r="3918">
          <cell r="F3918">
            <v>75115</v>
          </cell>
          <cell r="AN3918" t="str">
            <v>MDO C&amp;M</v>
          </cell>
          <cell r="AO3918" t="str">
            <v>MDO INDIANA SOUTHEAST C&amp;M</v>
          </cell>
        </row>
        <row r="3919">
          <cell r="F3919">
            <v>75115</v>
          </cell>
          <cell r="AN3919" t="str">
            <v>MDO C&amp;M</v>
          </cell>
          <cell r="AO3919" t="str">
            <v>MDO INDIANA SOUTHEAST C&amp;M</v>
          </cell>
        </row>
        <row r="3920">
          <cell r="F3920">
            <v>75115</v>
          </cell>
          <cell r="AN3920" t="str">
            <v>MDO C&amp;M</v>
          </cell>
          <cell r="AO3920" t="str">
            <v>MDO INDIANA SOUTHWEST C&amp;M</v>
          </cell>
        </row>
        <row r="3921">
          <cell r="F3921">
            <v>75115</v>
          </cell>
          <cell r="AN3921" t="str">
            <v>MDO C&amp;M</v>
          </cell>
          <cell r="AO3921" t="str">
            <v>MDO INDIANA SOUTHWEST C&amp;M</v>
          </cell>
        </row>
        <row r="3922">
          <cell r="F3922">
            <v>75115</v>
          </cell>
          <cell r="AN3922" t="str">
            <v>MDO C&amp;M</v>
          </cell>
          <cell r="AO3922" t="str">
            <v>MDO INDIANA SOUTHWEST C&amp;M</v>
          </cell>
        </row>
        <row r="3923">
          <cell r="F3923">
            <v>75115</v>
          </cell>
          <cell r="AN3923" t="str">
            <v>MDO C&amp;M</v>
          </cell>
          <cell r="AO3923" t="str">
            <v>MDO INDIANA SOUTHWEST C&amp;M</v>
          </cell>
        </row>
        <row r="3924">
          <cell r="F3924">
            <v>75115</v>
          </cell>
          <cell r="AN3924" t="str">
            <v>MDO C&amp;M</v>
          </cell>
          <cell r="AO3924" t="str">
            <v>MDO INDIANA SOUTHWEST C&amp;M</v>
          </cell>
        </row>
        <row r="3925">
          <cell r="F3925">
            <v>75115</v>
          </cell>
          <cell r="AN3925" t="str">
            <v>MDO C&amp;M</v>
          </cell>
          <cell r="AO3925" t="str">
            <v>MDO INDIANA SOUTHWEST C&amp;M</v>
          </cell>
        </row>
        <row r="3926">
          <cell r="F3926">
            <v>75115</v>
          </cell>
          <cell r="AN3926" t="str">
            <v>MDO C&amp;M</v>
          </cell>
          <cell r="AO3926" t="str">
            <v>MDO INDIANA SOUTHWEST C&amp;M</v>
          </cell>
        </row>
        <row r="3927">
          <cell r="F3927">
            <v>75115</v>
          </cell>
          <cell r="AN3927" t="str">
            <v>MDO C&amp;M</v>
          </cell>
          <cell r="AO3927" t="str">
            <v>MDO INDIANA SOUTHWEST C&amp;M</v>
          </cell>
        </row>
        <row r="3928">
          <cell r="F3928">
            <v>75115</v>
          </cell>
          <cell r="AN3928" t="str">
            <v>MDO C&amp;M</v>
          </cell>
          <cell r="AO3928" t="str">
            <v>MDO INDIANA SOUTHWEST C&amp;M</v>
          </cell>
        </row>
        <row r="3929">
          <cell r="F3929">
            <v>75115</v>
          </cell>
          <cell r="AN3929" t="str">
            <v>MDO C&amp;M</v>
          </cell>
          <cell r="AO3929" t="str">
            <v>MDO INDIANA SOUTHWEST C&amp;M</v>
          </cell>
        </row>
        <row r="3930">
          <cell r="F3930">
            <v>75115</v>
          </cell>
          <cell r="AN3930" t="str">
            <v>MDO C&amp;M</v>
          </cell>
          <cell r="AO3930" t="str">
            <v>MDO INDIANA SOUTHWEST C&amp;M</v>
          </cell>
        </row>
        <row r="3931">
          <cell r="F3931">
            <v>75115</v>
          </cell>
          <cell r="AN3931" t="str">
            <v>MDO C&amp;M</v>
          </cell>
          <cell r="AO3931" t="str">
            <v>MDO INDIANA SOUTHWEST C&amp;M</v>
          </cell>
        </row>
        <row r="3932">
          <cell r="F3932">
            <v>75115</v>
          </cell>
          <cell r="AN3932" t="str">
            <v>MDO C&amp;M</v>
          </cell>
          <cell r="AO3932" t="str">
            <v>MDO INDIANA SOUTHWEST C&amp;M</v>
          </cell>
        </row>
        <row r="3933">
          <cell r="F3933">
            <v>75115</v>
          </cell>
          <cell r="AN3933" t="str">
            <v>MDO C&amp;M</v>
          </cell>
          <cell r="AO3933" t="str">
            <v>MDO INDIANA SOUTHWEST C&amp;M</v>
          </cell>
        </row>
        <row r="3934">
          <cell r="F3934">
            <v>75115</v>
          </cell>
          <cell r="AN3934" t="str">
            <v>MDO C&amp;M</v>
          </cell>
          <cell r="AO3934" t="str">
            <v>MDO INDIANA SOUTHWEST C&amp;M</v>
          </cell>
        </row>
        <row r="3935">
          <cell r="F3935">
            <v>75115</v>
          </cell>
          <cell r="AN3935" t="str">
            <v>MDO C&amp;M</v>
          </cell>
          <cell r="AO3935" t="str">
            <v>MDO INDIANA SOUTHWEST C&amp;M</v>
          </cell>
        </row>
        <row r="3936">
          <cell r="F3936">
            <v>75115</v>
          </cell>
          <cell r="AN3936" t="str">
            <v>MDO C&amp;M</v>
          </cell>
          <cell r="AO3936" t="str">
            <v>MDO INDIANA SOUTHWEST C&amp;M</v>
          </cell>
        </row>
        <row r="3937">
          <cell r="F3937">
            <v>75115</v>
          </cell>
          <cell r="AN3937" t="str">
            <v>MDO C&amp;M</v>
          </cell>
          <cell r="AO3937" t="str">
            <v>MDO INDIANA SOUTHWEST C&amp;M</v>
          </cell>
        </row>
        <row r="3938">
          <cell r="F3938">
            <v>75115</v>
          </cell>
          <cell r="AN3938" t="str">
            <v>MDO C&amp;M</v>
          </cell>
          <cell r="AO3938" t="str">
            <v>MDO INDIANA SOUTHWEST C&amp;M</v>
          </cell>
        </row>
        <row r="3939">
          <cell r="F3939">
            <v>75115</v>
          </cell>
          <cell r="AN3939" t="str">
            <v>MDO C&amp;M</v>
          </cell>
          <cell r="AO3939" t="str">
            <v>MDO INDIANA SOUTHWEST C&amp;M</v>
          </cell>
        </row>
        <row r="3940">
          <cell r="F3940">
            <v>75115</v>
          </cell>
          <cell r="AN3940" t="str">
            <v>MDO C&amp;M</v>
          </cell>
          <cell r="AO3940" t="str">
            <v>MDO INDIANA SOUTHWEST C&amp;M</v>
          </cell>
        </row>
        <row r="3941">
          <cell r="F3941">
            <v>75115</v>
          </cell>
          <cell r="AN3941" t="str">
            <v>MDO C&amp;M</v>
          </cell>
          <cell r="AO3941" t="str">
            <v>MDO INDIANA SOUTHWEST C&amp;M</v>
          </cell>
        </row>
        <row r="3942">
          <cell r="F3942">
            <v>75115</v>
          </cell>
          <cell r="AN3942" t="str">
            <v>MDO C&amp;M</v>
          </cell>
          <cell r="AO3942" t="str">
            <v>MDO INDIANA SOUTHWEST C&amp;M</v>
          </cell>
        </row>
        <row r="3943">
          <cell r="F3943">
            <v>75115</v>
          </cell>
          <cell r="AN3943" t="str">
            <v>MDO C&amp;M</v>
          </cell>
          <cell r="AO3943" t="str">
            <v>MDO INDIANA SOUTHWEST C&amp;M</v>
          </cell>
        </row>
        <row r="3944">
          <cell r="F3944">
            <v>75115</v>
          </cell>
          <cell r="AN3944" t="str">
            <v>MDO C&amp;M</v>
          </cell>
          <cell r="AO3944" t="str">
            <v>MDO INDIANA NORTH C&amp;M</v>
          </cell>
        </row>
        <row r="3945">
          <cell r="F3945">
            <v>75115</v>
          </cell>
          <cell r="AN3945" t="str">
            <v>MDO C&amp;M</v>
          </cell>
          <cell r="AO3945" t="str">
            <v>MDO INDIANA SOUTHEAST C&amp;M</v>
          </cell>
        </row>
        <row r="3946">
          <cell r="F3946">
            <v>75115</v>
          </cell>
          <cell r="AN3946" t="str">
            <v>MDO C&amp;M</v>
          </cell>
          <cell r="AO3946" t="str">
            <v>MDO INDIANA SOUTHWEST C&amp;M</v>
          </cell>
        </row>
        <row r="3947">
          <cell r="F3947">
            <v>75023</v>
          </cell>
          <cell r="AN3947" t="str">
            <v>MDO C&amp;M</v>
          </cell>
          <cell r="AO3947" t="str">
            <v>MDO OH/KEN C&amp;M</v>
          </cell>
        </row>
        <row r="3948">
          <cell r="F3948">
            <v>75023</v>
          </cell>
          <cell r="AN3948" t="str">
            <v>MDO C&amp;M</v>
          </cell>
          <cell r="AO3948" t="str">
            <v>MDO OH/KEN C&amp;M</v>
          </cell>
        </row>
        <row r="3949">
          <cell r="F3949">
            <v>75023</v>
          </cell>
          <cell r="AN3949" t="str">
            <v>MDO C&amp;M</v>
          </cell>
          <cell r="AO3949" t="str">
            <v>MDO OH/KEN C&amp;M</v>
          </cell>
        </row>
        <row r="3950">
          <cell r="F3950">
            <v>75023</v>
          </cell>
          <cell r="AN3950" t="str">
            <v>MDO C&amp;M</v>
          </cell>
          <cell r="AO3950" t="str">
            <v>MDO OH/KEN C&amp;M</v>
          </cell>
        </row>
        <row r="3951">
          <cell r="F3951">
            <v>75023</v>
          </cell>
          <cell r="AN3951" t="str">
            <v>MDO C&amp;M</v>
          </cell>
          <cell r="AO3951" t="str">
            <v>MDO OH/KEN C&amp;M</v>
          </cell>
        </row>
        <row r="3952">
          <cell r="F3952">
            <v>75023</v>
          </cell>
          <cell r="AN3952" t="str">
            <v>MDO C&amp;M</v>
          </cell>
          <cell r="AO3952" t="str">
            <v>MDO OH/KEN C&amp;M</v>
          </cell>
        </row>
        <row r="3953">
          <cell r="F3953">
            <v>75023</v>
          </cell>
          <cell r="AN3953" t="str">
            <v>MDO C&amp;M</v>
          </cell>
          <cell r="AO3953" t="str">
            <v>MDO OH/KEN C&amp;M</v>
          </cell>
        </row>
        <row r="3954">
          <cell r="F3954">
            <v>75023</v>
          </cell>
          <cell r="AN3954" t="str">
            <v>MDO C&amp;M</v>
          </cell>
          <cell r="AO3954" t="str">
            <v>MDO OH/KEN C&amp;M</v>
          </cell>
        </row>
        <row r="3955">
          <cell r="F3955">
            <v>75023</v>
          </cell>
          <cell r="AN3955" t="str">
            <v>MDO C&amp;M</v>
          </cell>
          <cell r="AO3955" t="str">
            <v>MDO OH/KEN C&amp;M</v>
          </cell>
        </row>
        <row r="3956">
          <cell r="F3956">
            <v>75023</v>
          </cell>
          <cell r="AN3956" t="str">
            <v>MDO C&amp;M</v>
          </cell>
          <cell r="AO3956" t="str">
            <v>MDO OH/KEN C&amp;M</v>
          </cell>
        </row>
        <row r="3957">
          <cell r="F3957">
            <v>75023</v>
          </cell>
          <cell r="AN3957" t="str">
            <v>MDO C&amp;M</v>
          </cell>
          <cell r="AO3957" t="str">
            <v>MDO OH/KEN C&amp;M</v>
          </cell>
        </row>
        <row r="3958">
          <cell r="F3958">
            <v>75023</v>
          </cell>
          <cell r="AN3958" t="str">
            <v>MDO C&amp;M</v>
          </cell>
          <cell r="AO3958" t="str">
            <v>MDO OH/KEN C&amp;M</v>
          </cell>
        </row>
        <row r="3959">
          <cell r="F3959">
            <v>75023</v>
          </cell>
          <cell r="AN3959" t="str">
            <v>MDO C&amp;M</v>
          </cell>
          <cell r="AO3959" t="str">
            <v>MDO OH/KEN C&amp;M</v>
          </cell>
        </row>
        <row r="3960">
          <cell r="F3960">
            <v>75023</v>
          </cell>
          <cell r="AN3960" t="str">
            <v>MDO C&amp;M</v>
          </cell>
          <cell r="AO3960" t="str">
            <v>MDO OH/KEN C&amp;M</v>
          </cell>
        </row>
        <row r="3961">
          <cell r="F3961">
            <v>75023</v>
          </cell>
          <cell r="AN3961" t="str">
            <v>MDO C&amp;M</v>
          </cell>
          <cell r="AO3961" t="str">
            <v>MDO OH/KEN C&amp;M</v>
          </cell>
        </row>
        <row r="3962">
          <cell r="F3962">
            <v>75023</v>
          </cell>
          <cell r="AN3962" t="str">
            <v>MDO C&amp;M</v>
          </cell>
          <cell r="AO3962" t="str">
            <v>MDO OH/KEN C&amp;M</v>
          </cell>
        </row>
        <row r="3963">
          <cell r="F3963">
            <v>75023</v>
          </cell>
          <cell r="AN3963" t="str">
            <v>MDO C&amp;M</v>
          </cell>
          <cell r="AO3963" t="str">
            <v>MDO OH/KEN C&amp;M</v>
          </cell>
        </row>
        <row r="3964">
          <cell r="F3964">
            <v>75023</v>
          </cell>
          <cell r="AN3964" t="str">
            <v>MDO C&amp;M</v>
          </cell>
          <cell r="AO3964" t="str">
            <v>MDO OH/KEN C&amp;M</v>
          </cell>
        </row>
        <row r="3965">
          <cell r="F3965">
            <v>75023</v>
          </cell>
          <cell r="AN3965" t="str">
            <v>MDO C&amp;M</v>
          </cell>
          <cell r="AO3965" t="str">
            <v>MDO OH/KEN C&amp;M</v>
          </cell>
        </row>
        <row r="3966">
          <cell r="F3966">
            <v>75023</v>
          </cell>
          <cell r="AN3966" t="str">
            <v>MDO C&amp;M</v>
          </cell>
          <cell r="AO3966" t="str">
            <v>MDO OH/KEN C&amp;M</v>
          </cell>
        </row>
        <row r="3967">
          <cell r="F3967">
            <v>75023</v>
          </cell>
          <cell r="AN3967" t="str">
            <v>MDO C&amp;M</v>
          </cell>
          <cell r="AO3967" t="str">
            <v>MDO OH/KEN C&amp;M</v>
          </cell>
        </row>
        <row r="3968">
          <cell r="F3968">
            <v>75023</v>
          </cell>
          <cell r="AN3968" t="str">
            <v>MDO C&amp;M</v>
          </cell>
          <cell r="AO3968" t="str">
            <v>MDO OH/KEN C&amp;M</v>
          </cell>
        </row>
        <row r="3969">
          <cell r="F3969">
            <v>75023</v>
          </cell>
          <cell r="AN3969" t="str">
            <v>MDO C&amp;M</v>
          </cell>
          <cell r="AO3969" t="str">
            <v>MDO OH/KEN C&amp;M</v>
          </cell>
        </row>
        <row r="3970">
          <cell r="F3970">
            <v>75023</v>
          </cell>
          <cell r="AN3970" t="str">
            <v>MDO C&amp;M</v>
          </cell>
          <cell r="AO3970" t="str">
            <v>MDO OH/KEN C&amp;M</v>
          </cell>
        </row>
        <row r="3971">
          <cell r="F3971">
            <v>75023</v>
          </cell>
          <cell r="AN3971" t="str">
            <v>MDO C&amp;M</v>
          </cell>
          <cell r="AO3971" t="str">
            <v>MDO OH/KEN C&amp;M</v>
          </cell>
        </row>
        <row r="3972">
          <cell r="F3972">
            <v>75023</v>
          </cell>
          <cell r="AN3972" t="str">
            <v>MDO C&amp;M</v>
          </cell>
          <cell r="AO3972" t="str">
            <v>MDO OH/KEN C&amp;M</v>
          </cell>
        </row>
        <row r="3973">
          <cell r="F3973">
            <v>75023</v>
          </cell>
          <cell r="AN3973" t="str">
            <v>MDO C&amp;M</v>
          </cell>
          <cell r="AO3973" t="str">
            <v>MDO OH/KEN C&amp;M</v>
          </cell>
        </row>
        <row r="3974">
          <cell r="F3974">
            <v>75023</v>
          </cell>
          <cell r="AN3974" t="str">
            <v>MDO C&amp;M</v>
          </cell>
          <cell r="AO3974" t="str">
            <v>MDO OH/KEN C&amp;M</v>
          </cell>
        </row>
        <row r="3975">
          <cell r="F3975">
            <v>75023</v>
          </cell>
          <cell r="AN3975" t="str">
            <v>MDO C&amp;M</v>
          </cell>
          <cell r="AO3975" t="str">
            <v>MDO OH/KEN C&amp;M</v>
          </cell>
        </row>
        <row r="3976">
          <cell r="F3976">
            <v>75023</v>
          </cell>
          <cell r="AN3976" t="str">
            <v>MDO C&amp;M</v>
          </cell>
          <cell r="AO3976" t="str">
            <v>MDO OH/KEN C&amp;M</v>
          </cell>
        </row>
        <row r="3977">
          <cell r="F3977">
            <v>75023</v>
          </cell>
          <cell r="AN3977" t="str">
            <v>MDO C&amp;M</v>
          </cell>
          <cell r="AO3977" t="str">
            <v>MDO OH/KEN C&amp;M</v>
          </cell>
        </row>
        <row r="3978">
          <cell r="F3978">
            <v>75023</v>
          </cell>
          <cell r="AN3978" t="str">
            <v>MDO C&amp;M</v>
          </cell>
          <cell r="AO3978" t="str">
            <v>MDO OH/KEN C&amp;M</v>
          </cell>
        </row>
        <row r="3979">
          <cell r="F3979">
            <v>75023</v>
          </cell>
          <cell r="AN3979" t="str">
            <v>MDO C&amp;M</v>
          </cell>
          <cell r="AO3979" t="str">
            <v>MDO OH/KEN C&amp;M</v>
          </cell>
        </row>
        <row r="3980">
          <cell r="F3980">
            <v>75023</v>
          </cell>
          <cell r="AN3980" t="str">
            <v>MDO C&amp;M</v>
          </cell>
          <cell r="AO3980" t="str">
            <v>MDO OH/KEN C&amp;M</v>
          </cell>
        </row>
        <row r="3981">
          <cell r="F3981">
            <v>75023</v>
          </cell>
          <cell r="AN3981" t="str">
            <v>MDO C&amp;M</v>
          </cell>
          <cell r="AO3981" t="str">
            <v>MDO OH/KEN C&amp;M</v>
          </cell>
        </row>
        <row r="3982">
          <cell r="F3982">
            <v>75023</v>
          </cell>
          <cell r="AN3982" t="str">
            <v>MDO C&amp;M</v>
          </cell>
          <cell r="AO3982" t="str">
            <v>MDO OH/KEN C&amp;M</v>
          </cell>
        </row>
        <row r="3983">
          <cell r="F3983">
            <v>75023</v>
          </cell>
          <cell r="AN3983" t="str">
            <v>MDO C&amp;M</v>
          </cell>
          <cell r="AO3983" t="str">
            <v>MDO OH/KEN C&amp;M</v>
          </cell>
        </row>
        <row r="3984">
          <cell r="F3984">
            <v>75023</v>
          </cell>
          <cell r="AN3984" t="str">
            <v>MDO C&amp;M</v>
          </cell>
          <cell r="AO3984" t="str">
            <v>MDO OH/KEN C&amp;M</v>
          </cell>
        </row>
        <row r="3985">
          <cell r="F3985">
            <v>75023</v>
          </cell>
          <cell r="AN3985" t="str">
            <v>MDO C&amp;M</v>
          </cell>
          <cell r="AO3985" t="str">
            <v>MDO OH/KEN C&amp;M</v>
          </cell>
        </row>
        <row r="3986">
          <cell r="F3986">
            <v>75023</v>
          </cell>
          <cell r="AN3986" t="str">
            <v>MDO C&amp;M</v>
          </cell>
          <cell r="AO3986" t="str">
            <v>MDO OH/KEN C&amp;M</v>
          </cell>
        </row>
        <row r="3987">
          <cell r="F3987">
            <v>75023</v>
          </cell>
          <cell r="AN3987" t="str">
            <v>MDO C&amp;M</v>
          </cell>
          <cell r="AO3987" t="str">
            <v>MDO OH/KEN C&amp;M</v>
          </cell>
        </row>
        <row r="3988">
          <cell r="F3988">
            <v>75023</v>
          </cell>
          <cell r="AN3988" t="str">
            <v>MDO C&amp;M</v>
          </cell>
          <cell r="AO3988" t="str">
            <v>MDO OH/KEN C&amp;M</v>
          </cell>
        </row>
        <row r="3989">
          <cell r="F3989">
            <v>75023</v>
          </cell>
          <cell r="AN3989" t="str">
            <v>MDO C&amp;M</v>
          </cell>
          <cell r="AO3989" t="str">
            <v>MDO OH/KEN C&amp;M</v>
          </cell>
        </row>
        <row r="3990">
          <cell r="F3990">
            <v>75023</v>
          </cell>
          <cell r="AN3990" t="str">
            <v>MDO C&amp;M</v>
          </cell>
          <cell r="AO3990" t="str">
            <v>MDO OH/KEN C&amp;M</v>
          </cell>
        </row>
        <row r="3991">
          <cell r="F3991">
            <v>75023</v>
          </cell>
          <cell r="AN3991" t="str">
            <v>MDO C&amp;M</v>
          </cell>
          <cell r="AO3991" t="str">
            <v>MDO OH/KEN C&amp;M</v>
          </cell>
        </row>
        <row r="3992">
          <cell r="F3992">
            <v>75023</v>
          </cell>
          <cell r="AN3992" t="str">
            <v>MDO C&amp;M</v>
          </cell>
          <cell r="AO3992" t="str">
            <v>MDO OH/KEN C&amp;M</v>
          </cell>
        </row>
        <row r="3993">
          <cell r="F3993">
            <v>75023</v>
          </cell>
          <cell r="AN3993" t="str">
            <v>MDO C&amp;M</v>
          </cell>
          <cell r="AO3993" t="str">
            <v>MDO OH/KEN C&amp;M</v>
          </cell>
        </row>
        <row r="3994">
          <cell r="F3994">
            <v>75023</v>
          </cell>
          <cell r="AN3994" t="str">
            <v>MDO C&amp;M</v>
          </cell>
          <cell r="AO3994" t="str">
            <v>MDO OH/KEN C&amp;M</v>
          </cell>
        </row>
        <row r="3995">
          <cell r="F3995">
            <v>75023</v>
          </cell>
          <cell r="AN3995" t="str">
            <v>MDO C&amp;M</v>
          </cell>
          <cell r="AO3995" t="str">
            <v>MDO OH/KEN C&amp;M</v>
          </cell>
        </row>
        <row r="3996">
          <cell r="F3996">
            <v>75023</v>
          </cell>
          <cell r="AN3996" t="str">
            <v>MDO C&amp;M</v>
          </cell>
          <cell r="AO3996" t="str">
            <v>MDO OH/KEN C&amp;M</v>
          </cell>
        </row>
        <row r="3997">
          <cell r="F3997">
            <v>75023</v>
          </cell>
          <cell r="AN3997" t="str">
            <v>MDO C&amp;M</v>
          </cell>
          <cell r="AO3997" t="str">
            <v>MDO OH/KEN C&amp;M</v>
          </cell>
        </row>
        <row r="3998">
          <cell r="F3998">
            <v>75023</v>
          </cell>
          <cell r="AN3998" t="str">
            <v>MDO C&amp;M</v>
          </cell>
          <cell r="AO3998" t="str">
            <v>MDO OH/KEN C&amp;M</v>
          </cell>
        </row>
        <row r="3999">
          <cell r="F3999">
            <v>75023</v>
          </cell>
          <cell r="AN3999" t="str">
            <v>MDO C&amp;M</v>
          </cell>
          <cell r="AO3999" t="str">
            <v>MDO OH/KEN C&amp;M</v>
          </cell>
        </row>
        <row r="4000">
          <cell r="F4000">
            <v>75023</v>
          </cell>
          <cell r="AN4000" t="str">
            <v>MDO C&amp;M</v>
          </cell>
          <cell r="AO4000" t="str">
            <v>MDO OH/KEN C&amp;M</v>
          </cell>
        </row>
        <row r="4001">
          <cell r="F4001">
            <v>75023</v>
          </cell>
          <cell r="AN4001" t="str">
            <v>MDO C&amp;M</v>
          </cell>
          <cell r="AO4001" t="str">
            <v>MDO OH/KEN C&amp;M</v>
          </cell>
        </row>
        <row r="4002">
          <cell r="F4002">
            <v>75023</v>
          </cell>
          <cell r="AN4002" t="str">
            <v>MDO C&amp;M</v>
          </cell>
          <cell r="AO4002" t="str">
            <v>MDO OH/KEN C&amp;M</v>
          </cell>
        </row>
        <row r="4003">
          <cell r="F4003">
            <v>75023</v>
          </cell>
          <cell r="AN4003" t="str">
            <v>MDO C&amp;M</v>
          </cell>
          <cell r="AO4003" t="str">
            <v>MDO OH/KEN C&amp;M</v>
          </cell>
        </row>
        <row r="4004">
          <cell r="F4004">
            <v>75023</v>
          </cell>
          <cell r="AN4004" t="str">
            <v>MDO C&amp;M</v>
          </cell>
          <cell r="AO4004" t="str">
            <v>MDO OH/KEN C&amp;M</v>
          </cell>
        </row>
        <row r="4005">
          <cell r="F4005">
            <v>75023</v>
          </cell>
          <cell r="AN4005" t="str">
            <v>MDO C&amp;M</v>
          </cell>
          <cell r="AO4005" t="str">
            <v>MDO OH/KEN C&amp;M</v>
          </cell>
        </row>
        <row r="4006">
          <cell r="F4006">
            <v>75023</v>
          </cell>
          <cell r="AN4006" t="str">
            <v>MDO C&amp;M</v>
          </cell>
          <cell r="AO4006" t="str">
            <v>MDO OH/KEN C&amp;M</v>
          </cell>
        </row>
        <row r="4007">
          <cell r="F4007">
            <v>75023</v>
          </cell>
          <cell r="AN4007" t="str">
            <v>MDO C&amp;M</v>
          </cell>
          <cell r="AO4007" t="str">
            <v>MDO OH/KEN C&amp;M</v>
          </cell>
        </row>
        <row r="4008">
          <cell r="F4008">
            <v>75023</v>
          </cell>
          <cell r="AN4008" t="str">
            <v>MDO C&amp;M</v>
          </cell>
          <cell r="AO4008" t="str">
            <v>MDO OH/KEN C&amp;M</v>
          </cell>
        </row>
        <row r="4009">
          <cell r="F4009">
            <v>75023</v>
          </cell>
          <cell r="AN4009" t="str">
            <v>MDO C&amp;M</v>
          </cell>
          <cell r="AO4009" t="str">
            <v>MDO OH/KEN C&amp;M</v>
          </cell>
        </row>
        <row r="4010">
          <cell r="F4010">
            <v>75023</v>
          </cell>
          <cell r="AN4010" t="str">
            <v>MDO C&amp;M</v>
          </cell>
          <cell r="AO4010" t="str">
            <v>MDO OH/KEN C&amp;M</v>
          </cell>
        </row>
        <row r="4011">
          <cell r="F4011">
            <v>75023</v>
          </cell>
          <cell r="AN4011" t="str">
            <v>MDO C&amp;M</v>
          </cell>
          <cell r="AO4011" t="str">
            <v>MDO OH/KEN C&amp;M</v>
          </cell>
        </row>
        <row r="4012">
          <cell r="F4012">
            <v>75023</v>
          </cell>
          <cell r="AN4012" t="str">
            <v>MDO C&amp;M</v>
          </cell>
          <cell r="AO4012" t="str">
            <v>MDO OH/KEN C&amp;M</v>
          </cell>
        </row>
        <row r="4013">
          <cell r="F4013">
            <v>75084</v>
          </cell>
          <cell r="AN4013" t="str">
            <v>MDO C&amp;M</v>
          </cell>
          <cell r="AO4013" t="str">
            <v>MDO OH/KEN C&amp;M</v>
          </cell>
        </row>
        <row r="4014">
          <cell r="F4014">
            <v>75084</v>
          </cell>
          <cell r="AN4014" t="str">
            <v>MDO C&amp;M</v>
          </cell>
          <cell r="AO4014" t="str">
            <v>MDO OH/KEN C&amp;M</v>
          </cell>
        </row>
        <row r="4015">
          <cell r="F4015">
            <v>75084</v>
          </cell>
          <cell r="AN4015" t="str">
            <v>MDO C&amp;M</v>
          </cell>
          <cell r="AO4015" t="str">
            <v>MDO OH/KEN C&amp;M</v>
          </cell>
        </row>
        <row r="4016">
          <cell r="F4016">
            <v>75084</v>
          </cell>
          <cell r="AN4016" t="str">
            <v>MDO C&amp;M</v>
          </cell>
          <cell r="AO4016" t="str">
            <v>MDO OH/KEN C&amp;M</v>
          </cell>
        </row>
        <row r="4017">
          <cell r="F4017">
            <v>75084</v>
          </cell>
          <cell r="AN4017" t="str">
            <v>MDO C&amp;M</v>
          </cell>
          <cell r="AO4017" t="str">
            <v>MDO OH/KEN C&amp;M</v>
          </cell>
        </row>
        <row r="4018">
          <cell r="F4018">
            <v>75084</v>
          </cell>
          <cell r="AN4018" t="str">
            <v>MDO C&amp;M</v>
          </cell>
          <cell r="AO4018" t="str">
            <v>MDO OH/KEN C&amp;M</v>
          </cell>
        </row>
        <row r="4019">
          <cell r="F4019">
            <v>75084</v>
          </cell>
          <cell r="AN4019" t="str">
            <v>MDO C&amp;M</v>
          </cell>
          <cell r="AO4019" t="str">
            <v>MDO OH/KEN C&amp;M</v>
          </cell>
        </row>
        <row r="4020">
          <cell r="F4020">
            <v>75084</v>
          </cell>
          <cell r="AN4020" t="str">
            <v>MDO C&amp;M</v>
          </cell>
          <cell r="AO4020" t="str">
            <v>MDO OH/KEN C&amp;M</v>
          </cell>
        </row>
        <row r="4021">
          <cell r="F4021">
            <v>75084</v>
          </cell>
          <cell r="AN4021" t="str">
            <v>MDO C&amp;M</v>
          </cell>
          <cell r="AO4021" t="str">
            <v>MDO OH/KEN C&amp;M</v>
          </cell>
        </row>
        <row r="4022">
          <cell r="F4022">
            <v>75084</v>
          </cell>
          <cell r="AN4022" t="str">
            <v>MDO C&amp;M</v>
          </cell>
          <cell r="AO4022" t="str">
            <v>MDO OH/KEN C&amp;M</v>
          </cell>
        </row>
        <row r="4023">
          <cell r="F4023">
            <v>75084</v>
          </cell>
          <cell r="AN4023" t="str">
            <v>MDO C&amp;M</v>
          </cell>
          <cell r="AO4023" t="str">
            <v>MDO OH/KEN C&amp;M</v>
          </cell>
        </row>
        <row r="4024">
          <cell r="F4024">
            <v>75084</v>
          </cell>
          <cell r="AN4024" t="str">
            <v>MDO C&amp;M</v>
          </cell>
          <cell r="AO4024" t="str">
            <v>MDO OH/KEN C&amp;M</v>
          </cell>
        </row>
        <row r="4025">
          <cell r="F4025">
            <v>75084</v>
          </cell>
          <cell r="AN4025" t="str">
            <v>MDO C&amp;M</v>
          </cell>
          <cell r="AO4025" t="str">
            <v>MDO OH/KEN C&amp;M</v>
          </cell>
        </row>
        <row r="4026">
          <cell r="F4026">
            <v>75084</v>
          </cell>
          <cell r="AN4026" t="str">
            <v>MDO C&amp;M</v>
          </cell>
          <cell r="AO4026" t="str">
            <v>MDO OH/KEN C&amp;M</v>
          </cell>
        </row>
        <row r="4027">
          <cell r="F4027">
            <v>75084</v>
          </cell>
          <cell r="AN4027" t="str">
            <v>MDO C&amp;M</v>
          </cell>
          <cell r="AO4027" t="str">
            <v>MDO OH/KEN C&amp;M</v>
          </cell>
        </row>
        <row r="4028">
          <cell r="F4028">
            <v>75084</v>
          </cell>
          <cell r="AN4028" t="str">
            <v>MDO C&amp;M</v>
          </cell>
          <cell r="AO4028" t="str">
            <v>MDO OH/KEN C&amp;M</v>
          </cell>
        </row>
        <row r="4029">
          <cell r="F4029">
            <v>75084</v>
          </cell>
          <cell r="AN4029" t="str">
            <v>MDO C&amp;M</v>
          </cell>
          <cell r="AO4029" t="str">
            <v>MDO OH/KEN C&amp;M</v>
          </cell>
        </row>
        <row r="4030">
          <cell r="F4030">
            <v>75084</v>
          </cell>
          <cell r="AN4030" t="str">
            <v>MDO C&amp;M</v>
          </cell>
          <cell r="AO4030" t="str">
            <v>MDO OH/KEN C&amp;M</v>
          </cell>
        </row>
        <row r="4031">
          <cell r="F4031">
            <v>75084</v>
          </cell>
          <cell r="AN4031" t="str">
            <v>MDO C&amp;M</v>
          </cell>
          <cell r="AO4031" t="str">
            <v>MDO OH/KEN C&amp;M</v>
          </cell>
        </row>
        <row r="4032">
          <cell r="F4032">
            <v>75084</v>
          </cell>
          <cell r="AN4032" t="str">
            <v>MDO C&amp;M</v>
          </cell>
          <cell r="AO4032" t="str">
            <v>MDO OH/KEN C&amp;M</v>
          </cell>
        </row>
        <row r="4033">
          <cell r="F4033">
            <v>75084</v>
          </cell>
          <cell r="AN4033" t="str">
            <v>MDO C&amp;M</v>
          </cell>
          <cell r="AO4033" t="str">
            <v>MDO OH/KEN C&amp;M</v>
          </cell>
        </row>
        <row r="4034">
          <cell r="F4034">
            <v>75084</v>
          </cell>
          <cell r="AN4034" t="str">
            <v>MDO C&amp;M</v>
          </cell>
          <cell r="AO4034" t="str">
            <v>MDO OH/KEN C&amp;M</v>
          </cell>
        </row>
        <row r="4035">
          <cell r="F4035">
            <v>75084</v>
          </cell>
          <cell r="AN4035" t="str">
            <v>MDO C&amp;M</v>
          </cell>
          <cell r="AO4035" t="str">
            <v>MDO OH/KEN C&amp;M</v>
          </cell>
        </row>
        <row r="4036">
          <cell r="F4036">
            <v>75084</v>
          </cell>
          <cell r="AN4036" t="str">
            <v>MDO C&amp;M</v>
          </cell>
          <cell r="AO4036" t="str">
            <v>MDO OH/KEN C&amp;M</v>
          </cell>
        </row>
        <row r="4037">
          <cell r="F4037">
            <v>75084</v>
          </cell>
          <cell r="AN4037" t="str">
            <v>MDO C&amp;M</v>
          </cell>
          <cell r="AO4037" t="str">
            <v>MDO OH/KEN C&amp;M</v>
          </cell>
        </row>
        <row r="4038">
          <cell r="F4038">
            <v>75084</v>
          </cell>
          <cell r="AN4038" t="str">
            <v>MDO C&amp;M</v>
          </cell>
          <cell r="AO4038" t="str">
            <v>MDO OH/KEN C&amp;M</v>
          </cell>
        </row>
        <row r="4039">
          <cell r="F4039">
            <v>75084</v>
          </cell>
          <cell r="AN4039" t="str">
            <v>MDO C&amp;M</v>
          </cell>
          <cell r="AO4039" t="str">
            <v>MDO OH/KEN C&amp;M</v>
          </cell>
        </row>
        <row r="4040">
          <cell r="F4040">
            <v>75084</v>
          </cell>
          <cell r="AN4040" t="str">
            <v>MDO C&amp;M</v>
          </cell>
          <cell r="AO4040" t="str">
            <v>MDO OH/KEN C&amp;M</v>
          </cell>
        </row>
        <row r="4041">
          <cell r="F4041">
            <v>75084</v>
          </cell>
          <cell r="AN4041" t="str">
            <v>MDO C&amp;M</v>
          </cell>
          <cell r="AO4041" t="str">
            <v>MDO OH/KEN C&amp;M</v>
          </cell>
        </row>
        <row r="4042">
          <cell r="F4042">
            <v>75084</v>
          </cell>
          <cell r="AN4042" t="str">
            <v>MDO C&amp;M</v>
          </cell>
          <cell r="AO4042" t="str">
            <v>MDO OH/KEN C&amp;M</v>
          </cell>
        </row>
        <row r="4043">
          <cell r="F4043">
            <v>75084</v>
          </cell>
          <cell r="AN4043" t="str">
            <v>MDO C&amp;M</v>
          </cell>
          <cell r="AO4043" t="str">
            <v>MDO OH/KEN C&amp;M</v>
          </cell>
        </row>
        <row r="4044">
          <cell r="F4044">
            <v>75084</v>
          </cell>
          <cell r="AN4044" t="str">
            <v>MDO C&amp;M</v>
          </cell>
          <cell r="AO4044" t="str">
            <v>MDO OH/KEN C&amp;M</v>
          </cell>
        </row>
        <row r="4045">
          <cell r="F4045">
            <v>75084</v>
          </cell>
          <cell r="AN4045" t="str">
            <v>MDO C&amp;M</v>
          </cell>
          <cell r="AO4045" t="str">
            <v>MDO OH/KEN C&amp;M</v>
          </cell>
        </row>
        <row r="4046">
          <cell r="F4046">
            <v>75084</v>
          </cell>
          <cell r="AN4046" t="str">
            <v>MDO C&amp;M</v>
          </cell>
          <cell r="AO4046" t="str">
            <v>MDO OH/KEN C&amp;M</v>
          </cell>
        </row>
        <row r="4047">
          <cell r="F4047">
            <v>75084</v>
          </cell>
          <cell r="AN4047" t="str">
            <v>MDO C&amp;M</v>
          </cell>
          <cell r="AO4047" t="str">
            <v>MDO OH/KEN C&amp;M</v>
          </cell>
        </row>
        <row r="4048">
          <cell r="F4048">
            <v>75084</v>
          </cell>
          <cell r="AN4048" t="str">
            <v>MDO C&amp;M</v>
          </cell>
          <cell r="AO4048" t="str">
            <v>MDO OH/KEN C&amp;M</v>
          </cell>
        </row>
        <row r="4049">
          <cell r="F4049">
            <v>75084</v>
          </cell>
          <cell r="AN4049" t="str">
            <v>MDO C&amp;M</v>
          </cell>
          <cell r="AO4049" t="str">
            <v>MDO OH/KEN C&amp;M</v>
          </cell>
        </row>
        <row r="4050">
          <cell r="F4050">
            <v>75084</v>
          </cell>
          <cell r="AN4050" t="str">
            <v>MDO C&amp;M</v>
          </cell>
          <cell r="AO4050" t="str">
            <v>MDO OH/KEN C&amp;M</v>
          </cell>
        </row>
        <row r="4051">
          <cell r="F4051">
            <v>75084</v>
          </cell>
          <cell r="AN4051" t="str">
            <v>MDO C&amp;M</v>
          </cell>
          <cell r="AO4051" t="str">
            <v>MDO OH/KEN C&amp;M</v>
          </cell>
        </row>
        <row r="4052">
          <cell r="F4052">
            <v>75084</v>
          </cell>
          <cell r="AN4052" t="str">
            <v>MDO C&amp;M</v>
          </cell>
          <cell r="AO4052" t="str">
            <v>MDO OH/KEN C&amp;M</v>
          </cell>
        </row>
        <row r="4053">
          <cell r="F4053">
            <v>75084</v>
          </cell>
          <cell r="AN4053" t="str">
            <v>MDO C&amp;M</v>
          </cell>
          <cell r="AO4053" t="str">
            <v>MDO OH/KEN C&amp;M</v>
          </cell>
        </row>
        <row r="4054">
          <cell r="F4054">
            <v>75084</v>
          </cell>
          <cell r="AN4054" t="str">
            <v>MDO C&amp;M</v>
          </cell>
          <cell r="AO4054" t="str">
            <v>MDO OH/KEN C&amp;M</v>
          </cell>
        </row>
        <row r="4055">
          <cell r="F4055">
            <v>75084</v>
          </cell>
          <cell r="AN4055" t="str">
            <v>MDO C&amp;M</v>
          </cell>
          <cell r="AO4055" t="str">
            <v>MDO OH/KEN C&amp;M</v>
          </cell>
        </row>
        <row r="4056">
          <cell r="F4056">
            <v>75084</v>
          </cell>
          <cell r="AN4056" t="str">
            <v>MDO C&amp;M</v>
          </cell>
          <cell r="AO4056" t="str">
            <v>MDO OH/KEN C&amp;M</v>
          </cell>
        </row>
        <row r="4057">
          <cell r="F4057">
            <v>75084</v>
          </cell>
          <cell r="AN4057" t="str">
            <v>MDO C&amp;M</v>
          </cell>
          <cell r="AO4057" t="str">
            <v>MDO OH/KEN C&amp;M</v>
          </cell>
        </row>
        <row r="4058">
          <cell r="F4058">
            <v>75084</v>
          </cell>
          <cell r="AN4058" t="str">
            <v>MDO C&amp;M</v>
          </cell>
          <cell r="AO4058" t="str">
            <v>MDO OH/KEN C&amp;M</v>
          </cell>
        </row>
        <row r="4059">
          <cell r="F4059">
            <v>75084</v>
          </cell>
          <cell r="AN4059" t="str">
            <v>MDO C&amp;M</v>
          </cell>
          <cell r="AO4059" t="str">
            <v>MDO OH/KEN C&amp;M</v>
          </cell>
        </row>
        <row r="4060">
          <cell r="F4060">
            <v>75084</v>
          </cell>
          <cell r="AN4060" t="str">
            <v>MDO C&amp;M</v>
          </cell>
          <cell r="AO4060" t="str">
            <v>MDO OH/KEN C&amp;M</v>
          </cell>
        </row>
        <row r="4061">
          <cell r="F4061">
            <v>75084</v>
          </cell>
          <cell r="AN4061" t="str">
            <v>MDO C&amp;M</v>
          </cell>
          <cell r="AO4061" t="str">
            <v>MDO OH/KEN C&amp;M</v>
          </cell>
        </row>
        <row r="4062">
          <cell r="F4062">
            <v>75084</v>
          </cell>
          <cell r="AN4062" t="str">
            <v>MDO C&amp;M</v>
          </cell>
          <cell r="AO4062" t="str">
            <v>MDO OH/KEN C&amp;M</v>
          </cell>
        </row>
        <row r="4063">
          <cell r="F4063">
            <v>75084</v>
          </cell>
          <cell r="AN4063" t="str">
            <v>MDO C&amp;M</v>
          </cell>
          <cell r="AO4063" t="str">
            <v>MDO OH/KEN C&amp;M</v>
          </cell>
        </row>
        <row r="4064">
          <cell r="F4064">
            <v>75084</v>
          </cell>
          <cell r="AN4064" t="str">
            <v>MDO C&amp;M</v>
          </cell>
          <cell r="AO4064" t="str">
            <v>MDO OH/KEN C&amp;M</v>
          </cell>
        </row>
        <row r="4065">
          <cell r="F4065">
            <v>75084</v>
          </cell>
          <cell r="AN4065" t="str">
            <v>MDO C&amp;M</v>
          </cell>
          <cell r="AO4065" t="str">
            <v>MDO OH/KEN C&amp;M</v>
          </cell>
        </row>
        <row r="4066">
          <cell r="F4066">
            <v>75084</v>
          </cell>
          <cell r="AN4066" t="str">
            <v>MDO C&amp;M</v>
          </cell>
          <cell r="AO4066" t="str">
            <v>MDO OH/KEN C&amp;M</v>
          </cell>
        </row>
        <row r="4067">
          <cell r="F4067">
            <v>75084</v>
          </cell>
          <cell r="AN4067" t="str">
            <v>MDO C&amp;M</v>
          </cell>
          <cell r="AO4067" t="str">
            <v>MDO OH/KEN C&amp;M</v>
          </cell>
        </row>
        <row r="4068">
          <cell r="F4068">
            <v>75084</v>
          </cell>
          <cell r="AN4068" t="str">
            <v>MDO C&amp;M</v>
          </cell>
          <cell r="AO4068" t="str">
            <v>MDO OH/KEN C&amp;M</v>
          </cell>
        </row>
        <row r="4069">
          <cell r="F4069">
            <v>75084</v>
          </cell>
          <cell r="AN4069" t="str">
            <v>MDO C&amp;M</v>
          </cell>
          <cell r="AO4069" t="str">
            <v>MDO OH/KEN C&amp;M</v>
          </cell>
        </row>
        <row r="4070">
          <cell r="F4070">
            <v>75084</v>
          </cell>
          <cell r="AN4070" t="str">
            <v>MDO C&amp;M</v>
          </cell>
          <cell r="AO4070" t="str">
            <v>MDO OH/KEN C&amp;M</v>
          </cell>
        </row>
        <row r="4071">
          <cell r="F4071">
            <v>75084</v>
          </cell>
          <cell r="AN4071" t="str">
            <v>MDO C&amp;M</v>
          </cell>
          <cell r="AO4071" t="str">
            <v>MDO OH/KEN C&amp;M</v>
          </cell>
        </row>
        <row r="4072">
          <cell r="F4072">
            <v>75084</v>
          </cell>
          <cell r="AN4072" t="str">
            <v>MDO C&amp;M</v>
          </cell>
          <cell r="AO4072" t="str">
            <v>MDO OH/KEN C&amp;M</v>
          </cell>
        </row>
        <row r="4073">
          <cell r="F4073">
            <v>75084</v>
          </cell>
          <cell r="AN4073" t="str">
            <v>MDO C&amp;M</v>
          </cell>
          <cell r="AO4073" t="str">
            <v>MDO OH/KEN C&amp;M</v>
          </cell>
        </row>
        <row r="4074">
          <cell r="F4074">
            <v>75084</v>
          </cell>
          <cell r="AN4074" t="str">
            <v>MDO C&amp;M</v>
          </cell>
          <cell r="AO4074" t="str">
            <v>MDO OH/KEN C&amp;M</v>
          </cell>
        </row>
        <row r="4075">
          <cell r="F4075">
            <v>75084</v>
          </cell>
          <cell r="AN4075" t="str">
            <v>MDO C&amp;M</v>
          </cell>
          <cell r="AO4075" t="str">
            <v>MDO OH/KEN C&amp;M</v>
          </cell>
        </row>
        <row r="4076">
          <cell r="F4076">
            <v>75084</v>
          </cell>
          <cell r="AN4076" t="str">
            <v>MDO C&amp;M</v>
          </cell>
          <cell r="AO4076" t="str">
            <v>MDO OH/KEN C&amp;M</v>
          </cell>
        </row>
        <row r="4077">
          <cell r="F4077">
            <v>75084</v>
          </cell>
          <cell r="AN4077" t="str">
            <v>MDO C&amp;M</v>
          </cell>
          <cell r="AO4077" t="str">
            <v>MDO OH/KEN C&amp;M</v>
          </cell>
        </row>
        <row r="4078">
          <cell r="F4078">
            <v>75084</v>
          </cell>
          <cell r="AN4078" t="str">
            <v>MDO C&amp;M</v>
          </cell>
          <cell r="AO4078" t="str">
            <v>MDO OH/KEN C&amp;M</v>
          </cell>
        </row>
        <row r="4079">
          <cell r="F4079">
            <v>75115</v>
          </cell>
          <cell r="AN4079" t="str">
            <v>MDO C&amp;M</v>
          </cell>
          <cell r="AO4079" t="str">
            <v>MDO INDIANA SOUTHWEST C&amp;M</v>
          </cell>
        </row>
        <row r="4080">
          <cell r="F4080">
            <v>75115</v>
          </cell>
          <cell r="AN4080" t="str">
            <v>MDO C&amp;M</v>
          </cell>
          <cell r="AO4080" t="str">
            <v>MDO INDIANA SOUTHWEST C&amp;M</v>
          </cell>
        </row>
        <row r="4081">
          <cell r="F4081">
            <v>75115</v>
          </cell>
          <cell r="AN4081" t="str">
            <v>MDO C&amp;M</v>
          </cell>
          <cell r="AO4081" t="str">
            <v>MDO INDIANA SOUTHWEST C&amp;M</v>
          </cell>
        </row>
        <row r="4082">
          <cell r="F4082">
            <v>75115</v>
          </cell>
          <cell r="AN4082" t="str">
            <v>MDO C&amp;M</v>
          </cell>
          <cell r="AO4082" t="str">
            <v>MDO INDIANA SOUTHWEST C&amp;M</v>
          </cell>
        </row>
        <row r="4083">
          <cell r="F4083">
            <v>75115</v>
          </cell>
          <cell r="AN4083" t="str">
            <v>MDO C&amp;M</v>
          </cell>
          <cell r="AO4083" t="str">
            <v>MDO INDIANA SOUTHWEST C&amp;M</v>
          </cell>
        </row>
        <row r="4084">
          <cell r="F4084">
            <v>75115</v>
          </cell>
          <cell r="AN4084" t="str">
            <v>MDO C&amp;M</v>
          </cell>
          <cell r="AO4084" t="str">
            <v>MDO INDIANA SOUTHWEST C&amp;M</v>
          </cell>
        </row>
        <row r="4085">
          <cell r="F4085">
            <v>75115</v>
          </cell>
          <cell r="AN4085" t="str">
            <v>MDO C&amp;M</v>
          </cell>
          <cell r="AO4085" t="str">
            <v>MDO INDIANA SOUTHWEST C&amp;M</v>
          </cell>
        </row>
        <row r="4086">
          <cell r="F4086">
            <v>75115</v>
          </cell>
          <cell r="AN4086" t="str">
            <v>MDO C&amp;M</v>
          </cell>
          <cell r="AO4086" t="str">
            <v>MDO INDIANA SOUTHWEST C&amp;M</v>
          </cell>
        </row>
        <row r="4087">
          <cell r="F4087">
            <v>75115</v>
          </cell>
          <cell r="AN4087" t="str">
            <v>MDO C&amp;M</v>
          </cell>
          <cell r="AO4087" t="str">
            <v>MDO INDIANA SOUTHWEST C&amp;M</v>
          </cell>
        </row>
        <row r="4088">
          <cell r="F4088">
            <v>75115</v>
          </cell>
          <cell r="AN4088" t="str">
            <v>MDO C&amp;M</v>
          </cell>
          <cell r="AO4088" t="str">
            <v>MDO INDIANA SOUTHWEST C&amp;M</v>
          </cell>
        </row>
        <row r="4089">
          <cell r="F4089">
            <v>75115</v>
          </cell>
          <cell r="AN4089" t="str">
            <v>MDO C&amp;M</v>
          </cell>
          <cell r="AO4089" t="str">
            <v>MDO INDIANA SOUTHWEST C&amp;M</v>
          </cell>
        </row>
        <row r="4090">
          <cell r="F4090">
            <v>75115</v>
          </cell>
          <cell r="AN4090" t="str">
            <v>MDO C&amp;M</v>
          </cell>
          <cell r="AO4090" t="str">
            <v>MDO INDIANA SOUTHWEST C&amp;M</v>
          </cell>
        </row>
        <row r="4091">
          <cell r="F4091">
            <v>75115</v>
          </cell>
          <cell r="AN4091" t="str">
            <v>MDO C&amp;M</v>
          </cell>
          <cell r="AO4091" t="str">
            <v>MDO INDIANA SOUTHEAST C&amp;M</v>
          </cell>
        </row>
        <row r="4092">
          <cell r="F4092">
            <v>75115</v>
          </cell>
          <cell r="AN4092" t="str">
            <v>MDO C&amp;M</v>
          </cell>
          <cell r="AO4092" t="str">
            <v>MDO INDIANA SOUTHEAST C&amp;M</v>
          </cell>
        </row>
        <row r="4093">
          <cell r="F4093">
            <v>75115</v>
          </cell>
          <cell r="AN4093" t="str">
            <v>MDO C&amp;M</v>
          </cell>
          <cell r="AO4093" t="str">
            <v>MDO INDIANA SOUTHEAST C&amp;M</v>
          </cell>
        </row>
        <row r="4094">
          <cell r="F4094">
            <v>75115</v>
          </cell>
          <cell r="AN4094" t="str">
            <v>MDO C&amp;M</v>
          </cell>
          <cell r="AO4094" t="str">
            <v>MDO INDIANA SOUTHEAST C&amp;M</v>
          </cell>
        </row>
        <row r="4095">
          <cell r="F4095">
            <v>75115</v>
          </cell>
          <cell r="AN4095" t="str">
            <v>MDO C&amp;M</v>
          </cell>
          <cell r="AO4095" t="str">
            <v>MDO INDIANA SOUTHEAST C&amp;M</v>
          </cell>
        </row>
        <row r="4096">
          <cell r="F4096">
            <v>75115</v>
          </cell>
          <cell r="AN4096" t="str">
            <v>MDO C&amp;M</v>
          </cell>
          <cell r="AO4096" t="str">
            <v>MDO INDIANA SOUTHEAST C&amp;M</v>
          </cell>
        </row>
        <row r="4097">
          <cell r="F4097">
            <v>75115</v>
          </cell>
          <cell r="AN4097" t="str">
            <v>MDO C&amp;M</v>
          </cell>
          <cell r="AO4097" t="str">
            <v>MDO INDIANA SOUTHEAST C&amp;M</v>
          </cell>
        </row>
        <row r="4098">
          <cell r="F4098">
            <v>75115</v>
          </cell>
          <cell r="AN4098" t="str">
            <v>MDO C&amp;M</v>
          </cell>
          <cell r="AO4098" t="str">
            <v>MDO INDIANA SOUTHEAST C&amp;M</v>
          </cell>
        </row>
        <row r="4099">
          <cell r="F4099">
            <v>75115</v>
          </cell>
          <cell r="AN4099" t="str">
            <v>MDO C&amp;M</v>
          </cell>
          <cell r="AO4099" t="str">
            <v>MDO INDIANA SOUTHEAST C&amp;M</v>
          </cell>
        </row>
        <row r="4100">
          <cell r="F4100">
            <v>75115</v>
          </cell>
          <cell r="AN4100" t="str">
            <v>MDO C&amp;M</v>
          </cell>
          <cell r="AO4100" t="str">
            <v>MDO INDIANA SOUTHEAST C&amp;M</v>
          </cell>
        </row>
        <row r="4101">
          <cell r="F4101">
            <v>75115</v>
          </cell>
          <cell r="AN4101" t="str">
            <v>MDO C&amp;M</v>
          </cell>
          <cell r="AO4101" t="str">
            <v>MDO INDIANA SOUTHEAST C&amp;M</v>
          </cell>
        </row>
        <row r="4102">
          <cell r="F4102">
            <v>75115</v>
          </cell>
          <cell r="AN4102" t="str">
            <v>MDO C&amp;M</v>
          </cell>
          <cell r="AO4102" t="str">
            <v>MDO INDIANA SOUTHEAST C&amp;M</v>
          </cell>
        </row>
        <row r="4103">
          <cell r="F4103">
            <v>75115</v>
          </cell>
          <cell r="AN4103" t="str">
            <v>MDO C&amp;M</v>
          </cell>
          <cell r="AO4103" t="str">
            <v>MDO INDIANA NORTH C&amp;M</v>
          </cell>
        </row>
        <row r="4104">
          <cell r="F4104">
            <v>75115</v>
          </cell>
          <cell r="AN4104" t="str">
            <v>MDO C&amp;M</v>
          </cell>
          <cell r="AO4104" t="str">
            <v>MDO INDIANA NORTH C&amp;M</v>
          </cell>
        </row>
        <row r="4105">
          <cell r="F4105">
            <v>75115</v>
          </cell>
          <cell r="AN4105" t="str">
            <v>MDO C&amp;M</v>
          </cell>
          <cell r="AO4105" t="str">
            <v>MDO INDIANA NORTH C&amp;M</v>
          </cell>
        </row>
        <row r="4106">
          <cell r="F4106">
            <v>75115</v>
          </cell>
          <cell r="AN4106" t="str">
            <v>MDO C&amp;M</v>
          </cell>
          <cell r="AO4106" t="str">
            <v>MDO INDIANA NORTH C&amp;M</v>
          </cell>
        </row>
        <row r="4107">
          <cell r="F4107">
            <v>75115</v>
          </cell>
          <cell r="AN4107" t="str">
            <v>MDO C&amp;M</v>
          </cell>
          <cell r="AO4107" t="str">
            <v>MDO INDIANA NORTH C&amp;M</v>
          </cell>
        </row>
        <row r="4108">
          <cell r="F4108">
            <v>75115</v>
          </cell>
          <cell r="AN4108" t="str">
            <v>MDO C&amp;M</v>
          </cell>
          <cell r="AO4108" t="str">
            <v>MDO INDIANA NORTH C&amp;M</v>
          </cell>
        </row>
        <row r="4109">
          <cell r="F4109">
            <v>75115</v>
          </cell>
          <cell r="AN4109" t="str">
            <v>MDO C&amp;M</v>
          </cell>
          <cell r="AO4109" t="str">
            <v>MDO INDIANA NORTH C&amp;M</v>
          </cell>
        </row>
        <row r="4110">
          <cell r="F4110">
            <v>75115</v>
          </cell>
          <cell r="AN4110" t="str">
            <v>MDO C&amp;M</v>
          </cell>
          <cell r="AO4110" t="str">
            <v>MDO INDIANA NORTH C&amp;M</v>
          </cell>
        </row>
        <row r="4111">
          <cell r="F4111">
            <v>75115</v>
          </cell>
          <cell r="AN4111" t="str">
            <v>MDO C&amp;M</v>
          </cell>
          <cell r="AO4111" t="str">
            <v>MDO INDIANA NORTH C&amp;M</v>
          </cell>
        </row>
        <row r="4112">
          <cell r="F4112">
            <v>75115</v>
          </cell>
          <cell r="AN4112" t="str">
            <v>MDO C&amp;M</v>
          </cell>
          <cell r="AO4112" t="str">
            <v>MDO INDIANA NORTH C&amp;M</v>
          </cell>
        </row>
        <row r="4113">
          <cell r="F4113">
            <v>75115</v>
          </cell>
          <cell r="AN4113" t="str">
            <v>MDO C&amp;M</v>
          </cell>
          <cell r="AO4113" t="str">
            <v>MDO INDIANA NORTH C&amp;M</v>
          </cell>
        </row>
        <row r="4114">
          <cell r="F4114">
            <v>75115</v>
          </cell>
          <cell r="AN4114" t="str">
            <v>MDO C&amp;M</v>
          </cell>
          <cell r="AO4114" t="str">
            <v>MDO INDIANA NORTH C&amp;M</v>
          </cell>
        </row>
        <row r="4115">
          <cell r="F4115">
            <v>75115</v>
          </cell>
          <cell r="AN4115" t="str">
            <v>MDO C&amp;M</v>
          </cell>
          <cell r="AO4115" t="str">
            <v>MDO INDIANA SOUTHWEST C&amp;M</v>
          </cell>
        </row>
        <row r="4116">
          <cell r="F4116">
            <v>75115</v>
          </cell>
          <cell r="AN4116" t="str">
            <v>MDO C&amp;M</v>
          </cell>
          <cell r="AO4116" t="str">
            <v>MDO INDIANA SOUTHEAST C&amp;M</v>
          </cell>
        </row>
        <row r="4117">
          <cell r="F4117">
            <v>75115</v>
          </cell>
          <cell r="AN4117" t="str">
            <v>MDO C&amp;M</v>
          </cell>
          <cell r="AO4117" t="str">
            <v>MDO INDIANA NORTH C&amp;M</v>
          </cell>
        </row>
        <row r="4118">
          <cell r="F4118">
            <v>75115</v>
          </cell>
          <cell r="AN4118" t="str">
            <v>MDO C&amp;M</v>
          </cell>
          <cell r="AO4118" t="str">
            <v>MDO INDIANA SOUTHWEST C&amp;M</v>
          </cell>
        </row>
        <row r="4119">
          <cell r="F4119">
            <v>75115</v>
          </cell>
          <cell r="AN4119" t="str">
            <v>MDO C&amp;M</v>
          </cell>
          <cell r="AO4119" t="str">
            <v>MDO INDIANA SOUTHWEST C&amp;M</v>
          </cell>
        </row>
        <row r="4120">
          <cell r="F4120">
            <v>75115</v>
          </cell>
          <cell r="AN4120" t="str">
            <v>MDO C&amp;M</v>
          </cell>
          <cell r="AO4120" t="str">
            <v>MDO INDIANA SOUTHWEST C&amp;M</v>
          </cell>
        </row>
        <row r="4121">
          <cell r="F4121">
            <v>75115</v>
          </cell>
          <cell r="AN4121" t="str">
            <v>MDO C&amp;M</v>
          </cell>
          <cell r="AO4121" t="str">
            <v>MDO INDIANA SOUTHWEST C&amp;M</v>
          </cell>
        </row>
        <row r="4122">
          <cell r="F4122">
            <v>75115</v>
          </cell>
          <cell r="AN4122" t="str">
            <v>MDO C&amp;M</v>
          </cell>
          <cell r="AO4122" t="str">
            <v>MDO INDIANA SOUTHWEST C&amp;M</v>
          </cell>
        </row>
        <row r="4123">
          <cell r="F4123">
            <v>75115</v>
          </cell>
          <cell r="AN4123" t="str">
            <v>MDO C&amp;M</v>
          </cell>
          <cell r="AO4123" t="str">
            <v>MDO INDIANA SOUTHWEST C&amp;M</v>
          </cell>
        </row>
        <row r="4124">
          <cell r="F4124">
            <v>75115</v>
          </cell>
          <cell r="AN4124" t="str">
            <v>MDO C&amp;M</v>
          </cell>
          <cell r="AO4124" t="str">
            <v>MDO INDIANA SOUTHWEST C&amp;M</v>
          </cell>
        </row>
        <row r="4125">
          <cell r="F4125">
            <v>75115</v>
          </cell>
          <cell r="AN4125" t="str">
            <v>MDO C&amp;M</v>
          </cell>
          <cell r="AO4125" t="str">
            <v>MDO INDIANA SOUTHWEST C&amp;M</v>
          </cell>
        </row>
        <row r="4126">
          <cell r="F4126">
            <v>75115</v>
          </cell>
          <cell r="AN4126" t="str">
            <v>MDO C&amp;M</v>
          </cell>
          <cell r="AO4126" t="str">
            <v>MDO INDIANA SOUTHEAST C&amp;M</v>
          </cell>
        </row>
        <row r="4127">
          <cell r="F4127">
            <v>75115</v>
          </cell>
          <cell r="AN4127" t="str">
            <v>MDO C&amp;M</v>
          </cell>
          <cell r="AO4127" t="str">
            <v>MDO INDIANA SOUTHEAST C&amp;M</v>
          </cell>
        </row>
        <row r="4128">
          <cell r="F4128">
            <v>75115</v>
          </cell>
          <cell r="AN4128" t="str">
            <v>MDO C&amp;M</v>
          </cell>
          <cell r="AO4128" t="str">
            <v>MDO INDIANA SOUTHEAST C&amp;M</v>
          </cell>
        </row>
        <row r="4129">
          <cell r="F4129">
            <v>75115</v>
          </cell>
          <cell r="AN4129" t="str">
            <v>MDO C&amp;M</v>
          </cell>
          <cell r="AO4129" t="str">
            <v>MDO INDIANA SOUTHEAST C&amp;M</v>
          </cell>
        </row>
        <row r="4130">
          <cell r="F4130">
            <v>75115</v>
          </cell>
          <cell r="AN4130" t="str">
            <v>MDO C&amp;M</v>
          </cell>
          <cell r="AO4130" t="str">
            <v>MDO INDIANA SOUTHEAST C&amp;M</v>
          </cell>
        </row>
        <row r="4131">
          <cell r="F4131">
            <v>75115</v>
          </cell>
          <cell r="AN4131" t="str">
            <v>MDO C&amp;M</v>
          </cell>
          <cell r="AO4131" t="str">
            <v>MDO INDIANA SOUTHEAST C&amp;M</v>
          </cell>
        </row>
        <row r="4132">
          <cell r="F4132">
            <v>75115</v>
          </cell>
          <cell r="AN4132" t="str">
            <v>MDO C&amp;M</v>
          </cell>
          <cell r="AO4132" t="str">
            <v>MDO INDIANA SOUTHEAST C&amp;M</v>
          </cell>
        </row>
        <row r="4133">
          <cell r="F4133">
            <v>75115</v>
          </cell>
          <cell r="AN4133" t="str">
            <v>MDO C&amp;M</v>
          </cell>
          <cell r="AO4133" t="str">
            <v>MDO INDIANA SOUTHEAST C&amp;M</v>
          </cell>
        </row>
        <row r="4134">
          <cell r="F4134">
            <v>75115</v>
          </cell>
          <cell r="AN4134" t="str">
            <v>MDO C&amp;M</v>
          </cell>
          <cell r="AO4134" t="str">
            <v>MDO INDIANA NORTH C&amp;M</v>
          </cell>
        </row>
        <row r="4135">
          <cell r="F4135">
            <v>75115</v>
          </cell>
          <cell r="AN4135" t="str">
            <v>MDO C&amp;M</v>
          </cell>
          <cell r="AO4135" t="str">
            <v>MDO INDIANA NORTH C&amp;M</v>
          </cell>
        </row>
        <row r="4136">
          <cell r="F4136">
            <v>75115</v>
          </cell>
          <cell r="AN4136" t="str">
            <v>MDO C&amp;M</v>
          </cell>
          <cell r="AO4136" t="str">
            <v>MDO INDIANA NORTH C&amp;M</v>
          </cell>
        </row>
        <row r="4137">
          <cell r="F4137">
            <v>75115</v>
          </cell>
          <cell r="AN4137" t="str">
            <v>MDO C&amp;M</v>
          </cell>
          <cell r="AO4137" t="str">
            <v>MDO INDIANA NORTH C&amp;M</v>
          </cell>
        </row>
        <row r="4138">
          <cell r="F4138">
            <v>75115</v>
          </cell>
          <cell r="AN4138" t="str">
            <v>MDO C&amp;M</v>
          </cell>
          <cell r="AO4138" t="str">
            <v>MDO INDIANA NORTH C&amp;M</v>
          </cell>
        </row>
        <row r="4139">
          <cell r="F4139">
            <v>75115</v>
          </cell>
          <cell r="AN4139" t="str">
            <v>MDO C&amp;M</v>
          </cell>
          <cell r="AO4139" t="str">
            <v>MDO INDIANA NORTH C&amp;M</v>
          </cell>
        </row>
        <row r="4140">
          <cell r="F4140">
            <v>75115</v>
          </cell>
          <cell r="AN4140" t="str">
            <v>MDO C&amp;M</v>
          </cell>
          <cell r="AO4140" t="str">
            <v>MDO INDIANA NORTH C&amp;M</v>
          </cell>
        </row>
        <row r="4141">
          <cell r="F4141">
            <v>75115</v>
          </cell>
          <cell r="AN4141" t="str">
            <v>MDO C&amp;M</v>
          </cell>
          <cell r="AO4141" t="str">
            <v>MDO INDIANA NORTH C&amp;M</v>
          </cell>
        </row>
        <row r="4142">
          <cell r="F4142">
            <v>75115</v>
          </cell>
          <cell r="AN4142" t="str">
            <v>MDO C&amp;M</v>
          </cell>
          <cell r="AO4142" t="str">
            <v>MDO INDIANA NORTH C&amp;M</v>
          </cell>
        </row>
        <row r="4143">
          <cell r="F4143">
            <v>75115</v>
          </cell>
          <cell r="AN4143" t="str">
            <v>MDO C&amp;M</v>
          </cell>
          <cell r="AO4143" t="str">
            <v>MDO INDIANA NORTH C&amp;M</v>
          </cell>
        </row>
        <row r="4144">
          <cell r="F4144">
            <v>75115</v>
          </cell>
          <cell r="AN4144" t="str">
            <v>MDO C&amp;M</v>
          </cell>
          <cell r="AO4144" t="str">
            <v>MDO INDIANA NORTH C&amp;M</v>
          </cell>
        </row>
        <row r="4145">
          <cell r="F4145">
            <v>75115</v>
          </cell>
          <cell r="AN4145" t="str">
            <v>MDO C&amp;M</v>
          </cell>
          <cell r="AO4145" t="str">
            <v>MDO INDIANA NORTH C&amp;M</v>
          </cell>
        </row>
        <row r="4146">
          <cell r="F4146">
            <v>75115</v>
          </cell>
          <cell r="AN4146" t="str">
            <v>MDO C&amp;M</v>
          </cell>
          <cell r="AO4146" t="str">
            <v>MDO INDIANA NORTH C&amp;M</v>
          </cell>
        </row>
        <row r="4147">
          <cell r="F4147">
            <v>75115</v>
          </cell>
          <cell r="AN4147" t="str">
            <v>MDO C&amp;M</v>
          </cell>
          <cell r="AO4147" t="str">
            <v>MDO INDIANA NORTH C&amp;M</v>
          </cell>
        </row>
        <row r="4148">
          <cell r="F4148">
            <v>75115</v>
          </cell>
          <cell r="AN4148" t="str">
            <v>MDO C&amp;M</v>
          </cell>
          <cell r="AO4148" t="str">
            <v>MDO INDIANA NORTH C&amp;M</v>
          </cell>
        </row>
        <row r="4149">
          <cell r="F4149">
            <v>75115</v>
          </cell>
          <cell r="AN4149" t="str">
            <v>MDO C&amp;M</v>
          </cell>
          <cell r="AO4149" t="str">
            <v>MDO INDIANA NORTH C&amp;M</v>
          </cell>
        </row>
        <row r="4150">
          <cell r="F4150">
            <v>75115</v>
          </cell>
          <cell r="AN4150" t="str">
            <v>MDO C&amp;M</v>
          </cell>
          <cell r="AO4150" t="str">
            <v>MDO INDIANA NORTH C&amp;M</v>
          </cell>
        </row>
        <row r="4151">
          <cell r="F4151">
            <v>75115</v>
          </cell>
          <cell r="AN4151" t="str">
            <v>MDO C&amp;M</v>
          </cell>
          <cell r="AO4151" t="str">
            <v>MDO INDIANA NORTH C&amp;M</v>
          </cell>
        </row>
        <row r="4152">
          <cell r="F4152">
            <v>75115</v>
          </cell>
          <cell r="AN4152" t="str">
            <v>MDO C&amp;M</v>
          </cell>
          <cell r="AO4152" t="str">
            <v>MDO INDIANA NORTH C&amp;M</v>
          </cell>
        </row>
        <row r="4153">
          <cell r="F4153">
            <v>75115</v>
          </cell>
          <cell r="AN4153" t="str">
            <v>MDO C&amp;M</v>
          </cell>
          <cell r="AO4153" t="str">
            <v>MDO INDIANA NORTH C&amp;M</v>
          </cell>
        </row>
        <row r="4154">
          <cell r="F4154">
            <v>75115</v>
          </cell>
          <cell r="AN4154" t="str">
            <v>MDO C&amp;M</v>
          </cell>
          <cell r="AO4154" t="str">
            <v>MDO INDIANA NORTH C&amp;M</v>
          </cell>
        </row>
        <row r="4155">
          <cell r="F4155">
            <v>75115</v>
          </cell>
          <cell r="AN4155" t="str">
            <v>MDO C&amp;M</v>
          </cell>
          <cell r="AO4155" t="str">
            <v>MDO INDIANA NORTH C&amp;M</v>
          </cell>
        </row>
        <row r="4156">
          <cell r="F4156">
            <v>75115</v>
          </cell>
          <cell r="AN4156" t="str">
            <v>MDO C&amp;M</v>
          </cell>
          <cell r="AO4156" t="str">
            <v>MDO INDIANA NORTH C&amp;M</v>
          </cell>
        </row>
        <row r="4157">
          <cell r="F4157">
            <v>75115</v>
          </cell>
          <cell r="AN4157" t="str">
            <v>MDO C&amp;M</v>
          </cell>
          <cell r="AO4157" t="str">
            <v>MDO INDIANA NORTH C&amp;M</v>
          </cell>
        </row>
        <row r="4158">
          <cell r="F4158">
            <v>75115</v>
          </cell>
          <cell r="AN4158" t="str">
            <v>MDO C&amp;M</v>
          </cell>
          <cell r="AO4158" t="str">
            <v>MDO INDIANA NORTH C&amp;M</v>
          </cell>
        </row>
        <row r="4159">
          <cell r="F4159">
            <v>75115</v>
          </cell>
          <cell r="AN4159" t="str">
            <v>MDO C&amp;M</v>
          </cell>
          <cell r="AO4159" t="str">
            <v>MDO INDIANA NORTH C&amp;M</v>
          </cell>
        </row>
        <row r="4160">
          <cell r="F4160">
            <v>75115</v>
          </cell>
          <cell r="AN4160" t="str">
            <v>MDO C&amp;M</v>
          </cell>
          <cell r="AO4160" t="str">
            <v>MDO INDIANA NORTH C&amp;M</v>
          </cell>
        </row>
        <row r="4161">
          <cell r="F4161">
            <v>75115</v>
          </cell>
          <cell r="AN4161" t="str">
            <v>MDO C&amp;M</v>
          </cell>
          <cell r="AO4161" t="str">
            <v>MDO INDIANA NORTH C&amp;M</v>
          </cell>
        </row>
        <row r="4162">
          <cell r="F4162">
            <v>75115</v>
          </cell>
          <cell r="AN4162" t="str">
            <v>MDO C&amp;M</v>
          </cell>
          <cell r="AO4162" t="str">
            <v>MDO INDIANA NORTH C&amp;M</v>
          </cell>
        </row>
        <row r="4163">
          <cell r="F4163">
            <v>75115</v>
          </cell>
          <cell r="AN4163" t="str">
            <v>MDO C&amp;M</v>
          </cell>
          <cell r="AO4163" t="str">
            <v>MDO INDIANA NORTH C&amp;M</v>
          </cell>
        </row>
        <row r="4164">
          <cell r="F4164">
            <v>75115</v>
          </cell>
          <cell r="AN4164" t="str">
            <v>MDO C&amp;M</v>
          </cell>
          <cell r="AO4164" t="str">
            <v>MDO INDIANA NORTH C&amp;M</v>
          </cell>
        </row>
        <row r="4165">
          <cell r="F4165">
            <v>75115</v>
          </cell>
          <cell r="AN4165" t="str">
            <v>MDO C&amp;M</v>
          </cell>
          <cell r="AO4165" t="str">
            <v>MDO INDIANA NORTH C&amp;M</v>
          </cell>
        </row>
        <row r="4166">
          <cell r="F4166">
            <v>75115</v>
          </cell>
          <cell r="AN4166" t="str">
            <v>MDO C&amp;M</v>
          </cell>
          <cell r="AO4166" t="str">
            <v>MDO INDIANA NORTH C&amp;M</v>
          </cell>
        </row>
        <row r="4167">
          <cell r="F4167">
            <v>75115</v>
          </cell>
          <cell r="AN4167" t="str">
            <v>MDO C&amp;M</v>
          </cell>
          <cell r="AO4167" t="str">
            <v>MDO INDIANA NORTH C&amp;M</v>
          </cell>
        </row>
        <row r="4168">
          <cell r="F4168">
            <v>75115</v>
          </cell>
          <cell r="AN4168" t="str">
            <v>MDO C&amp;M</v>
          </cell>
          <cell r="AO4168" t="str">
            <v>MDO INDIANA NORTH C&amp;M</v>
          </cell>
        </row>
        <row r="4169">
          <cell r="F4169">
            <v>75115</v>
          </cell>
          <cell r="AN4169" t="str">
            <v>MDO C&amp;M</v>
          </cell>
          <cell r="AO4169" t="str">
            <v>MDO INDIANA NORTH C&amp;M</v>
          </cell>
        </row>
        <row r="4170">
          <cell r="F4170">
            <v>75115</v>
          </cell>
          <cell r="AN4170" t="str">
            <v>MDO C&amp;M</v>
          </cell>
          <cell r="AO4170" t="str">
            <v>MDO INDIANA SOUTHEAST C&amp;M</v>
          </cell>
        </row>
        <row r="4171">
          <cell r="F4171">
            <v>75115</v>
          </cell>
          <cell r="AN4171" t="str">
            <v>MDO C&amp;M</v>
          </cell>
          <cell r="AO4171" t="str">
            <v>MDO INDIANA SOUTHEAST C&amp;M</v>
          </cell>
        </row>
        <row r="4172">
          <cell r="F4172">
            <v>75115</v>
          </cell>
          <cell r="AN4172" t="str">
            <v>MDO C&amp;M</v>
          </cell>
          <cell r="AO4172" t="str">
            <v>MDO INDIANA SOUTHEAST C&amp;M</v>
          </cell>
        </row>
        <row r="4173">
          <cell r="F4173">
            <v>75115</v>
          </cell>
          <cell r="AN4173" t="str">
            <v>MDO C&amp;M</v>
          </cell>
          <cell r="AO4173" t="str">
            <v>MDO INDIANA SOUTHEAST C&amp;M</v>
          </cell>
        </row>
        <row r="4174">
          <cell r="F4174">
            <v>75115</v>
          </cell>
          <cell r="AN4174" t="str">
            <v>MDO C&amp;M</v>
          </cell>
          <cell r="AO4174" t="str">
            <v>MDO INDIANA SOUTHEAST C&amp;M</v>
          </cell>
        </row>
        <row r="4175">
          <cell r="F4175">
            <v>75115</v>
          </cell>
          <cell r="AN4175" t="str">
            <v>MDO C&amp;M</v>
          </cell>
          <cell r="AO4175" t="str">
            <v>MDO INDIANA SOUTHEAST C&amp;M</v>
          </cell>
        </row>
        <row r="4176">
          <cell r="F4176">
            <v>75115</v>
          </cell>
          <cell r="AN4176" t="str">
            <v>MDO C&amp;M</v>
          </cell>
          <cell r="AO4176" t="str">
            <v>MDO INDIANA SOUTHEAST C&amp;M</v>
          </cell>
        </row>
        <row r="4177">
          <cell r="F4177">
            <v>75115</v>
          </cell>
          <cell r="AN4177" t="str">
            <v>MDO C&amp;M</v>
          </cell>
          <cell r="AO4177" t="str">
            <v>MDO INDIANA SOUTHEAST C&amp;M</v>
          </cell>
        </row>
        <row r="4178">
          <cell r="F4178">
            <v>75115</v>
          </cell>
          <cell r="AN4178" t="str">
            <v>MDO C&amp;M</v>
          </cell>
          <cell r="AO4178" t="str">
            <v>MDO INDIANA SOUTHEAST C&amp;M</v>
          </cell>
        </row>
        <row r="4179">
          <cell r="F4179">
            <v>75115</v>
          </cell>
          <cell r="AN4179" t="str">
            <v>MDO C&amp;M</v>
          </cell>
          <cell r="AO4179" t="str">
            <v>MDO INDIANA SOUTHEAST C&amp;M</v>
          </cell>
        </row>
        <row r="4180">
          <cell r="F4180">
            <v>75115</v>
          </cell>
          <cell r="AN4180" t="str">
            <v>MDO C&amp;M</v>
          </cell>
          <cell r="AO4180" t="str">
            <v>MDO INDIANA SOUTHEAST C&amp;M</v>
          </cell>
        </row>
        <row r="4181">
          <cell r="F4181">
            <v>75115</v>
          </cell>
          <cell r="AN4181" t="str">
            <v>MDO C&amp;M</v>
          </cell>
          <cell r="AO4181" t="str">
            <v>MDO INDIANA SOUTHEAST C&amp;M</v>
          </cell>
        </row>
        <row r="4182">
          <cell r="F4182">
            <v>75115</v>
          </cell>
          <cell r="AN4182" t="str">
            <v>MDO C&amp;M</v>
          </cell>
          <cell r="AO4182" t="str">
            <v>MDO INDIANA SOUTHEAST C&amp;M</v>
          </cell>
        </row>
        <row r="4183">
          <cell r="F4183">
            <v>75115</v>
          </cell>
          <cell r="AN4183" t="str">
            <v>MDO C&amp;M</v>
          </cell>
          <cell r="AO4183" t="str">
            <v>MDO INDIANA SOUTHEAST C&amp;M</v>
          </cell>
        </row>
        <row r="4184">
          <cell r="F4184">
            <v>75115</v>
          </cell>
          <cell r="AN4184" t="str">
            <v>MDO C&amp;M</v>
          </cell>
          <cell r="AO4184" t="str">
            <v>MDO INDIANA SOUTHEAST C&amp;M</v>
          </cell>
        </row>
        <row r="4185">
          <cell r="F4185">
            <v>75115</v>
          </cell>
          <cell r="AN4185" t="str">
            <v>MDO C&amp;M</v>
          </cell>
          <cell r="AO4185" t="str">
            <v>MDO INDIANA SOUTHEAST C&amp;M</v>
          </cell>
        </row>
        <row r="4186">
          <cell r="F4186">
            <v>75115</v>
          </cell>
          <cell r="AN4186" t="str">
            <v>MDO C&amp;M</v>
          </cell>
          <cell r="AO4186" t="str">
            <v>MDO INDIANA SOUTHEAST C&amp;M</v>
          </cell>
        </row>
        <row r="4187">
          <cell r="F4187">
            <v>75115</v>
          </cell>
          <cell r="AN4187" t="str">
            <v>MDO C&amp;M</v>
          </cell>
          <cell r="AO4187" t="str">
            <v>MDO INDIANA SOUTHEAST C&amp;M</v>
          </cell>
        </row>
        <row r="4188">
          <cell r="F4188">
            <v>75115</v>
          </cell>
          <cell r="AN4188" t="str">
            <v>MDO C&amp;M</v>
          </cell>
          <cell r="AO4188" t="str">
            <v>MDO INDIANA SOUTHEAST C&amp;M</v>
          </cell>
        </row>
        <row r="4189">
          <cell r="F4189">
            <v>75115</v>
          </cell>
          <cell r="AN4189" t="str">
            <v>MDO C&amp;M</v>
          </cell>
          <cell r="AO4189" t="str">
            <v>MDO INDIANA SOUTHEAST C&amp;M</v>
          </cell>
        </row>
        <row r="4190">
          <cell r="F4190">
            <v>75115</v>
          </cell>
          <cell r="AN4190" t="str">
            <v>MDO C&amp;M</v>
          </cell>
          <cell r="AO4190" t="str">
            <v>MDO INDIANA SOUTHEAST C&amp;M</v>
          </cell>
        </row>
        <row r="4191">
          <cell r="F4191">
            <v>75115</v>
          </cell>
          <cell r="AN4191" t="str">
            <v>MDO C&amp;M</v>
          </cell>
          <cell r="AO4191" t="str">
            <v>MDO INDIANA SOUTHEAST C&amp;M</v>
          </cell>
        </row>
        <row r="4192">
          <cell r="F4192">
            <v>75115</v>
          </cell>
          <cell r="AN4192" t="str">
            <v>MDO C&amp;M</v>
          </cell>
          <cell r="AO4192" t="str">
            <v>MDO INDIANA SOUTHEAST C&amp;M</v>
          </cell>
        </row>
        <row r="4193">
          <cell r="F4193">
            <v>75115</v>
          </cell>
          <cell r="AN4193" t="str">
            <v>MDO C&amp;M</v>
          </cell>
          <cell r="AO4193" t="str">
            <v>MDO INDIANA SOUTHEAST C&amp;M</v>
          </cell>
        </row>
        <row r="4194">
          <cell r="F4194">
            <v>75115</v>
          </cell>
          <cell r="AN4194" t="str">
            <v>MDO C&amp;M</v>
          </cell>
          <cell r="AO4194" t="str">
            <v>MDO INDIANA SOUTHEAST C&amp;M</v>
          </cell>
        </row>
        <row r="4195">
          <cell r="F4195">
            <v>75115</v>
          </cell>
          <cell r="AN4195" t="str">
            <v>MDO C&amp;M</v>
          </cell>
          <cell r="AO4195" t="str">
            <v>MDO INDIANA SOUTHEAST C&amp;M</v>
          </cell>
        </row>
        <row r="4196">
          <cell r="F4196">
            <v>75115</v>
          </cell>
          <cell r="AN4196" t="str">
            <v>MDO C&amp;M</v>
          </cell>
          <cell r="AO4196" t="str">
            <v>MDO INDIANA SOUTHWEST C&amp;M</v>
          </cell>
        </row>
        <row r="4197">
          <cell r="F4197">
            <v>75115</v>
          </cell>
          <cell r="AN4197" t="str">
            <v>MDO C&amp;M</v>
          </cell>
          <cell r="AO4197" t="str">
            <v>MDO INDIANA SOUTHWEST C&amp;M</v>
          </cell>
        </row>
        <row r="4198">
          <cell r="F4198">
            <v>75115</v>
          </cell>
          <cell r="AN4198" t="str">
            <v>MDO C&amp;M</v>
          </cell>
          <cell r="AO4198" t="str">
            <v>MDO INDIANA SOUTHWEST C&amp;M</v>
          </cell>
        </row>
        <row r="4199">
          <cell r="F4199">
            <v>75115</v>
          </cell>
          <cell r="AN4199" t="str">
            <v>MDO C&amp;M</v>
          </cell>
          <cell r="AO4199" t="str">
            <v>MDO INDIANA SOUTHWEST C&amp;M</v>
          </cell>
        </row>
        <row r="4200">
          <cell r="F4200">
            <v>75115</v>
          </cell>
          <cell r="AN4200" t="str">
            <v>MDO C&amp;M</v>
          </cell>
          <cell r="AO4200" t="str">
            <v>MDO INDIANA SOUTHWEST C&amp;M</v>
          </cell>
        </row>
        <row r="4201">
          <cell r="F4201">
            <v>75115</v>
          </cell>
          <cell r="AN4201" t="str">
            <v>MDO C&amp;M</v>
          </cell>
          <cell r="AO4201" t="str">
            <v>MDO INDIANA SOUTHWEST C&amp;M</v>
          </cell>
        </row>
        <row r="4202">
          <cell r="F4202">
            <v>75115</v>
          </cell>
          <cell r="AN4202" t="str">
            <v>MDO C&amp;M</v>
          </cell>
          <cell r="AO4202" t="str">
            <v>MDO INDIANA SOUTHWEST C&amp;M</v>
          </cell>
        </row>
        <row r="4203">
          <cell r="F4203">
            <v>75115</v>
          </cell>
          <cell r="AN4203" t="str">
            <v>MDO C&amp;M</v>
          </cell>
          <cell r="AO4203" t="str">
            <v>MDO INDIANA SOUTHWEST C&amp;M</v>
          </cell>
        </row>
        <row r="4204">
          <cell r="F4204">
            <v>75115</v>
          </cell>
          <cell r="AN4204" t="str">
            <v>MDO C&amp;M</v>
          </cell>
          <cell r="AO4204" t="str">
            <v>MDO INDIANA SOUTHWEST C&amp;M</v>
          </cell>
        </row>
        <row r="4205">
          <cell r="F4205">
            <v>75115</v>
          </cell>
          <cell r="AN4205" t="str">
            <v>MDO C&amp;M</v>
          </cell>
          <cell r="AO4205" t="str">
            <v>MDO INDIANA SOUTHWEST C&amp;M</v>
          </cell>
        </row>
        <row r="4206">
          <cell r="F4206">
            <v>75115</v>
          </cell>
          <cell r="AN4206" t="str">
            <v>MDO C&amp;M</v>
          </cell>
          <cell r="AO4206" t="str">
            <v>MDO INDIANA SOUTHWEST C&amp;M</v>
          </cell>
        </row>
        <row r="4207">
          <cell r="F4207">
            <v>75115</v>
          </cell>
          <cell r="AN4207" t="str">
            <v>MDO C&amp;M</v>
          </cell>
          <cell r="AO4207" t="str">
            <v>MDO INDIANA SOUTHWEST C&amp;M</v>
          </cell>
        </row>
        <row r="4208">
          <cell r="F4208">
            <v>75115</v>
          </cell>
          <cell r="AN4208" t="str">
            <v>MDO C&amp;M</v>
          </cell>
          <cell r="AO4208" t="str">
            <v>MDO INDIANA SOUTHWEST C&amp;M</v>
          </cell>
        </row>
        <row r="4209">
          <cell r="F4209">
            <v>75115</v>
          </cell>
          <cell r="AN4209" t="str">
            <v>MDO C&amp;M</v>
          </cell>
          <cell r="AO4209" t="str">
            <v>MDO INDIANA SOUTHWEST C&amp;M</v>
          </cell>
        </row>
        <row r="4210">
          <cell r="F4210">
            <v>75115</v>
          </cell>
          <cell r="AN4210" t="str">
            <v>MDO C&amp;M</v>
          </cell>
          <cell r="AO4210" t="str">
            <v>MDO INDIANA SOUTHWEST C&amp;M</v>
          </cell>
        </row>
        <row r="4211">
          <cell r="F4211">
            <v>75115</v>
          </cell>
          <cell r="AN4211" t="str">
            <v>MDO C&amp;M</v>
          </cell>
          <cell r="AO4211" t="str">
            <v>MDO INDIANA SOUTHWEST C&amp;M</v>
          </cell>
        </row>
        <row r="4212">
          <cell r="F4212">
            <v>75115</v>
          </cell>
          <cell r="AN4212" t="str">
            <v>MDO C&amp;M</v>
          </cell>
          <cell r="AO4212" t="str">
            <v>MDO INDIANA SOUTHWEST C&amp;M</v>
          </cell>
        </row>
        <row r="4213">
          <cell r="F4213">
            <v>75115</v>
          </cell>
          <cell r="AN4213" t="str">
            <v>MDO C&amp;M</v>
          </cell>
          <cell r="AO4213" t="str">
            <v>MDO INDIANA SOUTHWEST C&amp;M</v>
          </cell>
        </row>
        <row r="4214">
          <cell r="F4214">
            <v>75115</v>
          </cell>
          <cell r="AN4214" t="str">
            <v>MDO C&amp;M</v>
          </cell>
          <cell r="AO4214" t="str">
            <v>MDO INDIANA SOUTHWEST C&amp;M</v>
          </cell>
        </row>
        <row r="4215">
          <cell r="F4215">
            <v>75115</v>
          </cell>
          <cell r="AN4215" t="str">
            <v>MDO C&amp;M</v>
          </cell>
          <cell r="AO4215" t="str">
            <v>MDO INDIANA SOUTHWEST C&amp;M</v>
          </cell>
        </row>
        <row r="4216">
          <cell r="F4216">
            <v>75115</v>
          </cell>
          <cell r="AN4216" t="str">
            <v>MDO C&amp;M</v>
          </cell>
          <cell r="AO4216" t="str">
            <v>MDO INDIANA SOUTHWEST C&amp;M</v>
          </cell>
        </row>
        <row r="4217">
          <cell r="F4217">
            <v>75115</v>
          </cell>
          <cell r="AN4217" t="str">
            <v>MDO C&amp;M</v>
          </cell>
          <cell r="AO4217" t="str">
            <v>MDO INDIANA SOUTHWEST C&amp;M</v>
          </cell>
        </row>
        <row r="4218">
          <cell r="F4218">
            <v>75115</v>
          </cell>
          <cell r="AN4218" t="str">
            <v>MDO C&amp;M</v>
          </cell>
          <cell r="AO4218" t="str">
            <v>MDO INDIANA SOUTHWEST C&amp;M</v>
          </cell>
        </row>
        <row r="4219">
          <cell r="F4219">
            <v>75115</v>
          </cell>
          <cell r="AN4219" t="str">
            <v>MDO C&amp;M</v>
          </cell>
          <cell r="AO4219" t="str">
            <v>MDO INDIANA SOUTHWEST C&amp;M</v>
          </cell>
        </row>
        <row r="4220">
          <cell r="F4220">
            <v>75115</v>
          </cell>
          <cell r="AN4220" t="str">
            <v>MDO C&amp;M</v>
          </cell>
          <cell r="AO4220" t="str">
            <v>MDO INDIANA SOUTHWEST C&amp;M</v>
          </cell>
        </row>
        <row r="4221">
          <cell r="F4221">
            <v>75115</v>
          </cell>
          <cell r="AN4221" t="str">
            <v>MDO C&amp;M</v>
          </cell>
          <cell r="AO4221" t="str">
            <v>MDO INDIANA SOUTHWEST C&amp;M</v>
          </cell>
        </row>
        <row r="4222">
          <cell r="F4222">
            <v>75115</v>
          </cell>
          <cell r="AN4222" t="str">
            <v>MDO C&amp;M</v>
          </cell>
          <cell r="AO4222" t="str">
            <v>MDO INDIANA NORTH C&amp;M</v>
          </cell>
        </row>
        <row r="4223">
          <cell r="F4223">
            <v>75115</v>
          </cell>
          <cell r="AN4223" t="str">
            <v>MDO C&amp;M</v>
          </cell>
          <cell r="AO4223" t="str">
            <v>MDO INDIANA NORTH C&amp;M</v>
          </cell>
        </row>
        <row r="4224">
          <cell r="F4224">
            <v>75115</v>
          </cell>
          <cell r="AN4224" t="str">
            <v>MDO C&amp;M</v>
          </cell>
          <cell r="AO4224" t="str">
            <v>MDO INDIANA NORTH C&amp;M</v>
          </cell>
        </row>
        <row r="4225">
          <cell r="F4225">
            <v>75115</v>
          </cell>
          <cell r="AN4225" t="str">
            <v>MDO C&amp;M</v>
          </cell>
          <cell r="AO4225" t="str">
            <v>MDO INDIANA SOUTHEAST C&amp;M</v>
          </cell>
        </row>
        <row r="4226">
          <cell r="F4226">
            <v>75115</v>
          </cell>
          <cell r="AN4226" t="str">
            <v>MDO C&amp;M</v>
          </cell>
          <cell r="AO4226" t="str">
            <v>MDO INDIANA SOUTHWEST C&amp;M</v>
          </cell>
        </row>
        <row r="4227">
          <cell r="F4227">
            <v>75023</v>
          </cell>
          <cell r="AN4227" t="str">
            <v>MDO C&amp;M</v>
          </cell>
          <cell r="AO4227" t="str">
            <v>MDO OH/KEN C&amp;M</v>
          </cell>
        </row>
        <row r="4228">
          <cell r="F4228">
            <v>75023</v>
          </cell>
          <cell r="AN4228" t="str">
            <v>MDO C&amp;M</v>
          </cell>
          <cell r="AO4228" t="str">
            <v>MDO OH/KEN C&amp;M</v>
          </cell>
        </row>
        <row r="4229">
          <cell r="F4229">
            <v>75023</v>
          </cell>
          <cell r="AN4229" t="str">
            <v>MDO C&amp;M</v>
          </cell>
          <cell r="AO4229" t="str">
            <v>MDO OH/KEN C&amp;M</v>
          </cell>
        </row>
        <row r="4230">
          <cell r="F4230">
            <v>75023</v>
          </cell>
          <cell r="AN4230" t="str">
            <v>MDO C&amp;M</v>
          </cell>
          <cell r="AO4230" t="str">
            <v>MDO OH/KEN C&amp;M</v>
          </cell>
        </row>
        <row r="4231">
          <cell r="F4231">
            <v>75023</v>
          </cell>
          <cell r="AN4231" t="str">
            <v>MDO C&amp;M</v>
          </cell>
          <cell r="AO4231" t="str">
            <v>MDO OH/KEN C&amp;M</v>
          </cell>
        </row>
        <row r="4232">
          <cell r="F4232">
            <v>75023</v>
          </cell>
          <cell r="AN4232" t="str">
            <v>MDO C&amp;M</v>
          </cell>
          <cell r="AO4232" t="str">
            <v>MDO OH/KEN C&amp;M</v>
          </cell>
        </row>
        <row r="4233">
          <cell r="F4233">
            <v>75023</v>
          </cell>
          <cell r="AN4233" t="str">
            <v>MDO C&amp;M</v>
          </cell>
          <cell r="AO4233" t="str">
            <v>MDO OH/KEN C&amp;M</v>
          </cell>
        </row>
        <row r="4234">
          <cell r="F4234">
            <v>75023</v>
          </cell>
          <cell r="AN4234" t="str">
            <v>MDO C&amp;M</v>
          </cell>
          <cell r="AO4234" t="str">
            <v>MDO OH/KEN C&amp;M</v>
          </cell>
        </row>
        <row r="4235">
          <cell r="F4235">
            <v>75023</v>
          </cell>
          <cell r="AN4235" t="str">
            <v>MDO C&amp;M</v>
          </cell>
          <cell r="AO4235" t="str">
            <v>MDO OH/KEN C&amp;M</v>
          </cell>
        </row>
        <row r="4236">
          <cell r="F4236">
            <v>75023</v>
          </cell>
          <cell r="AN4236" t="str">
            <v>MDO C&amp;M</v>
          </cell>
          <cell r="AO4236" t="str">
            <v>MDO OH/KEN C&amp;M</v>
          </cell>
        </row>
        <row r="4237">
          <cell r="F4237">
            <v>75023</v>
          </cell>
          <cell r="AN4237" t="str">
            <v>MDO C&amp;M</v>
          </cell>
          <cell r="AO4237" t="str">
            <v>MDO OH/KEN C&amp;M</v>
          </cell>
        </row>
        <row r="4238">
          <cell r="F4238">
            <v>75023</v>
          </cell>
          <cell r="AN4238" t="str">
            <v>MDO C&amp;M</v>
          </cell>
          <cell r="AO4238" t="str">
            <v>MDO OH/KEN C&amp;M</v>
          </cell>
        </row>
        <row r="4239">
          <cell r="F4239">
            <v>75023</v>
          </cell>
          <cell r="AN4239" t="str">
            <v>MDO C&amp;M</v>
          </cell>
          <cell r="AO4239" t="str">
            <v>MDO OH/KEN C&amp;M</v>
          </cell>
        </row>
        <row r="4240">
          <cell r="F4240">
            <v>75023</v>
          </cell>
          <cell r="AN4240" t="str">
            <v>MDO C&amp;M</v>
          </cell>
          <cell r="AO4240" t="str">
            <v>MDO OH/KEN C&amp;M</v>
          </cell>
        </row>
        <row r="4241">
          <cell r="F4241">
            <v>75023</v>
          </cell>
          <cell r="AN4241" t="str">
            <v>MDO C&amp;M</v>
          </cell>
          <cell r="AO4241" t="str">
            <v>MDO OH/KEN C&amp;M</v>
          </cell>
        </row>
        <row r="4242">
          <cell r="F4242">
            <v>75023</v>
          </cell>
          <cell r="AN4242" t="str">
            <v>MDO C&amp;M</v>
          </cell>
          <cell r="AO4242" t="str">
            <v>MDO OH/KEN C&amp;M</v>
          </cell>
        </row>
        <row r="4243">
          <cell r="F4243">
            <v>75023</v>
          </cell>
          <cell r="AN4243" t="str">
            <v>MDO C&amp;M</v>
          </cell>
          <cell r="AO4243" t="str">
            <v>MDO OH/KEN C&amp;M</v>
          </cell>
        </row>
        <row r="4244">
          <cell r="F4244">
            <v>75023</v>
          </cell>
          <cell r="AN4244" t="str">
            <v>MDO C&amp;M</v>
          </cell>
          <cell r="AO4244" t="str">
            <v>MDO OH/KEN C&amp;M</v>
          </cell>
        </row>
        <row r="4245">
          <cell r="F4245">
            <v>75023</v>
          </cell>
          <cell r="AN4245" t="str">
            <v>MDO C&amp;M</v>
          </cell>
          <cell r="AO4245" t="str">
            <v>MDO OH/KEN C&amp;M</v>
          </cell>
        </row>
        <row r="4246">
          <cell r="F4246">
            <v>75023</v>
          </cell>
          <cell r="AN4246" t="str">
            <v>MDO C&amp;M</v>
          </cell>
          <cell r="AO4246" t="str">
            <v>MDO OH/KEN C&amp;M</v>
          </cell>
        </row>
        <row r="4247">
          <cell r="F4247">
            <v>75023</v>
          </cell>
          <cell r="AN4247" t="str">
            <v>MDO C&amp;M</v>
          </cell>
          <cell r="AO4247" t="str">
            <v>MDO OH/KEN C&amp;M</v>
          </cell>
        </row>
        <row r="4248">
          <cell r="F4248">
            <v>75023</v>
          </cell>
          <cell r="AN4248" t="str">
            <v>MDO C&amp;M</v>
          </cell>
          <cell r="AO4248" t="str">
            <v>MDO OH/KEN C&amp;M</v>
          </cell>
        </row>
        <row r="4249">
          <cell r="F4249">
            <v>75023</v>
          </cell>
          <cell r="AN4249" t="str">
            <v>MDO C&amp;M</v>
          </cell>
          <cell r="AO4249" t="str">
            <v>MDO OH/KEN C&amp;M</v>
          </cell>
        </row>
        <row r="4250">
          <cell r="F4250">
            <v>75023</v>
          </cell>
          <cell r="AN4250" t="str">
            <v>MDO C&amp;M</v>
          </cell>
          <cell r="AO4250" t="str">
            <v>MDO OH/KEN C&amp;M</v>
          </cell>
        </row>
        <row r="4251">
          <cell r="F4251">
            <v>75023</v>
          </cell>
          <cell r="AN4251" t="str">
            <v>MDO C&amp;M</v>
          </cell>
          <cell r="AO4251" t="str">
            <v>MDO OH/KEN C&amp;M</v>
          </cell>
        </row>
        <row r="4252">
          <cell r="F4252">
            <v>75023</v>
          </cell>
          <cell r="AN4252" t="str">
            <v>MDO C&amp;M</v>
          </cell>
          <cell r="AO4252" t="str">
            <v>MDO OH/KEN C&amp;M</v>
          </cell>
        </row>
        <row r="4253">
          <cell r="F4253">
            <v>75023</v>
          </cell>
          <cell r="AN4253" t="str">
            <v>MDO C&amp;M</v>
          </cell>
          <cell r="AO4253" t="str">
            <v>MDO OH/KEN C&amp;M</v>
          </cell>
        </row>
        <row r="4254">
          <cell r="F4254">
            <v>75023</v>
          </cell>
          <cell r="AN4254" t="str">
            <v>MDO C&amp;M</v>
          </cell>
          <cell r="AO4254" t="str">
            <v>MDO OH/KEN C&amp;M</v>
          </cell>
        </row>
        <row r="4255">
          <cell r="F4255">
            <v>75023</v>
          </cell>
          <cell r="AN4255" t="str">
            <v>MDO C&amp;M</v>
          </cell>
          <cell r="AO4255" t="str">
            <v>MDO OH/KEN C&amp;M</v>
          </cell>
        </row>
        <row r="4256">
          <cell r="F4256">
            <v>75023</v>
          </cell>
          <cell r="AN4256" t="str">
            <v>MDO C&amp;M</v>
          </cell>
          <cell r="AO4256" t="str">
            <v>MDO OH/KEN C&amp;M</v>
          </cell>
        </row>
        <row r="4257">
          <cell r="F4257">
            <v>75023</v>
          </cell>
          <cell r="AN4257" t="str">
            <v>MDO C&amp;M</v>
          </cell>
          <cell r="AO4257" t="str">
            <v>MDO OH/KEN C&amp;M</v>
          </cell>
        </row>
        <row r="4258">
          <cell r="F4258">
            <v>75023</v>
          </cell>
          <cell r="AN4258" t="str">
            <v>MDO C&amp;M</v>
          </cell>
          <cell r="AO4258" t="str">
            <v>MDO OH/KEN C&amp;M</v>
          </cell>
        </row>
        <row r="4259">
          <cell r="F4259">
            <v>75023</v>
          </cell>
          <cell r="AN4259" t="str">
            <v>MDO C&amp;M</v>
          </cell>
          <cell r="AO4259" t="str">
            <v>MDO OH/KEN C&amp;M</v>
          </cell>
        </row>
        <row r="4260">
          <cell r="F4260">
            <v>75023</v>
          </cell>
          <cell r="AN4260" t="str">
            <v>MDO C&amp;M</v>
          </cell>
          <cell r="AO4260" t="str">
            <v>MDO OH/KEN C&amp;M</v>
          </cell>
        </row>
        <row r="4261">
          <cell r="F4261">
            <v>75023</v>
          </cell>
          <cell r="AN4261" t="str">
            <v>MDO C&amp;M</v>
          </cell>
          <cell r="AO4261" t="str">
            <v>MDO OH/KEN C&amp;M</v>
          </cell>
        </row>
        <row r="4262">
          <cell r="F4262">
            <v>75023</v>
          </cell>
          <cell r="AN4262" t="str">
            <v>MDO C&amp;M</v>
          </cell>
          <cell r="AO4262" t="str">
            <v>MDO OH/KEN C&amp;M</v>
          </cell>
        </row>
        <row r="4263">
          <cell r="F4263">
            <v>75023</v>
          </cell>
          <cell r="AN4263" t="str">
            <v>MDO C&amp;M</v>
          </cell>
          <cell r="AO4263" t="str">
            <v>MDO OH/KEN C&amp;M</v>
          </cell>
        </row>
        <row r="4264">
          <cell r="F4264">
            <v>75023</v>
          </cell>
          <cell r="AN4264" t="str">
            <v>MDO C&amp;M</v>
          </cell>
          <cell r="AO4264" t="str">
            <v>MDO OH/KEN C&amp;M</v>
          </cell>
        </row>
        <row r="4265">
          <cell r="F4265">
            <v>75023</v>
          </cell>
          <cell r="AN4265" t="str">
            <v>MDO C&amp;M</v>
          </cell>
          <cell r="AO4265" t="str">
            <v>MDO OH/KEN C&amp;M</v>
          </cell>
        </row>
        <row r="4266">
          <cell r="F4266">
            <v>75023</v>
          </cell>
          <cell r="AN4266" t="str">
            <v>MDO C&amp;M</v>
          </cell>
          <cell r="AO4266" t="str">
            <v>MDO OH/KEN C&amp;M</v>
          </cell>
        </row>
        <row r="4267">
          <cell r="F4267">
            <v>75023</v>
          </cell>
          <cell r="AN4267" t="str">
            <v>MDO C&amp;M</v>
          </cell>
          <cell r="AO4267" t="str">
            <v>MDO OH/KEN C&amp;M</v>
          </cell>
        </row>
        <row r="4268">
          <cell r="F4268">
            <v>75023</v>
          </cell>
          <cell r="AN4268" t="str">
            <v>MDO C&amp;M</v>
          </cell>
          <cell r="AO4268" t="str">
            <v>MDO OH/KEN C&amp;M</v>
          </cell>
        </row>
        <row r="4269">
          <cell r="F4269">
            <v>75023</v>
          </cell>
          <cell r="AN4269" t="str">
            <v>MDO C&amp;M</v>
          </cell>
          <cell r="AO4269" t="str">
            <v>MDO OH/KEN C&amp;M</v>
          </cell>
        </row>
        <row r="4270">
          <cell r="F4270">
            <v>75023</v>
          </cell>
          <cell r="AN4270" t="str">
            <v>MDO C&amp;M</v>
          </cell>
          <cell r="AO4270" t="str">
            <v>MDO OH/KEN C&amp;M</v>
          </cell>
        </row>
        <row r="4271">
          <cell r="F4271">
            <v>75023</v>
          </cell>
          <cell r="AN4271" t="str">
            <v>MDO C&amp;M</v>
          </cell>
          <cell r="AO4271" t="str">
            <v>MDO OH/KEN C&amp;M</v>
          </cell>
        </row>
        <row r="4272">
          <cell r="F4272">
            <v>75023</v>
          </cell>
          <cell r="AN4272" t="str">
            <v>MDO C&amp;M</v>
          </cell>
          <cell r="AO4272" t="str">
            <v>MDO OH/KEN C&amp;M</v>
          </cell>
        </row>
        <row r="4273">
          <cell r="F4273">
            <v>75023</v>
          </cell>
          <cell r="AN4273" t="str">
            <v>MDO C&amp;M</v>
          </cell>
          <cell r="AO4273" t="str">
            <v>MDO OH/KEN C&amp;M</v>
          </cell>
        </row>
        <row r="4274">
          <cell r="F4274">
            <v>75023</v>
          </cell>
          <cell r="AN4274" t="str">
            <v>MDO C&amp;M</v>
          </cell>
          <cell r="AO4274" t="str">
            <v>MDO OH/KEN C&amp;M</v>
          </cell>
        </row>
        <row r="4275">
          <cell r="F4275">
            <v>75023</v>
          </cell>
          <cell r="AN4275" t="str">
            <v>MDO C&amp;M</v>
          </cell>
          <cell r="AO4275" t="str">
            <v>MDO OH/KEN C&amp;M</v>
          </cell>
        </row>
        <row r="4276">
          <cell r="F4276">
            <v>75023</v>
          </cell>
          <cell r="AN4276" t="str">
            <v>MDO C&amp;M</v>
          </cell>
          <cell r="AO4276" t="str">
            <v>MDO OH/KEN C&amp;M</v>
          </cell>
        </row>
        <row r="4277">
          <cell r="F4277">
            <v>75084</v>
          </cell>
          <cell r="AN4277" t="str">
            <v>MDO C&amp;M</v>
          </cell>
          <cell r="AO4277" t="str">
            <v>MDO OH/KEN C&amp;M</v>
          </cell>
        </row>
        <row r="4278">
          <cell r="F4278">
            <v>75084</v>
          </cell>
          <cell r="AN4278" t="str">
            <v>MDO C&amp;M</v>
          </cell>
          <cell r="AO4278" t="str">
            <v>MDO OH/KEN C&amp;M</v>
          </cell>
        </row>
        <row r="4279">
          <cell r="F4279">
            <v>75084</v>
          </cell>
          <cell r="AN4279" t="str">
            <v>MDO C&amp;M</v>
          </cell>
          <cell r="AO4279" t="str">
            <v>MDO OH/KEN C&amp;M</v>
          </cell>
        </row>
        <row r="4280">
          <cell r="F4280">
            <v>75084</v>
          </cell>
          <cell r="AN4280" t="str">
            <v>MDO C&amp;M</v>
          </cell>
          <cell r="AO4280" t="str">
            <v>MDO OH/KEN C&amp;M</v>
          </cell>
        </row>
        <row r="4281">
          <cell r="F4281">
            <v>75084</v>
          </cell>
          <cell r="AN4281" t="str">
            <v>MDO C&amp;M</v>
          </cell>
          <cell r="AO4281" t="str">
            <v>MDO OH/KEN C&amp;M</v>
          </cell>
        </row>
        <row r="4282">
          <cell r="F4282">
            <v>75084</v>
          </cell>
          <cell r="AN4282" t="str">
            <v>MDO C&amp;M</v>
          </cell>
          <cell r="AO4282" t="str">
            <v>MDO OH/KEN C&amp;M</v>
          </cell>
        </row>
        <row r="4283">
          <cell r="F4283">
            <v>75084</v>
          </cell>
          <cell r="AN4283" t="str">
            <v>MDO C&amp;M</v>
          </cell>
          <cell r="AO4283" t="str">
            <v>MDO OH/KEN C&amp;M</v>
          </cell>
        </row>
        <row r="4284">
          <cell r="F4284">
            <v>75084</v>
          </cell>
          <cell r="AN4284" t="str">
            <v>MDO C&amp;M</v>
          </cell>
          <cell r="AO4284" t="str">
            <v>MDO OH/KEN C&amp;M</v>
          </cell>
        </row>
        <row r="4285">
          <cell r="F4285">
            <v>75084</v>
          </cell>
          <cell r="AN4285" t="str">
            <v>MDO C&amp;M</v>
          </cell>
          <cell r="AO4285" t="str">
            <v>MDO OH/KEN C&amp;M</v>
          </cell>
        </row>
        <row r="4286">
          <cell r="F4286">
            <v>75084</v>
          </cell>
          <cell r="AN4286" t="str">
            <v>MDO C&amp;M</v>
          </cell>
          <cell r="AO4286" t="str">
            <v>MDO OH/KEN C&amp;M</v>
          </cell>
        </row>
        <row r="4287">
          <cell r="F4287">
            <v>75084</v>
          </cell>
          <cell r="AN4287" t="str">
            <v>MDO C&amp;M</v>
          </cell>
          <cell r="AO4287" t="str">
            <v>MDO OH/KEN C&amp;M</v>
          </cell>
        </row>
        <row r="4288">
          <cell r="F4288">
            <v>75084</v>
          </cell>
          <cell r="AN4288" t="str">
            <v>MDO C&amp;M</v>
          </cell>
          <cell r="AO4288" t="str">
            <v>MDO OH/KEN C&amp;M</v>
          </cell>
        </row>
        <row r="4289">
          <cell r="F4289">
            <v>75084</v>
          </cell>
          <cell r="AN4289" t="str">
            <v>MDO C&amp;M</v>
          </cell>
          <cell r="AO4289" t="str">
            <v>MDO OH/KEN C&amp;M</v>
          </cell>
        </row>
        <row r="4290">
          <cell r="F4290">
            <v>75084</v>
          </cell>
          <cell r="AN4290" t="str">
            <v>MDO C&amp;M</v>
          </cell>
          <cell r="AO4290" t="str">
            <v>MDO OH/KEN C&amp;M</v>
          </cell>
        </row>
        <row r="4291">
          <cell r="F4291">
            <v>75084</v>
          </cell>
          <cell r="AN4291" t="str">
            <v>MDO C&amp;M</v>
          </cell>
          <cell r="AO4291" t="str">
            <v>MDO OH/KEN C&amp;M</v>
          </cell>
        </row>
        <row r="4292">
          <cell r="F4292">
            <v>75084</v>
          </cell>
          <cell r="AN4292" t="str">
            <v>MDO C&amp;M</v>
          </cell>
          <cell r="AO4292" t="str">
            <v>MDO OH/KEN C&amp;M</v>
          </cell>
        </row>
        <row r="4293">
          <cell r="F4293">
            <v>75084</v>
          </cell>
          <cell r="AN4293" t="str">
            <v>MDO C&amp;M</v>
          </cell>
          <cell r="AO4293" t="str">
            <v>MDO OH/KEN C&amp;M</v>
          </cell>
        </row>
        <row r="4294">
          <cell r="F4294">
            <v>75084</v>
          </cell>
          <cell r="AN4294" t="str">
            <v>MDO C&amp;M</v>
          </cell>
          <cell r="AO4294" t="str">
            <v>MDO OH/KEN C&amp;M</v>
          </cell>
        </row>
        <row r="4295">
          <cell r="F4295">
            <v>75084</v>
          </cell>
          <cell r="AN4295" t="str">
            <v>MDO C&amp;M</v>
          </cell>
          <cell r="AO4295" t="str">
            <v>MDO OH/KEN C&amp;M</v>
          </cell>
        </row>
        <row r="4296">
          <cell r="F4296">
            <v>75084</v>
          </cell>
          <cell r="AN4296" t="str">
            <v>MDO C&amp;M</v>
          </cell>
          <cell r="AO4296" t="str">
            <v>MDO OH/KEN C&amp;M</v>
          </cell>
        </row>
        <row r="4297">
          <cell r="F4297">
            <v>75084</v>
          </cell>
          <cell r="AN4297" t="str">
            <v>MDO C&amp;M</v>
          </cell>
          <cell r="AO4297" t="str">
            <v>MDO OH/KEN C&amp;M</v>
          </cell>
        </row>
        <row r="4298">
          <cell r="F4298">
            <v>75084</v>
          </cell>
          <cell r="AN4298" t="str">
            <v>MDO C&amp;M</v>
          </cell>
          <cell r="AO4298" t="str">
            <v>MDO OH/KEN C&amp;M</v>
          </cell>
        </row>
        <row r="4299">
          <cell r="F4299">
            <v>75084</v>
          </cell>
          <cell r="AN4299" t="str">
            <v>MDO C&amp;M</v>
          </cell>
          <cell r="AO4299" t="str">
            <v>MDO OH/KEN C&amp;M</v>
          </cell>
        </row>
        <row r="4300">
          <cell r="F4300">
            <v>75084</v>
          </cell>
          <cell r="AN4300" t="str">
            <v>MDO C&amp;M</v>
          </cell>
          <cell r="AO4300" t="str">
            <v>MDO OH/KEN C&amp;M</v>
          </cell>
        </row>
        <row r="4301">
          <cell r="F4301">
            <v>75084</v>
          </cell>
          <cell r="AN4301" t="str">
            <v>MDO C&amp;M</v>
          </cell>
          <cell r="AO4301" t="str">
            <v>MDO OH/KEN C&amp;M</v>
          </cell>
        </row>
        <row r="4302">
          <cell r="F4302">
            <v>75084</v>
          </cell>
          <cell r="AN4302" t="str">
            <v>MDO C&amp;M</v>
          </cell>
          <cell r="AO4302" t="str">
            <v>MDO OH/KEN C&amp;M</v>
          </cell>
        </row>
        <row r="4303">
          <cell r="F4303">
            <v>75084</v>
          </cell>
          <cell r="AN4303" t="str">
            <v>MDO C&amp;M</v>
          </cell>
          <cell r="AO4303" t="str">
            <v>MDO OH/KEN C&amp;M</v>
          </cell>
        </row>
        <row r="4304">
          <cell r="F4304">
            <v>75084</v>
          </cell>
          <cell r="AN4304" t="str">
            <v>MDO C&amp;M</v>
          </cell>
          <cell r="AO4304" t="str">
            <v>MDO OH/KEN C&amp;M</v>
          </cell>
        </row>
        <row r="4305">
          <cell r="F4305">
            <v>75084</v>
          </cell>
          <cell r="AN4305" t="str">
            <v>MDO C&amp;M</v>
          </cell>
          <cell r="AO4305" t="str">
            <v>MDO OH/KEN C&amp;M</v>
          </cell>
        </row>
        <row r="4306">
          <cell r="F4306">
            <v>75084</v>
          </cell>
          <cell r="AN4306" t="str">
            <v>MDO C&amp;M</v>
          </cell>
          <cell r="AO4306" t="str">
            <v>MDO OH/KEN C&amp;M</v>
          </cell>
        </row>
        <row r="4307">
          <cell r="F4307">
            <v>75084</v>
          </cell>
          <cell r="AN4307" t="str">
            <v>MDO C&amp;M</v>
          </cell>
          <cell r="AO4307" t="str">
            <v>MDO OH/KEN C&amp;M</v>
          </cell>
        </row>
        <row r="4308">
          <cell r="F4308">
            <v>75084</v>
          </cell>
          <cell r="AN4308" t="str">
            <v>MDO C&amp;M</v>
          </cell>
          <cell r="AO4308" t="str">
            <v>MDO OH/KEN C&amp;M</v>
          </cell>
        </row>
        <row r="4309">
          <cell r="F4309">
            <v>75084</v>
          </cell>
          <cell r="AN4309" t="str">
            <v>MDO C&amp;M</v>
          </cell>
          <cell r="AO4309" t="str">
            <v>MDO OH/KEN C&amp;M</v>
          </cell>
        </row>
        <row r="4310">
          <cell r="F4310">
            <v>75084</v>
          </cell>
          <cell r="AN4310" t="str">
            <v>MDO C&amp;M</v>
          </cell>
          <cell r="AO4310" t="str">
            <v>MDO OH/KEN C&amp;M</v>
          </cell>
        </row>
        <row r="4311">
          <cell r="F4311">
            <v>75084</v>
          </cell>
          <cell r="AN4311" t="str">
            <v>MDO C&amp;M</v>
          </cell>
          <cell r="AO4311" t="str">
            <v>MDO OH/KEN C&amp;M</v>
          </cell>
        </row>
        <row r="4312">
          <cell r="F4312">
            <v>75084</v>
          </cell>
          <cell r="AN4312" t="str">
            <v>MDO C&amp;M</v>
          </cell>
          <cell r="AO4312" t="str">
            <v>MDO OH/KEN C&amp;M</v>
          </cell>
        </row>
        <row r="4313">
          <cell r="F4313">
            <v>75084</v>
          </cell>
          <cell r="AN4313" t="str">
            <v>MDO C&amp;M</v>
          </cell>
          <cell r="AO4313" t="str">
            <v>MDO OH/KEN C&amp;M</v>
          </cell>
        </row>
        <row r="4314">
          <cell r="F4314">
            <v>75084</v>
          </cell>
          <cell r="AN4314" t="str">
            <v>MDO C&amp;M</v>
          </cell>
          <cell r="AO4314" t="str">
            <v>MDO OH/KEN C&amp;M</v>
          </cell>
        </row>
        <row r="4315">
          <cell r="F4315">
            <v>75084</v>
          </cell>
          <cell r="AN4315" t="str">
            <v>MDO C&amp;M</v>
          </cell>
          <cell r="AO4315" t="str">
            <v>MDO OH/KEN C&amp;M</v>
          </cell>
        </row>
        <row r="4316">
          <cell r="F4316">
            <v>75084</v>
          </cell>
          <cell r="AN4316" t="str">
            <v>MDO C&amp;M</v>
          </cell>
          <cell r="AO4316" t="str">
            <v>MDO OH/KEN C&amp;M</v>
          </cell>
        </row>
        <row r="4317">
          <cell r="F4317">
            <v>75084</v>
          </cell>
          <cell r="AN4317" t="str">
            <v>MDO C&amp;M</v>
          </cell>
          <cell r="AO4317" t="str">
            <v>MDO OH/KEN C&amp;M</v>
          </cell>
        </row>
        <row r="4318">
          <cell r="F4318">
            <v>75084</v>
          </cell>
          <cell r="AN4318" t="str">
            <v>MDO C&amp;M</v>
          </cell>
          <cell r="AO4318" t="str">
            <v>MDO OH/KEN C&amp;M</v>
          </cell>
        </row>
        <row r="4319">
          <cell r="F4319">
            <v>75084</v>
          </cell>
          <cell r="AN4319" t="str">
            <v>MDO C&amp;M</v>
          </cell>
          <cell r="AO4319" t="str">
            <v>MDO OH/KEN C&amp;M</v>
          </cell>
        </row>
        <row r="4320">
          <cell r="F4320">
            <v>75084</v>
          </cell>
          <cell r="AN4320" t="str">
            <v>MDO C&amp;M</v>
          </cell>
          <cell r="AO4320" t="str">
            <v>MDO OH/KEN C&amp;M</v>
          </cell>
        </row>
        <row r="4321">
          <cell r="F4321">
            <v>75084</v>
          </cell>
          <cell r="AN4321" t="str">
            <v>MDO C&amp;M</v>
          </cell>
          <cell r="AO4321" t="str">
            <v>MDO OH/KEN C&amp;M</v>
          </cell>
        </row>
        <row r="4322">
          <cell r="F4322">
            <v>75084</v>
          </cell>
          <cell r="AN4322" t="str">
            <v>MDO C&amp;M</v>
          </cell>
          <cell r="AO4322" t="str">
            <v>MDO OH/KEN C&amp;M</v>
          </cell>
        </row>
        <row r="4323">
          <cell r="F4323">
            <v>75084</v>
          </cell>
          <cell r="AN4323" t="str">
            <v>MDO C&amp;M</v>
          </cell>
          <cell r="AO4323" t="str">
            <v>MDO OH/KEN C&amp;M</v>
          </cell>
        </row>
        <row r="4324">
          <cell r="F4324">
            <v>75084</v>
          </cell>
          <cell r="AN4324" t="str">
            <v>MDO C&amp;M</v>
          </cell>
          <cell r="AO4324" t="str">
            <v>MDO OH/KEN C&amp;M</v>
          </cell>
        </row>
        <row r="4325">
          <cell r="F4325">
            <v>75084</v>
          </cell>
          <cell r="AN4325" t="str">
            <v>MDO C&amp;M</v>
          </cell>
          <cell r="AO4325" t="str">
            <v>MDO OH/KEN C&amp;M</v>
          </cell>
        </row>
        <row r="4326">
          <cell r="F4326">
            <v>75084</v>
          </cell>
          <cell r="AN4326" t="str">
            <v>MDO C&amp;M</v>
          </cell>
          <cell r="AO4326" t="str">
            <v>MDO OH/KEN C&amp;M</v>
          </cell>
        </row>
        <row r="4327">
          <cell r="F4327">
            <v>75084</v>
          </cell>
          <cell r="AN4327" t="str">
            <v>MDO C&amp;M</v>
          </cell>
          <cell r="AO4327" t="str">
            <v>MDO OH/KEN C&amp;M</v>
          </cell>
        </row>
        <row r="4328">
          <cell r="F4328">
            <v>75084</v>
          </cell>
          <cell r="AN4328" t="str">
            <v>MDO C&amp;M</v>
          </cell>
          <cell r="AO4328" t="str">
            <v>MDO OH/KEN C&amp;M</v>
          </cell>
        </row>
        <row r="4329">
          <cell r="F4329">
            <v>75084</v>
          </cell>
          <cell r="AN4329" t="str">
            <v>MDO C&amp;M</v>
          </cell>
          <cell r="AO4329" t="str">
            <v>MDO OH/KEN C&amp;M</v>
          </cell>
        </row>
        <row r="4330">
          <cell r="F4330">
            <v>75084</v>
          </cell>
          <cell r="AN4330" t="str">
            <v>MDO C&amp;M</v>
          </cell>
          <cell r="AO4330" t="str">
            <v>MDO OH/KEN C&amp;M</v>
          </cell>
        </row>
        <row r="4331">
          <cell r="F4331">
            <v>75084</v>
          </cell>
          <cell r="AN4331" t="str">
            <v>MDO C&amp;M</v>
          </cell>
          <cell r="AO4331" t="str">
            <v>MDO OH/KEN C&amp;M</v>
          </cell>
        </row>
        <row r="4332">
          <cell r="F4332">
            <v>75084</v>
          </cell>
          <cell r="AN4332" t="str">
            <v>MDO C&amp;M</v>
          </cell>
          <cell r="AO4332" t="str">
            <v>MDO OH/KEN C&amp;M</v>
          </cell>
        </row>
        <row r="4333">
          <cell r="F4333">
            <v>75084</v>
          </cell>
          <cell r="AN4333" t="str">
            <v>MDO C&amp;M</v>
          </cell>
          <cell r="AO4333" t="str">
            <v>MDO OH/KEN C&amp;M</v>
          </cell>
        </row>
        <row r="4334">
          <cell r="F4334">
            <v>75084</v>
          </cell>
          <cell r="AN4334" t="str">
            <v>MDO C&amp;M</v>
          </cell>
          <cell r="AO4334" t="str">
            <v>MDO OH/KEN C&amp;M</v>
          </cell>
        </row>
        <row r="4335">
          <cell r="F4335">
            <v>75084</v>
          </cell>
          <cell r="AN4335" t="str">
            <v>MDO C&amp;M</v>
          </cell>
          <cell r="AO4335" t="str">
            <v>MDO OH/KEN C&amp;M</v>
          </cell>
        </row>
        <row r="4336">
          <cell r="F4336">
            <v>75084</v>
          </cell>
          <cell r="AN4336" t="str">
            <v>MDO C&amp;M</v>
          </cell>
          <cell r="AO4336" t="str">
            <v>MDO OH/KEN C&amp;M</v>
          </cell>
        </row>
        <row r="4337">
          <cell r="F4337">
            <v>75084</v>
          </cell>
          <cell r="AN4337" t="str">
            <v>MDO C&amp;M</v>
          </cell>
          <cell r="AO4337" t="str">
            <v>MDO OH/KEN C&amp;M</v>
          </cell>
        </row>
        <row r="4338">
          <cell r="F4338">
            <v>75084</v>
          </cell>
          <cell r="AN4338" t="str">
            <v>MDO C&amp;M</v>
          </cell>
          <cell r="AO4338" t="str">
            <v>MDO OH/KEN C&amp;M</v>
          </cell>
        </row>
        <row r="4339">
          <cell r="F4339">
            <v>75115</v>
          </cell>
          <cell r="AN4339" t="str">
            <v>MDO C&amp;M</v>
          </cell>
          <cell r="AO4339" t="str">
            <v>MDO INDIANA SOUTHWEST C&amp;M</v>
          </cell>
        </row>
        <row r="4340">
          <cell r="F4340">
            <v>75115</v>
          </cell>
          <cell r="AN4340" t="str">
            <v>MDO C&amp;M</v>
          </cell>
          <cell r="AO4340" t="str">
            <v>MDO INDIANA SOUTHWEST C&amp;M</v>
          </cell>
        </row>
        <row r="4341">
          <cell r="F4341">
            <v>75115</v>
          </cell>
          <cell r="AN4341" t="str">
            <v>MDO C&amp;M</v>
          </cell>
          <cell r="AO4341" t="str">
            <v>MDO INDIANA SOUTHWEST C&amp;M</v>
          </cell>
        </row>
        <row r="4342">
          <cell r="F4342">
            <v>75115</v>
          </cell>
          <cell r="AN4342" t="str">
            <v>MDO C&amp;M</v>
          </cell>
          <cell r="AO4342" t="str">
            <v>MDO INDIANA SOUTHWEST C&amp;M</v>
          </cell>
        </row>
        <row r="4343">
          <cell r="F4343">
            <v>75115</v>
          </cell>
          <cell r="AN4343" t="str">
            <v>MDO C&amp;M</v>
          </cell>
          <cell r="AO4343" t="str">
            <v>MDO INDIANA SOUTHWEST C&amp;M</v>
          </cell>
        </row>
        <row r="4344">
          <cell r="F4344">
            <v>75115</v>
          </cell>
          <cell r="AN4344" t="str">
            <v>MDO C&amp;M</v>
          </cell>
          <cell r="AO4344" t="str">
            <v>MDO INDIANA SOUTHWEST C&amp;M</v>
          </cell>
        </row>
        <row r="4345">
          <cell r="F4345">
            <v>75115</v>
          </cell>
          <cell r="AN4345" t="str">
            <v>MDO C&amp;M</v>
          </cell>
          <cell r="AO4345" t="str">
            <v>MDO INDIANA SOUTHWEST C&amp;M</v>
          </cell>
        </row>
        <row r="4346">
          <cell r="F4346">
            <v>75115</v>
          </cell>
          <cell r="AN4346" t="str">
            <v>MDO C&amp;M</v>
          </cell>
          <cell r="AO4346" t="str">
            <v>MDO INDIANA SOUTHWEST C&amp;M</v>
          </cell>
        </row>
        <row r="4347">
          <cell r="F4347">
            <v>75115</v>
          </cell>
          <cell r="AN4347" t="str">
            <v>MDO C&amp;M</v>
          </cell>
          <cell r="AO4347" t="str">
            <v>MDO INDIANA SOUTHWEST C&amp;M</v>
          </cell>
        </row>
        <row r="4348">
          <cell r="F4348">
            <v>75115</v>
          </cell>
          <cell r="AN4348" t="str">
            <v>MDO C&amp;M</v>
          </cell>
          <cell r="AO4348" t="str">
            <v>MDO INDIANA SOUTHWEST C&amp;M</v>
          </cell>
        </row>
        <row r="4349">
          <cell r="F4349">
            <v>75115</v>
          </cell>
          <cell r="AN4349" t="str">
            <v>MDO C&amp;M</v>
          </cell>
          <cell r="AO4349" t="str">
            <v>MDO INDIANA SOUTHWEST C&amp;M</v>
          </cell>
        </row>
        <row r="4350">
          <cell r="F4350">
            <v>75115</v>
          </cell>
          <cell r="AN4350" t="str">
            <v>MDO C&amp;M</v>
          </cell>
          <cell r="AO4350" t="str">
            <v>MDO INDIANA SOUTHEAST C&amp;M</v>
          </cell>
        </row>
        <row r="4351">
          <cell r="F4351">
            <v>75115</v>
          </cell>
          <cell r="AN4351" t="str">
            <v>MDO C&amp;M</v>
          </cell>
          <cell r="AO4351" t="str">
            <v>MDO INDIANA SOUTHEAST C&amp;M</v>
          </cell>
        </row>
        <row r="4352">
          <cell r="F4352">
            <v>75115</v>
          </cell>
          <cell r="AN4352" t="str">
            <v>MDO C&amp;M</v>
          </cell>
          <cell r="AO4352" t="str">
            <v>MDO INDIANA SOUTHEAST C&amp;M</v>
          </cell>
        </row>
        <row r="4353">
          <cell r="F4353">
            <v>75115</v>
          </cell>
          <cell r="AN4353" t="str">
            <v>MDO C&amp;M</v>
          </cell>
          <cell r="AO4353" t="str">
            <v>MDO INDIANA SOUTHEAST C&amp;M</v>
          </cell>
        </row>
        <row r="4354">
          <cell r="F4354">
            <v>75115</v>
          </cell>
          <cell r="AN4354" t="str">
            <v>MDO C&amp;M</v>
          </cell>
          <cell r="AO4354" t="str">
            <v>MDO INDIANA SOUTHEAST C&amp;M</v>
          </cell>
        </row>
        <row r="4355">
          <cell r="F4355">
            <v>75115</v>
          </cell>
          <cell r="AN4355" t="str">
            <v>MDO C&amp;M</v>
          </cell>
          <cell r="AO4355" t="str">
            <v>MDO INDIANA SOUTHEAST C&amp;M</v>
          </cell>
        </row>
        <row r="4356">
          <cell r="F4356">
            <v>75115</v>
          </cell>
          <cell r="AN4356" t="str">
            <v>MDO C&amp;M</v>
          </cell>
          <cell r="AO4356" t="str">
            <v>MDO INDIANA SOUTHEAST C&amp;M</v>
          </cell>
        </row>
        <row r="4357">
          <cell r="F4357">
            <v>75115</v>
          </cell>
          <cell r="AN4357" t="str">
            <v>MDO C&amp;M</v>
          </cell>
          <cell r="AO4357" t="str">
            <v>MDO INDIANA SOUTHEAST C&amp;M</v>
          </cell>
        </row>
        <row r="4358">
          <cell r="F4358">
            <v>75115</v>
          </cell>
          <cell r="AN4358" t="str">
            <v>MDO C&amp;M</v>
          </cell>
          <cell r="AO4358" t="str">
            <v>MDO INDIANA SOUTHEAST C&amp;M</v>
          </cell>
        </row>
        <row r="4359">
          <cell r="F4359">
            <v>75115</v>
          </cell>
          <cell r="AN4359" t="str">
            <v>MDO C&amp;M</v>
          </cell>
          <cell r="AO4359" t="str">
            <v>MDO INDIANA SOUTHEAST C&amp;M</v>
          </cell>
        </row>
        <row r="4360">
          <cell r="F4360">
            <v>75115</v>
          </cell>
          <cell r="AN4360" t="str">
            <v>MDO C&amp;M</v>
          </cell>
          <cell r="AO4360" t="str">
            <v>MDO INDIANA SOUTHEAST C&amp;M</v>
          </cell>
        </row>
        <row r="4361">
          <cell r="F4361">
            <v>75115</v>
          </cell>
          <cell r="AN4361" t="str">
            <v>MDO C&amp;M</v>
          </cell>
          <cell r="AO4361" t="str">
            <v>MDO INDIANA NORTH C&amp;M</v>
          </cell>
        </row>
        <row r="4362">
          <cell r="F4362">
            <v>75115</v>
          </cell>
          <cell r="AN4362" t="str">
            <v>MDO C&amp;M</v>
          </cell>
          <cell r="AO4362" t="str">
            <v>MDO INDIANA NORTH C&amp;M</v>
          </cell>
        </row>
        <row r="4363">
          <cell r="F4363">
            <v>75115</v>
          </cell>
          <cell r="AN4363" t="str">
            <v>MDO C&amp;M</v>
          </cell>
          <cell r="AO4363" t="str">
            <v>MDO INDIANA NORTH C&amp;M</v>
          </cell>
        </row>
        <row r="4364">
          <cell r="F4364">
            <v>75115</v>
          </cell>
          <cell r="AN4364" t="str">
            <v>MDO C&amp;M</v>
          </cell>
          <cell r="AO4364" t="str">
            <v>MDO INDIANA NORTH C&amp;M</v>
          </cell>
        </row>
        <row r="4365">
          <cell r="F4365">
            <v>75115</v>
          </cell>
          <cell r="AN4365" t="str">
            <v>MDO C&amp;M</v>
          </cell>
          <cell r="AO4365" t="str">
            <v>MDO INDIANA NORTH C&amp;M</v>
          </cell>
        </row>
        <row r="4366">
          <cell r="F4366">
            <v>75115</v>
          </cell>
          <cell r="AN4366" t="str">
            <v>MDO C&amp;M</v>
          </cell>
          <cell r="AO4366" t="str">
            <v>MDO INDIANA NORTH C&amp;M</v>
          </cell>
        </row>
        <row r="4367">
          <cell r="F4367">
            <v>75115</v>
          </cell>
          <cell r="AN4367" t="str">
            <v>MDO C&amp;M</v>
          </cell>
          <cell r="AO4367" t="str">
            <v>MDO INDIANA NORTH C&amp;M</v>
          </cell>
        </row>
        <row r="4368">
          <cell r="F4368">
            <v>75115</v>
          </cell>
          <cell r="AN4368" t="str">
            <v>MDO C&amp;M</v>
          </cell>
          <cell r="AO4368" t="str">
            <v>MDO INDIANA NORTH C&amp;M</v>
          </cell>
        </row>
        <row r="4369">
          <cell r="F4369">
            <v>75115</v>
          </cell>
          <cell r="AN4369" t="str">
            <v>MDO C&amp;M</v>
          </cell>
          <cell r="AO4369" t="str">
            <v>MDO INDIANA NORTH C&amp;M</v>
          </cell>
        </row>
        <row r="4370">
          <cell r="F4370">
            <v>75115</v>
          </cell>
          <cell r="AN4370" t="str">
            <v>MDO C&amp;M</v>
          </cell>
          <cell r="AO4370" t="str">
            <v>MDO INDIANA NORTH C&amp;M</v>
          </cell>
        </row>
        <row r="4371">
          <cell r="F4371">
            <v>75115</v>
          </cell>
          <cell r="AN4371" t="str">
            <v>MDO C&amp;M</v>
          </cell>
          <cell r="AO4371" t="str">
            <v>MDO INDIANA NORTH C&amp;M</v>
          </cell>
        </row>
        <row r="4372">
          <cell r="F4372">
            <v>75115</v>
          </cell>
          <cell r="AN4372" t="str">
            <v>MDO C&amp;M</v>
          </cell>
          <cell r="AO4372" t="str">
            <v>MDO INDIANA SOUTHWEST C&amp;M</v>
          </cell>
        </row>
        <row r="4373">
          <cell r="F4373">
            <v>75115</v>
          </cell>
          <cell r="AN4373" t="str">
            <v>MDO C&amp;M</v>
          </cell>
          <cell r="AO4373" t="str">
            <v>MDO INDIANA SOUTHEAST C&amp;M</v>
          </cell>
        </row>
        <row r="4374">
          <cell r="F4374">
            <v>75115</v>
          </cell>
          <cell r="AN4374" t="str">
            <v>MDO C&amp;M</v>
          </cell>
          <cell r="AO4374" t="str">
            <v>MDO INDIANA NORTH C&amp;M</v>
          </cell>
        </row>
        <row r="4375">
          <cell r="F4375">
            <v>75115</v>
          </cell>
          <cell r="AN4375" t="str">
            <v>MDO C&amp;M</v>
          </cell>
          <cell r="AO4375" t="str">
            <v>MDO INDIANA SOUTHWEST C&amp;M</v>
          </cell>
        </row>
        <row r="4376">
          <cell r="F4376">
            <v>75115</v>
          </cell>
          <cell r="AN4376" t="str">
            <v>MDO C&amp;M</v>
          </cell>
          <cell r="AO4376" t="str">
            <v>MDO INDIANA SOUTHWEST C&amp;M</v>
          </cell>
        </row>
        <row r="4377">
          <cell r="F4377">
            <v>75115</v>
          </cell>
          <cell r="AN4377" t="str">
            <v>MDO C&amp;M</v>
          </cell>
          <cell r="AO4377" t="str">
            <v>MDO INDIANA SOUTHWEST C&amp;M</v>
          </cell>
        </row>
        <row r="4378">
          <cell r="F4378">
            <v>75115</v>
          </cell>
          <cell r="AN4378" t="str">
            <v>MDO C&amp;M</v>
          </cell>
          <cell r="AO4378" t="str">
            <v>MDO INDIANA SOUTHWEST C&amp;M</v>
          </cell>
        </row>
        <row r="4379">
          <cell r="F4379">
            <v>75115</v>
          </cell>
          <cell r="AN4379" t="str">
            <v>MDO C&amp;M</v>
          </cell>
          <cell r="AO4379" t="str">
            <v>MDO INDIANA SOUTHWEST C&amp;M</v>
          </cell>
        </row>
        <row r="4380">
          <cell r="F4380">
            <v>75115</v>
          </cell>
          <cell r="AN4380" t="str">
            <v>MDO C&amp;M</v>
          </cell>
          <cell r="AO4380" t="str">
            <v>MDO INDIANA SOUTHWEST C&amp;M</v>
          </cell>
        </row>
        <row r="4381">
          <cell r="F4381">
            <v>75115</v>
          </cell>
          <cell r="AN4381" t="str">
            <v>MDO C&amp;M</v>
          </cell>
          <cell r="AO4381" t="str">
            <v>MDO INDIANA SOUTHWEST C&amp;M</v>
          </cell>
        </row>
        <row r="4382">
          <cell r="F4382">
            <v>75115</v>
          </cell>
          <cell r="AN4382" t="str">
            <v>MDO C&amp;M</v>
          </cell>
          <cell r="AO4382" t="str">
            <v>MDO INDIANA SOUTHEAST C&amp;M</v>
          </cell>
        </row>
        <row r="4383">
          <cell r="F4383">
            <v>75115</v>
          </cell>
          <cell r="AN4383" t="str">
            <v>MDO C&amp;M</v>
          </cell>
          <cell r="AO4383" t="str">
            <v>MDO INDIANA SOUTHEAST C&amp;M</v>
          </cell>
        </row>
        <row r="4384">
          <cell r="F4384">
            <v>75115</v>
          </cell>
          <cell r="AN4384" t="str">
            <v>MDO C&amp;M</v>
          </cell>
          <cell r="AO4384" t="str">
            <v>MDO INDIANA SOUTHEAST C&amp;M</v>
          </cell>
        </row>
        <row r="4385">
          <cell r="F4385">
            <v>75115</v>
          </cell>
          <cell r="AN4385" t="str">
            <v>MDO C&amp;M</v>
          </cell>
          <cell r="AO4385" t="str">
            <v>MDO INDIANA SOUTHEAST C&amp;M</v>
          </cell>
        </row>
        <row r="4386">
          <cell r="F4386">
            <v>75115</v>
          </cell>
          <cell r="AN4386" t="str">
            <v>MDO C&amp;M</v>
          </cell>
          <cell r="AO4386" t="str">
            <v>MDO INDIANA SOUTHEAST C&amp;M</v>
          </cell>
        </row>
        <row r="4387">
          <cell r="F4387">
            <v>75115</v>
          </cell>
          <cell r="AN4387" t="str">
            <v>MDO C&amp;M</v>
          </cell>
          <cell r="AO4387" t="str">
            <v>MDO INDIANA SOUTHEAST C&amp;M</v>
          </cell>
        </row>
        <row r="4388">
          <cell r="F4388">
            <v>75115</v>
          </cell>
          <cell r="AN4388" t="str">
            <v>MDO C&amp;M</v>
          </cell>
          <cell r="AO4388" t="str">
            <v>MDO INDIANA SOUTHEAST C&amp;M</v>
          </cell>
        </row>
        <row r="4389">
          <cell r="F4389">
            <v>75115</v>
          </cell>
          <cell r="AN4389" t="str">
            <v>MDO C&amp;M</v>
          </cell>
          <cell r="AO4389" t="str">
            <v>MDO INDIANA NORTH C&amp;M</v>
          </cell>
        </row>
        <row r="4390">
          <cell r="F4390">
            <v>75115</v>
          </cell>
          <cell r="AN4390" t="str">
            <v>MDO C&amp;M</v>
          </cell>
          <cell r="AO4390" t="str">
            <v>MDO INDIANA NORTH C&amp;M</v>
          </cell>
        </row>
        <row r="4391">
          <cell r="F4391">
            <v>75115</v>
          </cell>
          <cell r="AN4391" t="str">
            <v>MDO C&amp;M</v>
          </cell>
          <cell r="AO4391" t="str">
            <v>MDO INDIANA NORTH C&amp;M</v>
          </cell>
        </row>
        <row r="4392">
          <cell r="F4392">
            <v>75115</v>
          </cell>
          <cell r="AN4392" t="str">
            <v>MDO C&amp;M</v>
          </cell>
          <cell r="AO4392" t="str">
            <v>MDO INDIANA NORTH C&amp;M</v>
          </cell>
        </row>
        <row r="4393">
          <cell r="F4393">
            <v>75115</v>
          </cell>
          <cell r="AN4393" t="str">
            <v>MDO C&amp;M</v>
          </cell>
          <cell r="AO4393" t="str">
            <v>MDO INDIANA NORTH C&amp;M</v>
          </cell>
        </row>
        <row r="4394">
          <cell r="F4394">
            <v>75115</v>
          </cell>
          <cell r="AN4394" t="str">
            <v>MDO C&amp;M</v>
          </cell>
          <cell r="AO4394" t="str">
            <v>MDO INDIANA NORTH C&amp;M</v>
          </cell>
        </row>
        <row r="4395">
          <cell r="F4395">
            <v>75115</v>
          </cell>
          <cell r="AN4395" t="str">
            <v>MDO C&amp;M</v>
          </cell>
          <cell r="AO4395" t="str">
            <v>MDO INDIANA NORTH C&amp;M</v>
          </cell>
        </row>
        <row r="4396">
          <cell r="F4396">
            <v>75115</v>
          </cell>
          <cell r="AN4396" t="str">
            <v>MDO C&amp;M</v>
          </cell>
          <cell r="AO4396" t="str">
            <v>MDO INDIANA NORTH C&amp;M</v>
          </cell>
        </row>
        <row r="4397">
          <cell r="F4397">
            <v>75115</v>
          </cell>
          <cell r="AN4397" t="str">
            <v>MDO C&amp;M</v>
          </cell>
          <cell r="AO4397" t="str">
            <v>MDO INDIANA NORTH C&amp;M</v>
          </cell>
        </row>
        <row r="4398">
          <cell r="F4398">
            <v>75115</v>
          </cell>
          <cell r="AN4398" t="str">
            <v>MDO C&amp;M</v>
          </cell>
          <cell r="AO4398" t="str">
            <v>MDO INDIANA NORTH C&amp;M</v>
          </cell>
        </row>
        <row r="4399">
          <cell r="F4399">
            <v>75115</v>
          </cell>
          <cell r="AN4399" t="str">
            <v>MDO C&amp;M</v>
          </cell>
          <cell r="AO4399" t="str">
            <v>MDO INDIANA NORTH C&amp;M</v>
          </cell>
        </row>
        <row r="4400">
          <cell r="F4400">
            <v>75115</v>
          </cell>
          <cell r="AN4400" t="str">
            <v>MDO C&amp;M</v>
          </cell>
          <cell r="AO4400" t="str">
            <v>MDO INDIANA NORTH C&amp;M</v>
          </cell>
        </row>
        <row r="4401">
          <cell r="F4401">
            <v>75115</v>
          </cell>
          <cell r="AN4401" t="str">
            <v>MDO C&amp;M</v>
          </cell>
          <cell r="AO4401" t="str">
            <v>MDO INDIANA NORTH C&amp;M</v>
          </cell>
        </row>
        <row r="4402">
          <cell r="F4402">
            <v>75115</v>
          </cell>
          <cell r="AN4402" t="str">
            <v>MDO C&amp;M</v>
          </cell>
          <cell r="AO4402" t="str">
            <v>MDO INDIANA NORTH C&amp;M</v>
          </cell>
        </row>
        <row r="4403">
          <cell r="F4403">
            <v>75115</v>
          </cell>
          <cell r="AN4403" t="str">
            <v>MDO C&amp;M</v>
          </cell>
          <cell r="AO4403" t="str">
            <v>MDO INDIANA NORTH C&amp;M</v>
          </cell>
        </row>
        <row r="4404">
          <cell r="F4404">
            <v>75115</v>
          </cell>
          <cell r="AN4404" t="str">
            <v>MDO C&amp;M</v>
          </cell>
          <cell r="AO4404" t="str">
            <v>MDO INDIANA NORTH C&amp;M</v>
          </cell>
        </row>
        <row r="4405">
          <cell r="F4405">
            <v>75115</v>
          </cell>
          <cell r="AN4405" t="str">
            <v>MDO C&amp;M</v>
          </cell>
          <cell r="AO4405" t="str">
            <v>MDO INDIANA NORTH C&amp;M</v>
          </cell>
        </row>
        <row r="4406">
          <cell r="F4406">
            <v>75115</v>
          </cell>
          <cell r="AN4406" t="str">
            <v>MDO C&amp;M</v>
          </cell>
          <cell r="AO4406" t="str">
            <v>MDO INDIANA NORTH C&amp;M</v>
          </cell>
        </row>
        <row r="4407">
          <cell r="F4407">
            <v>75115</v>
          </cell>
          <cell r="AN4407" t="str">
            <v>MDO C&amp;M</v>
          </cell>
          <cell r="AO4407" t="str">
            <v>MDO INDIANA NORTH C&amp;M</v>
          </cell>
        </row>
        <row r="4408">
          <cell r="F4408">
            <v>75115</v>
          </cell>
          <cell r="AN4408" t="str">
            <v>MDO C&amp;M</v>
          </cell>
          <cell r="AO4408" t="str">
            <v>MDO INDIANA NORTH C&amp;M</v>
          </cell>
        </row>
        <row r="4409">
          <cell r="F4409">
            <v>75115</v>
          </cell>
          <cell r="AN4409" t="str">
            <v>MDO C&amp;M</v>
          </cell>
          <cell r="AO4409" t="str">
            <v>MDO INDIANA NORTH C&amp;M</v>
          </cell>
        </row>
        <row r="4410">
          <cell r="F4410">
            <v>75115</v>
          </cell>
          <cell r="AN4410" t="str">
            <v>MDO C&amp;M</v>
          </cell>
          <cell r="AO4410" t="str">
            <v>MDO INDIANA NORTH C&amp;M</v>
          </cell>
        </row>
        <row r="4411">
          <cell r="F4411">
            <v>75115</v>
          </cell>
          <cell r="AN4411" t="str">
            <v>MDO C&amp;M</v>
          </cell>
          <cell r="AO4411" t="str">
            <v>MDO INDIANA NORTH C&amp;M</v>
          </cell>
        </row>
        <row r="4412">
          <cell r="F4412">
            <v>75115</v>
          </cell>
          <cell r="AN4412" t="str">
            <v>MDO C&amp;M</v>
          </cell>
          <cell r="AO4412" t="str">
            <v>MDO INDIANA NORTH C&amp;M</v>
          </cell>
        </row>
        <row r="4413">
          <cell r="F4413">
            <v>75115</v>
          </cell>
          <cell r="AN4413" t="str">
            <v>MDO C&amp;M</v>
          </cell>
          <cell r="AO4413" t="str">
            <v>MDO INDIANA NORTH C&amp;M</v>
          </cell>
        </row>
        <row r="4414">
          <cell r="F4414">
            <v>75115</v>
          </cell>
          <cell r="AN4414" t="str">
            <v>MDO C&amp;M</v>
          </cell>
          <cell r="AO4414" t="str">
            <v>MDO INDIANA NORTH C&amp;M</v>
          </cell>
        </row>
        <row r="4415">
          <cell r="F4415">
            <v>75115</v>
          </cell>
          <cell r="AN4415" t="str">
            <v>MDO C&amp;M</v>
          </cell>
          <cell r="AO4415" t="str">
            <v>MDO INDIANA NORTH C&amp;M</v>
          </cell>
        </row>
        <row r="4416">
          <cell r="F4416">
            <v>75115</v>
          </cell>
          <cell r="AN4416" t="str">
            <v>MDO C&amp;M</v>
          </cell>
          <cell r="AO4416" t="str">
            <v>MDO INDIANA NORTH C&amp;M</v>
          </cell>
        </row>
        <row r="4417">
          <cell r="F4417">
            <v>75115</v>
          </cell>
          <cell r="AN4417" t="str">
            <v>MDO C&amp;M</v>
          </cell>
          <cell r="AO4417" t="str">
            <v>MDO INDIANA NORTH C&amp;M</v>
          </cell>
        </row>
        <row r="4418">
          <cell r="F4418">
            <v>75115</v>
          </cell>
          <cell r="AN4418" t="str">
            <v>MDO C&amp;M</v>
          </cell>
          <cell r="AO4418" t="str">
            <v>MDO INDIANA NORTH C&amp;M</v>
          </cell>
        </row>
        <row r="4419">
          <cell r="F4419">
            <v>75115</v>
          </cell>
          <cell r="AN4419" t="str">
            <v>MDO C&amp;M</v>
          </cell>
          <cell r="AO4419" t="str">
            <v>MDO INDIANA NORTH C&amp;M</v>
          </cell>
        </row>
        <row r="4420">
          <cell r="F4420">
            <v>75115</v>
          </cell>
          <cell r="AN4420" t="str">
            <v>MDO C&amp;M</v>
          </cell>
          <cell r="AO4420" t="str">
            <v>MDO INDIANA SOUTHEAST C&amp;M</v>
          </cell>
        </row>
        <row r="4421">
          <cell r="F4421">
            <v>75115</v>
          </cell>
          <cell r="AN4421" t="str">
            <v>MDO C&amp;M</v>
          </cell>
          <cell r="AO4421" t="str">
            <v>MDO INDIANA SOUTHEAST C&amp;M</v>
          </cell>
        </row>
        <row r="4422">
          <cell r="F4422">
            <v>75115</v>
          </cell>
          <cell r="AN4422" t="str">
            <v>MDO C&amp;M</v>
          </cell>
          <cell r="AO4422" t="str">
            <v>MDO INDIANA SOUTHEAST C&amp;M</v>
          </cell>
        </row>
        <row r="4423">
          <cell r="F4423">
            <v>75115</v>
          </cell>
          <cell r="AN4423" t="str">
            <v>MDO C&amp;M</v>
          </cell>
          <cell r="AO4423" t="str">
            <v>MDO INDIANA SOUTHEAST C&amp;M</v>
          </cell>
        </row>
        <row r="4424">
          <cell r="F4424">
            <v>75115</v>
          </cell>
          <cell r="AN4424" t="str">
            <v>MDO C&amp;M</v>
          </cell>
          <cell r="AO4424" t="str">
            <v>MDO INDIANA SOUTHEAST C&amp;M</v>
          </cell>
        </row>
        <row r="4425">
          <cell r="F4425">
            <v>75115</v>
          </cell>
          <cell r="AN4425" t="str">
            <v>MDO C&amp;M</v>
          </cell>
          <cell r="AO4425" t="str">
            <v>MDO INDIANA SOUTHEAST C&amp;M</v>
          </cell>
        </row>
        <row r="4426">
          <cell r="F4426">
            <v>75115</v>
          </cell>
          <cell r="AN4426" t="str">
            <v>MDO C&amp;M</v>
          </cell>
          <cell r="AO4426" t="str">
            <v>MDO INDIANA SOUTHEAST C&amp;M</v>
          </cell>
        </row>
        <row r="4427">
          <cell r="F4427">
            <v>75115</v>
          </cell>
          <cell r="AN4427" t="str">
            <v>MDO C&amp;M</v>
          </cell>
          <cell r="AO4427" t="str">
            <v>MDO INDIANA SOUTHEAST C&amp;M</v>
          </cell>
        </row>
        <row r="4428">
          <cell r="F4428">
            <v>75115</v>
          </cell>
          <cell r="AN4428" t="str">
            <v>MDO C&amp;M</v>
          </cell>
          <cell r="AO4428" t="str">
            <v>MDO INDIANA SOUTHEAST C&amp;M</v>
          </cell>
        </row>
        <row r="4429">
          <cell r="F4429">
            <v>75115</v>
          </cell>
          <cell r="AN4429" t="str">
            <v>MDO C&amp;M</v>
          </cell>
          <cell r="AO4429" t="str">
            <v>MDO INDIANA SOUTHEAST C&amp;M</v>
          </cell>
        </row>
        <row r="4430">
          <cell r="F4430">
            <v>75115</v>
          </cell>
          <cell r="AN4430" t="str">
            <v>MDO C&amp;M</v>
          </cell>
          <cell r="AO4430" t="str">
            <v>MDO INDIANA SOUTHEAST C&amp;M</v>
          </cell>
        </row>
        <row r="4431">
          <cell r="F4431">
            <v>75115</v>
          </cell>
          <cell r="AN4431" t="str">
            <v>MDO C&amp;M</v>
          </cell>
          <cell r="AO4431" t="str">
            <v>MDO INDIANA SOUTHEAST C&amp;M</v>
          </cell>
        </row>
        <row r="4432">
          <cell r="F4432">
            <v>75115</v>
          </cell>
          <cell r="AN4432" t="str">
            <v>MDO C&amp;M</v>
          </cell>
          <cell r="AO4432" t="str">
            <v>MDO INDIANA SOUTHEAST C&amp;M</v>
          </cell>
        </row>
        <row r="4433">
          <cell r="F4433">
            <v>75115</v>
          </cell>
          <cell r="AN4433" t="str">
            <v>MDO C&amp;M</v>
          </cell>
          <cell r="AO4433" t="str">
            <v>MDO INDIANA SOUTHEAST C&amp;M</v>
          </cell>
        </row>
        <row r="4434">
          <cell r="F4434">
            <v>75115</v>
          </cell>
          <cell r="AN4434" t="str">
            <v>MDO C&amp;M</v>
          </cell>
          <cell r="AO4434" t="str">
            <v>MDO INDIANA SOUTHEAST C&amp;M</v>
          </cell>
        </row>
        <row r="4435">
          <cell r="F4435">
            <v>75115</v>
          </cell>
          <cell r="AN4435" t="str">
            <v>MDO C&amp;M</v>
          </cell>
          <cell r="AO4435" t="str">
            <v>MDO INDIANA SOUTHEAST C&amp;M</v>
          </cell>
        </row>
        <row r="4436">
          <cell r="F4436">
            <v>75115</v>
          </cell>
          <cell r="AN4436" t="str">
            <v>MDO C&amp;M</v>
          </cell>
          <cell r="AO4436" t="str">
            <v>MDO INDIANA SOUTHEAST C&amp;M</v>
          </cell>
        </row>
        <row r="4437">
          <cell r="F4437">
            <v>75115</v>
          </cell>
          <cell r="AN4437" t="str">
            <v>MDO C&amp;M</v>
          </cell>
          <cell r="AO4437" t="str">
            <v>MDO INDIANA SOUTHEAST C&amp;M</v>
          </cell>
        </row>
        <row r="4438">
          <cell r="F4438">
            <v>75115</v>
          </cell>
          <cell r="AN4438" t="str">
            <v>MDO C&amp;M</v>
          </cell>
          <cell r="AO4438" t="str">
            <v>MDO INDIANA SOUTHEAST C&amp;M</v>
          </cell>
        </row>
        <row r="4439">
          <cell r="F4439">
            <v>75115</v>
          </cell>
          <cell r="AN4439" t="str">
            <v>MDO C&amp;M</v>
          </cell>
          <cell r="AO4439" t="str">
            <v>MDO INDIANA SOUTHEAST C&amp;M</v>
          </cell>
        </row>
        <row r="4440">
          <cell r="F4440">
            <v>75115</v>
          </cell>
          <cell r="AN4440" t="str">
            <v>MDO C&amp;M</v>
          </cell>
          <cell r="AO4440" t="str">
            <v>MDO INDIANA SOUTHEAST C&amp;M</v>
          </cell>
        </row>
        <row r="4441">
          <cell r="F4441">
            <v>75115</v>
          </cell>
          <cell r="AN4441" t="str">
            <v>MDO C&amp;M</v>
          </cell>
          <cell r="AO4441" t="str">
            <v>MDO INDIANA SOUTHEAST C&amp;M</v>
          </cell>
        </row>
        <row r="4442">
          <cell r="F4442">
            <v>75115</v>
          </cell>
          <cell r="AN4442" t="str">
            <v>MDO C&amp;M</v>
          </cell>
          <cell r="AO4442" t="str">
            <v>MDO INDIANA SOUTHEAST C&amp;M</v>
          </cell>
        </row>
        <row r="4443">
          <cell r="F4443">
            <v>75115</v>
          </cell>
          <cell r="AN4443" t="str">
            <v>MDO C&amp;M</v>
          </cell>
          <cell r="AO4443" t="str">
            <v>MDO INDIANA SOUTHEAST C&amp;M</v>
          </cell>
        </row>
        <row r="4444">
          <cell r="F4444">
            <v>75115</v>
          </cell>
          <cell r="AN4444" t="str">
            <v>MDO C&amp;M</v>
          </cell>
          <cell r="AO4444" t="str">
            <v>MDO INDIANA SOUTHWEST C&amp;M</v>
          </cell>
        </row>
        <row r="4445">
          <cell r="F4445">
            <v>75115</v>
          </cell>
          <cell r="AN4445" t="str">
            <v>MDO C&amp;M</v>
          </cell>
          <cell r="AO4445" t="str">
            <v>MDO INDIANA SOUTHWEST C&amp;M</v>
          </cell>
        </row>
        <row r="4446">
          <cell r="F4446">
            <v>75115</v>
          </cell>
          <cell r="AN4446" t="str">
            <v>MDO C&amp;M</v>
          </cell>
          <cell r="AO4446" t="str">
            <v>MDO INDIANA SOUTHWEST C&amp;M</v>
          </cell>
        </row>
        <row r="4447">
          <cell r="F4447">
            <v>75115</v>
          </cell>
          <cell r="AN4447" t="str">
            <v>MDO C&amp;M</v>
          </cell>
          <cell r="AO4447" t="str">
            <v>MDO INDIANA SOUTHWEST C&amp;M</v>
          </cell>
        </row>
        <row r="4448">
          <cell r="F4448">
            <v>75115</v>
          </cell>
          <cell r="AN4448" t="str">
            <v>MDO C&amp;M</v>
          </cell>
          <cell r="AO4448" t="str">
            <v>MDO INDIANA SOUTHWEST C&amp;M</v>
          </cell>
        </row>
        <row r="4449">
          <cell r="F4449">
            <v>75115</v>
          </cell>
          <cell r="AN4449" t="str">
            <v>MDO C&amp;M</v>
          </cell>
          <cell r="AO4449" t="str">
            <v>MDO INDIANA SOUTHWEST C&amp;M</v>
          </cell>
        </row>
        <row r="4450">
          <cell r="F4450">
            <v>75115</v>
          </cell>
          <cell r="AN4450" t="str">
            <v>MDO C&amp;M</v>
          </cell>
          <cell r="AO4450" t="str">
            <v>MDO INDIANA SOUTHWEST C&amp;M</v>
          </cell>
        </row>
        <row r="4451">
          <cell r="F4451">
            <v>75115</v>
          </cell>
          <cell r="AN4451" t="str">
            <v>MDO C&amp;M</v>
          </cell>
          <cell r="AO4451" t="str">
            <v>MDO INDIANA SOUTHWEST C&amp;M</v>
          </cell>
        </row>
        <row r="4452">
          <cell r="F4452">
            <v>75115</v>
          </cell>
          <cell r="AN4452" t="str">
            <v>MDO C&amp;M</v>
          </cell>
          <cell r="AO4452" t="str">
            <v>MDO INDIANA SOUTHWEST C&amp;M</v>
          </cell>
        </row>
        <row r="4453">
          <cell r="F4453">
            <v>75115</v>
          </cell>
          <cell r="AN4453" t="str">
            <v>MDO C&amp;M</v>
          </cell>
          <cell r="AO4453" t="str">
            <v>MDO INDIANA SOUTHWEST C&amp;M</v>
          </cell>
        </row>
        <row r="4454">
          <cell r="F4454">
            <v>75115</v>
          </cell>
          <cell r="AN4454" t="str">
            <v>MDO C&amp;M</v>
          </cell>
          <cell r="AO4454" t="str">
            <v>MDO INDIANA SOUTHWEST C&amp;M</v>
          </cell>
        </row>
        <row r="4455">
          <cell r="F4455">
            <v>75115</v>
          </cell>
          <cell r="AN4455" t="str">
            <v>MDO C&amp;M</v>
          </cell>
          <cell r="AO4455" t="str">
            <v>MDO INDIANA SOUTHWEST C&amp;M</v>
          </cell>
        </row>
        <row r="4456">
          <cell r="F4456">
            <v>75115</v>
          </cell>
          <cell r="AN4456" t="str">
            <v>MDO C&amp;M</v>
          </cell>
          <cell r="AO4456" t="str">
            <v>MDO INDIANA SOUTHWEST C&amp;M</v>
          </cell>
        </row>
        <row r="4457">
          <cell r="F4457">
            <v>75115</v>
          </cell>
          <cell r="AN4457" t="str">
            <v>MDO C&amp;M</v>
          </cell>
          <cell r="AO4457" t="str">
            <v>MDO INDIANA SOUTHWEST C&amp;M</v>
          </cell>
        </row>
        <row r="4458">
          <cell r="F4458">
            <v>75115</v>
          </cell>
          <cell r="AN4458" t="str">
            <v>MDO C&amp;M</v>
          </cell>
          <cell r="AO4458" t="str">
            <v>MDO INDIANA SOUTHWEST C&amp;M</v>
          </cell>
        </row>
        <row r="4459">
          <cell r="F4459">
            <v>75115</v>
          </cell>
          <cell r="AN4459" t="str">
            <v>MDO C&amp;M</v>
          </cell>
          <cell r="AO4459" t="str">
            <v>MDO INDIANA SOUTHWEST C&amp;M</v>
          </cell>
        </row>
        <row r="4460">
          <cell r="F4460">
            <v>75115</v>
          </cell>
          <cell r="AN4460" t="str">
            <v>MDO C&amp;M</v>
          </cell>
          <cell r="AO4460" t="str">
            <v>MDO INDIANA SOUTHWEST C&amp;M</v>
          </cell>
        </row>
        <row r="4461">
          <cell r="F4461">
            <v>75115</v>
          </cell>
          <cell r="AN4461" t="str">
            <v>MDO C&amp;M</v>
          </cell>
          <cell r="AO4461" t="str">
            <v>MDO INDIANA SOUTHWEST C&amp;M</v>
          </cell>
        </row>
        <row r="4462">
          <cell r="F4462">
            <v>75115</v>
          </cell>
          <cell r="AN4462" t="str">
            <v>MDO C&amp;M</v>
          </cell>
          <cell r="AO4462" t="str">
            <v>MDO INDIANA SOUTHWEST C&amp;M</v>
          </cell>
        </row>
        <row r="4463">
          <cell r="F4463">
            <v>75115</v>
          </cell>
          <cell r="AN4463" t="str">
            <v>MDO C&amp;M</v>
          </cell>
          <cell r="AO4463" t="str">
            <v>MDO INDIANA SOUTHWEST C&amp;M</v>
          </cell>
        </row>
        <row r="4464">
          <cell r="F4464">
            <v>75115</v>
          </cell>
          <cell r="AN4464" t="str">
            <v>MDO C&amp;M</v>
          </cell>
          <cell r="AO4464" t="str">
            <v>MDO INDIANA SOUTHWEST C&amp;M</v>
          </cell>
        </row>
        <row r="4465">
          <cell r="F4465">
            <v>75115</v>
          </cell>
          <cell r="AN4465" t="str">
            <v>MDO C&amp;M</v>
          </cell>
          <cell r="AO4465" t="str">
            <v>MDO INDIANA SOUTHWEST C&amp;M</v>
          </cell>
        </row>
        <row r="4466">
          <cell r="F4466">
            <v>75115</v>
          </cell>
          <cell r="AN4466" t="str">
            <v>MDO C&amp;M</v>
          </cell>
          <cell r="AO4466" t="str">
            <v>MDO INDIANA SOUTHWEST C&amp;M</v>
          </cell>
        </row>
        <row r="4467">
          <cell r="F4467">
            <v>75115</v>
          </cell>
          <cell r="AN4467" t="str">
            <v>MDO C&amp;M</v>
          </cell>
          <cell r="AO4467" t="str">
            <v>MDO INDIANA SOUTHWEST C&amp;M</v>
          </cell>
        </row>
        <row r="4468">
          <cell r="F4468">
            <v>75115</v>
          </cell>
          <cell r="AN4468" t="str">
            <v>MDO C&amp;M</v>
          </cell>
          <cell r="AO4468" t="str">
            <v>MDO INDIANA NORTH C&amp;M</v>
          </cell>
        </row>
        <row r="4469">
          <cell r="F4469">
            <v>75115</v>
          </cell>
          <cell r="AN4469" t="str">
            <v>MDO C&amp;M</v>
          </cell>
          <cell r="AO4469" t="str">
            <v>MDO INDIANA SOUTHEAST C&amp;M</v>
          </cell>
        </row>
        <row r="4470">
          <cell r="F4470">
            <v>75115</v>
          </cell>
          <cell r="AN4470" t="str">
            <v>MDO C&amp;M</v>
          </cell>
          <cell r="AO4470" t="str">
            <v>MDO INDIANA SOUTHWEST C&amp;M</v>
          </cell>
        </row>
        <row r="4471">
          <cell r="F4471">
            <v>75023</v>
          </cell>
          <cell r="AN4471" t="str">
            <v>MDO C&amp;M</v>
          </cell>
          <cell r="AO4471" t="str">
            <v>MDO OH/KEN C&amp;M</v>
          </cell>
        </row>
        <row r="4472">
          <cell r="F4472">
            <v>75023</v>
          </cell>
          <cell r="AN4472" t="str">
            <v>MDO C&amp;M</v>
          </cell>
          <cell r="AO4472" t="str">
            <v>MDO OH/KEN C&amp;M</v>
          </cell>
        </row>
        <row r="4473">
          <cell r="F4473">
            <v>75023</v>
          </cell>
          <cell r="AN4473" t="str">
            <v>MDO C&amp;M</v>
          </cell>
          <cell r="AO4473" t="str">
            <v>MDO OH/KEN C&amp;M</v>
          </cell>
        </row>
        <row r="4474">
          <cell r="F4474">
            <v>75023</v>
          </cell>
          <cell r="AN4474" t="str">
            <v>MDO C&amp;M</v>
          </cell>
          <cell r="AO4474" t="str">
            <v>MDO OH/KEN C&amp;M</v>
          </cell>
        </row>
        <row r="4475">
          <cell r="F4475">
            <v>75023</v>
          </cell>
          <cell r="AN4475" t="str">
            <v>MDO C&amp;M</v>
          </cell>
          <cell r="AO4475" t="str">
            <v>MDO OH/KEN C&amp;M</v>
          </cell>
        </row>
        <row r="4476">
          <cell r="F4476">
            <v>75023</v>
          </cell>
          <cell r="AN4476" t="str">
            <v>MDO C&amp;M</v>
          </cell>
          <cell r="AO4476" t="str">
            <v>MDO OH/KEN C&amp;M</v>
          </cell>
        </row>
        <row r="4477">
          <cell r="F4477">
            <v>75023</v>
          </cell>
          <cell r="AN4477" t="str">
            <v>MDO C&amp;M</v>
          </cell>
          <cell r="AO4477" t="str">
            <v>MDO OH/KEN C&amp;M</v>
          </cell>
        </row>
        <row r="4478">
          <cell r="F4478">
            <v>75023</v>
          </cell>
          <cell r="AN4478" t="str">
            <v>MDO C&amp;M</v>
          </cell>
          <cell r="AO4478" t="str">
            <v>MDO OH/KEN C&amp;M</v>
          </cell>
        </row>
        <row r="4479">
          <cell r="F4479">
            <v>75023</v>
          </cell>
          <cell r="AN4479" t="str">
            <v>MDO C&amp;M</v>
          </cell>
          <cell r="AO4479" t="str">
            <v>MDO OH/KEN C&amp;M</v>
          </cell>
        </row>
        <row r="4480">
          <cell r="F4480">
            <v>75023</v>
          </cell>
          <cell r="AN4480" t="str">
            <v>MDO C&amp;M</v>
          </cell>
          <cell r="AO4480" t="str">
            <v>MDO OH/KEN C&amp;M</v>
          </cell>
        </row>
        <row r="4481">
          <cell r="F4481">
            <v>75023</v>
          </cell>
          <cell r="AN4481" t="str">
            <v>MDO C&amp;M</v>
          </cell>
          <cell r="AO4481" t="str">
            <v>MDO OH/KEN C&amp;M</v>
          </cell>
        </row>
        <row r="4482">
          <cell r="F4482">
            <v>75023</v>
          </cell>
          <cell r="AN4482" t="str">
            <v>MDO C&amp;M</v>
          </cell>
          <cell r="AO4482" t="str">
            <v>MDO OH/KEN C&amp;M</v>
          </cell>
        </row>
        <row r="4483">
          <cell r="F4483">
            <v>75023</v>
          </cell>
          <cell r="AN4483" t="str">
            <v>MDO C&amp;M</v>
          </cell>
          <cell r="AO4483" t="str">
            <v>MDO OH/KEN C&amp;M</v>
          </cell>
        </row>
        <row r="4484">
          <cell r="F4484">
            <v>75023</v>
          </cell>
          <cell r="AN4484" t="str">
            <v>MDO C&amp;M</v>
          </cell>
          <cell r="AO4484" t="str">
            <v>MDO OH/KEN C&amp;M</v>
          </cell>
        </row>
        <row r="4485">
          <cell r="F4485">
            <v>75023</v>
          </cell>
          <cell r="AN4485" t="str">
            <v>MDO C&amp;M</v>
          </cell>
          <cell r="AO4485" t="str">
            <v>MDO OH/KEN C&amp;M</v>
          </cell>
        </row>
        <row r="4486">
          <cell r="F4486">
            <v>75023</v>
          </cell>
          <cell r="AN4486" t="str">
            <v>MDO C&amp;M</v>
          </cell>
          <cell r="AO4486" t="str">
            <v>MDO OH/KEN C&amp;M</v>
          </cell>
        </row>
        <row r="4487">
          <cell r="F4487">
            <v>75023</v>
          </cell>
          <cell r="AN4487" t="str">
            <v>MDO C&amp;M</v>
          </cell>
          <cell r="AO4487" t="str">
            <v>MDO OH/KEN C&amp;M</v>
          </cell>
        </row>
        <row r="4488">
          <cell r="F4488">
            <v>75023</v>
          </cell>
          <cell r="AN4488" t="str">
            <v>MDO C&amp;M</v>
          </cell>
          <cell r="AO4488" t="str">
            <v>MDO OH/KEN C&amp;M</v>
          </cell>
        </row>
        <row r="4489">
          <cell r="F4489">
            <v>75023</v>
          </cell>
          <cell r="AN4489" t="str">
            <v>MDO C&amp;M</v>
          </cell>
          <cell r="AO4489" t="str">
            <v>MDO OH/KEN C&amp;M</v>
          </cell>
        </row>
        <row r="4490">
          <cell r="F4490">
            <v>75023</v>
          </cell>
          <cell r="AN4490" t="str">
            <v>MDO C&amp;M</v>
          </cell>
          <cell r="AO4490" t="str">
            <v>MDO OH/KEN C&amp;M</v>
          </cell>
        </row>
        <row r="4491">
          <cell r="F4491">
            <v>75023</v>
          </cell>
          <cell r="AN4491" t="str">
            <v>MDO C&amp;M</v>
          </cell>
          <cell r="AO4491" t="str">
            <v>MDO OH/KEN C&amp;M</v>
          </cell>
        </row>
        <row r="4492">
          <cell r="F4492">
            <v>75023</v>
          </cell>
          <cell r="AN4492" t="str">
            <v>MDO C&amp;M</v>
          </cell>
          <cell r="AO4492" t="str">
            <v>MDO OH/KEN C&amp;M</v>
          </cell>
        </row>
        <row r="4493">
          <cell r="F4493">
            <v>75023</v>
          </cell>
          <cell r="AN4493" t="str">
            <v>MDO C&amp;M</v>
          </cell>
          <cell r="AO4493" t="str">
            <v>MDO OH/KEN C&amp;M</v>
          </cell>
        </row>
        <row r="4494">
          <cell r="F4494">
            <v>75023</v>
          </cell>
          <cell r="AN4494" t="str">
            <v>MDO C&amp;M</v>
          </cell>
          <cell r="AO4494" t="str">
            <v>MDO OH/KEN C&amp;M</v>
          </cell>
        </row>
        <row r="4495">
          <cell r="F4495">
            <v>75023</v>
          </cell>
          <cell r="AN4495" t="str">
            <v>MDO C&amp;M</v>
          </cell>
          <cell r="AO4495" t="str">
            <v>MDO OH/KEN C&amp;M</v>
          </cell>
        </row>
        <row r="4496">
          <cell r="F4496">
            <v>75023</v>
          </cell>
          <cell r="AN4496" t="str">
            <v>MDO C&amp;M</v>
          </cell>
          <cell r="AO4496" t="str">
            <v>MDO OH/KEN C&amp;M</v>
          </cell>
        </row>
        <row r="4497">
          <cell r="F4497">
            <v>75023</v>
          </cell>
          <cell r="AN4497" t="str">
            <v>MDO C&amp;M</v>
          </cell>
          <cell r="AO4497" t="str">
            <v>MDO OH/KEN C&amp;M</v>
          </cell>
        </row>
        <row r="4498">
          <cell r="F4498">
            <v>75023</v>
          </cell>
          <cell r="AN4498" t="str">
            <v>MDO C&amp;M</v>
          </cell>
          <cell r="AO4498" t="str">
            <v>MDO OH/KEN C&amp;M</v>
          </cell>
        </row>
        <row r="4499">
          <cell r="F4499">
            <v>75023</v>
          </cell>
          <cell r="AN4499" t="str">
            <v>MDO C&amp;M</v>
          </cell>
          <cell r="AO4499" t="str">
            <v>MDO OH/KEN C&amp;M</v>
          </cell>
        </row>
        <row r="4500">
          <cell r="F4500">
            <v>75023</v>
          </cell>
          <cell r="AN4500" t="str">
            <v>MDO C&amp;M</v>
          </cell>
          <cell r="AO4500" t="str">
            <v>MDO OH/KEN C&amp;M</v>
          </cell>
        </row>
        <row r="4501">
          <cell r="F4501">
            <v>75023</v>
          </cell>
          <cell r="AN4501" t="str">
            <v>MDO C&amp;M</v>
          </cell>
          <cell r="AO4501" t="str">
            <v>MDO OH/KEN C&amp;M</v>
          </cell>
        </row>
        <row r="4502">
          <cell r="F4502">
            <v>75023</v>
          </cell>
          <cell r="AN4502" t="str">
            <v>MDO C&amp;M</v>
          </cell>
          <cell r="AO4502" t="str">
            <v>MDO OH/KEN C&amp;M</v>
          </cell>
        </row>
        <row r="4503">
          <cell r="F4503">
            <v>75023</v>
          </cell>
          <cell r="AN4503" t="str">
            <v>MDO C&amp;M</v>
          </cell>
          <cell r="AO4503" t="str">
            <v>MDO OH/KEN C&amp;M</v>
          </cell>
        </row>
        <row r="4504">
          <cell r="F4504">
            <v>75023</v>
          </cell>
          <cell r="AN4504" t="str">
            <v>MDO C&amp;M</v>
          </cell>
          <cell r="AO4504" t="str">
            <v>MDO OH/KEN C&amp;M</v>
          </cell>
        </row>
        <row r="4505">
          <cell r="F4505">
            <v>75023</v>
          </cell>
          <cell r="AN4505" t="str">
            <v>MDO C&amp;M</v>
          </cell>
          <cell r="AO4505" t="str">
            <v>MDO OH/KEN C&amp;M</v>
          </cell>
        </row>
        <row r="4506">
          <cell r="F4506">
            <v>75023</v>
          </cell>
          <cell r="AN4506" t="str">
            <v>MDO C&amp;M</v>
          </cell>
          <cell r="AO4506" t="str">
            <v>MDO OH/KEN C&amp;M</v>
          </cell>
        </row>
        <row r="4507">
          <cell r="F4507">
            <v>75023</v>
          </cell>
          <cell r="AN4507" t="str">
            <v>MDO C&amp;M</v>
          </cell>
          <cell r="AO4507" t="str">
            <v>MDO OH/KEN C&amp;M</v>
          </cell>
        </row>
        <row r="4508">
          <cell r="F4508">
            <v>75023</v>
          </cell>
          <cell r="AN4508" t="str">
            <v>MDO C&amp;M</v>
          </cell>
          <cell r="AO4508" t="str">
            <v>MDO OH/KEN C&amp;M</v>
          </cell>
        </row>
        <row r="4509">
          <cell r="F4509">
            <v>75023</v>
          </cell>
          <cell r="AN4509" t="str">
            <v>MDO C&amp;M</v>
          </cell>
          <cell r="AO4509" t="str">
            <v>MDO OH/KEN C&amp;M</v>
          </cell>
        </row>
        <row r="4510">
          <cell r="F4510">
            <v>75023</v>
          </cell>
          <cell r="AN4510" t="str">
            <v>MDO C&amp;M</v>
          </cell>
          <cell r="AO4510" t="str">
            <v>MDO OH/KEN C&amp;M</v>
          </cell>
        </row>
        <row r="4511">
          <cell r="F4511">
            <v>75023</v>
          </cell>
          <cell r="AN4511" t="str">
            <v>MDO C&amp;M</v>
          </cell>
          <cell r="AO4511" t="str">
            <v>MDO OH/KEN C&amp;M</v>
          </cell>
        </row>
        <row r="4512">
          <cell r="F4512">
            <v>75023</v>
          </cell>
          <cell r="AN4512" t="str">
            <v>MDO C&amp;M</v>
          </cell>
          <cell r="AO4512" t="str">
            <v>MDO OH/KEN C&amp;M</v>
          </cell>
        </row>
        <row r="4513">
          <cell r="F4513">
            <v>75023</v>
          </cell>
          <cell r="AN4513" t="str">
            <v>MDO C&amp;M</v>
          </cell>
          <cell r="AO4513" t="str">
            <v>MDO OH/KEN C&amp;M</v>
          </cell>
        </row>
        <row r="4514">
          <cell r="F4514">
            <v>75023</v>
          </cell>
          <cell r="AN4514" t="str">
            <v>MDO C&amp;M</v>
          </cell>
          <cell r="AO4514" t="str">
            <v>MDO OH/KEN C&amp;M</v>
          </cell>
        </row>
        <row r="4515">
          <cell r="F4515">
            <v>75023</v>
          </cell>
          <cell r="AN4515" t="str">
            <v>MDO C&amp;M</v>
          </cell>
          <cell r="AO4515" t="str">
            <v>MDO OH/KEN C&amp;M</v>
          </cell>
        </row>
        <row r="4516">
          <cell r="F4516">
            <v>75023</v>
          </cell>
          <cell r="AN4516" t="str">
            <v>MDO C&amp;M</v>
          </cell>
          <cell r="AO4516" t="str">
            <v>MDO OH/KEN C&amp;M</v>
          </cell>
        </row>
        <row r="4517">
          <cell r="F4517">
            <v>75023</v>
          </cell>
          <cell r="AN4517" t="str">
            <v>MDO C&amp;M</v>
          </cell>
          <cell r="AO4517" t="str">
            <v>MDO OH/KEN C&amp;M</v>
          </cell>
        </row>
        <row r="4518">
          <cell r="F4518">
            <v>75023</v>
          </cell>
          <cell r="AN4518" t="str">
            <v>MDO C&amp;M</v>
          </cell>
          <cell r="AO4518" t="str">
            <v>MDO OH/KEN C&amp;M</v>
          </cell>
        </row>
        <row r="4519">
          <cell r="F4519">
            <v>75023</v>
          </cell>
          <cell r="AN4519" t="str">
            <v>MDO C&amp;M</v>
          </cell>
          <cell r="AO4519" t="str">
            <v>MDO OH/KEN C&amp;M</v>
          </cell>
        </row>
        <row r="4520">
          <cell r="F4520">
            <v>75023</v>
          </cell>
          <cell r="AN4520" t="str">
            <v>MDO C&amp;M</v>
          </cell>
          <cell r="AO4520" t="str">
            <v>MDO OH/KEN C&amp;M</v>
          </cell>
        </row>
        <row r="4521">
          <cell r="F4521">
            <v>75023</v>
          </cell>
          <cell r="AN4521" t="str">
            <v>MDO C&amp;M</v>
          </cell>
          <cell r="AO4521" t="str">
            <v>MDO OH/KEN C&amp;M</v>
          </cell>
        </row>
        <row r="4522">
          <cell r="F4522">
            <v>75023</v>
          </cell>
          <cell r="AN4522" t="str">
            <v>MDO C&amp;M</v>
          </cell>
          <cell r="AO4522" t="str">
            <v>MDO OH/KEN C&amp;M</v>
          </cell>
        </row>
        <row r="4523">
          <cell r="F4523">
            <v>75023</v>
          </cell>
          <cell r="AN4523" t="str">
            <v>MDO C&amp;M</v>
          </cell>
          <cell r="AO4523" t="str">
            <v>MDO OH/KEN C&amp;M</v>
          </cell>
        </row>
        <row r="4524">
          <cell r="F4524">
            <v>75023</v>
          </cell>
          <cell r="AN4524" t="str">
            <v>MDO C&amp;M</v>
          </cell>
          <cell r="AO4524" t="str">
            <v>MDO OH/KEN C&amp;M</v>
          </cell>
        </row>
        <row r="4525">
          <cell r="F4525">
            <v>75023</v>
          </cell>
          <cell r="AN4525" t="str">
            <v>MDO C&amp;M</v>
          </cell>
          <cell r="AO4525" t="str">
            <v>MDO OH/KEN C&amp;M</v>
          </cell>
        </row>
        <row r="4526">
          <cell r="F4526">
            <v>75023</v>
          </cell>
          <cell r="AN4526" t="str">
            <v>MDO C&amp;M</v>
          </cell>
          <cell r="AO4526" t="str">
            <v>MDO OH/KEN C&amp;M</v>
          </cell>
        </row>
        <row r="4527">
          <cell r="F4527">
            <v>75023</v>
          </cell>
          <cell r="AN4527" t="str">
            <v>MDO C&amp;M</v>
          </cell>
          <cell r="AO4527" t="str">
            <v>MDO OH/KEN C&amp;M</v>
          </cell>
        </row>
        <row r="4528">
          <cell r="F4528">
            <v>75023</v>
          </cell>
          <cell r="AN4528" t="str">
            <v>MDO C&amp;M</v>
          </cell>
          <cell r="AO4528" t="str">
            <v>MDO OH/KEN C&amp;M</v>
          </cell>
        </row>
        <row r="4529">
          <cell r="F4529">
            <v>75023</v>
          </cell>
          <cell r="AN4529" t="str">
            <v>MDO C&amp;M</v>
          </cell>
          <cell r="AO4529" t="str">
            <v>MDO OH/KEN C&amp;M</v>
          </cell>
        </row>
        <row r="4530">
          <cell r="F4530">
            <v>75023</v>
          </cell>
          <cell r="AN4530" t="str">
            <v>MDO C&amp;M</v>
          </cell>
          <cell r="AO4530" t="str">
            <v>MDO OH/KEN C&amp;M</v>
          </cell>
        </row>
        <row r="4531">
          <cell r="F4531">
            <v>75023</v>
          </cell>
          <cell r="AN4531" t="str">
            <v>MDO C&amp;M</v>
          </cell>
          <cell r="AO4531" t="str">
            <v>MDO OH/KEN C&amp;M</v>
          </cell>
        </row>
        <row r="4532">
          <cell r="F4532">
            <v>75023</v>
          </cell>
          <cell r="AN4532" t="str">
            <v>MDO C&amp;M</v>
          </cell>
          <cell r="AO4532" t="str">
            <v>MDO OH/KEN C&amp;M</v>
          </cell>
        </row>
        <row r="4533">
          <cell r="F4533">
            <v>75023</v>
          </cell>
          <cell r="AN4533" t="str">
            <v>MDO C&amp;M</v>
          </cell>
          <cell r="AO4533" t="str">
            <v>MDO OH/KEN C&amp;M</v>
          </cell>
        </row>
        <row r="4534">
          <cell r="F4534">
            <v>75023</v>
          </cell>
          <cell r="AN4534" t="str">
            <v>MDO C&amp;M</v>
          </cell>
          <cell r="AO4534" t="str">
            <v>MDO OH/KEN C&amp;M</v>
          </cell>
        </row>
        <row r="4535">
          <cell r="F4535">
            <v>75084</v>
          </cell>
          <cell r="AN4535" t="str">
            <v>MDO C&amp;M</v>
          </cell>
          <cell r="AO4535" t="str">
            <v>MDO OH/KEN C&amp;M</v>
          </cell>
        </row>
        <row r="4536">
          <cell r="F4536">
            <v>75084</v>
          </cell>
          <cell r="AN4536" t="str">
            <v>MDO C&amp;M</v>
          </cell>
          <cell r="AO4536" t="str">
            <v>MDO OH/KEN C&amp;M</v>
          </cell>
        </row>
        <row r="4537">
          <cell r="F4537">
            <v>75084</v>
          </cell>
          <cell r="AN4537" t="str">
            <v>MDO C&amp;M</v>
          </cell>
          <cell r="AO4537" t="str">
            <v>MDO OH/KEN C&amp;M</v>
          </cell>
        </row>
        <row r="4538">
          <cell r="F4538">
            <v>75084</v>
          </cell>
          <cell r="AN4538" t="str">
            <v>MDO C&amp;M</v>
          </cell>
          <cell r="AO4538" t="str">
            <v>MDO OH/KEN C&amp;M</v>
          </cell>
        </row>
        <row r="4539">
          <cell r="F4539">
            <v>75084</v>
          </cell>
          <cell r="AN4539" t="str">
            <v>MDO C&amp;M</v>
          </cell>
          <cell r="AO4539" t="str">
            <v>MDO OH/KEN C&amp;M</v>
          </cell>
        </row>
        <row r="4540">
          <cell r="F4540">
            <v>75084</v>
          </cell>
          <cell r="AN4540" t="str">
            <v>MDO C&amp;M</v>
          </cell>
          <cell r="AO4540" t="str">
            <v>MDO OH/KEN C&amp;M</v>
          </cell>
        </row>
        <row r="4541">
          <cell r="F4541">
            <v>75084</v>
          </cell>
          <cell r="AN4541" t="str">
            <v>MDO C&amp;M</v>
          </cell>
          <cell r="AO4541" t="str">
            <v>MDO OH/KEN C&amp;M</v>
          </cell>
        </row>
        <row r="4542">
          <cell r="F4542">
            <v>75084</v>
          </cell>
          <cell r="AN4542" t="str">
            <v>MDO C&amp;M</v>
          </cell>
          <cell r="AO4542" t="str">
            <v>MDO OH/KEN C&amp;M</v>
          </cell>
        </row>
        <row r="4543">
          <cell r="F4543">
            <v>75084</v>
          </cell>
          <cell r="AN4543" t="str">
            <v>MDO C&amp;M</v>
          </cell>
          <cell r="AO4543" t="str">
            <v>MDO OH/KEN C&amp;M</v>
          </cell>
        </row>
        <row r="4544">
          <cell r="F4544">
            <v>75084</v>
          </cell>
          <cell r="AN4544" t="str">
            <v>MDO C&amp;M</v>
          </cell>
          <cell r="AO4544" t="str">
            <v>MDO OH/KEN C&amp;M</v>
          </cell>
        </row>
        <row r="4545">
          <cell r="F4545">
            <v>75084</v>
          </cell>
          <cell r="AN4545" t="str">
            <v>MDO C&amp;M</v>
          </cell>
          <cell r="AO4545" t="str">
            <v>MDO OH/KEN C&amp;M</v>
          </cell>
        </row>
        <row r="4546">
          <cell r="F4546">
            <v>75084</v>
          </cell>
          <cell r="AN4546" t="str">
            <v>MDO C&amp;M</v>
          </cell>
          <cell r="AO4546" t="str">
            <v>MDO OH/KEN C&amp;M</v>
          </cell>
        </row>
        <row r="4547">
          <cell r="F4547">
            <v>75084</v>
          </cell>
          <cell r="AN4547" t="str">
            <v>MDO C&amp;M</v>
          </cell>
          <cell r="AO4547" t="str">
            <v>MDO OH/KEN C&amp;M</v>
          </cell>
        </row>
        <row r="4548">
          <cell r="F4548">
            <v>75084</v>
          </cell>
          <cell r="AN4548" t="str">
            <v>MDO C&amp;M</v>
          </cell>
          <cell r="AO4548" t="str">
            <v>MDO OH/KEN C&amp;M</v>
          </cell>
        </row>
        <row r="4549">
          <cell r="F4549">
            <v>75084</v>
          </cell>
          <cell r="AN4549" t="str">
            <v>MDO C&amp;M</v>
          </cell>
          <cell r="AO4549" t="str">
            <v>MDO OH/KEN C&amp;M</v>
          </cell>
        </row>
        <row r="4550">
          <cell r="F4550">
            <v>75084</v>
          </cell>
          <cell r="AN4550" t="str">
            <v>MDO C&amp;M</v>
          </cell>
          <cell r="AO4550" t="str">
            <v>MDO OH/KEN C&amp;M</v>
          </cell>
        </row>
        <row r="4551">
          <cell r="F4551">
            <v>75084</v>
          </cell>
          <cell r="AN4551" t="str">
            <v>MDO C&amp;M</v>
          </cell>
          <cell r="AO4551" t="str">
            <v>MDO OH/KEN C&amp;M</v>
          </cell>
        </row>
        <row r="4552">
          <cell r="F4552">
            <v>75084</v>
          </cell>
          <cell r="AN4552" t="str">
            <v>MDO C&amp;M</v>
          </cell>
          <cell r="AO4552" t="str">
            <v>MDO OH/KEN C&amp;M</v>
          </cell>
        </row>
        <row r="4553">
          <cell r="F4553">
            <v>75084</v>
          </cell>
          <cell r="AN4553" t="str">
            <v>MDO C&amp;M</v>
          </cell>
          <cell r="AO4553" t="str">
            <v>MDO OH/KEN C&amp;M</v>
          </cell>
        </row>
        <row r="4554">
          <cell r="F4554">
            <v>75084</v>
          </cell>
          <cell r="AN4554" t="str">
            <v>MDO C&amp;M</v>
          </cell>
          <cell r="AO4554" t="str">
            <v>MDO OH/KEN C&amp;M</v>
          </cell>
        </row>
        <row r="4555">
          <cell r="F4555">
            <v>75084</v>
          </cell>
          <cell r="AN4555" t="str">
            <v>MDO C&amp;M</v>
          </cell>
          <cell r="AO4555" t="str">
            <v>MDO OH/KEN C&amp;M</v>
          </cell>
        </row>
        <row r="4556">
          <cell r="F4556">
            <v>75084</v>
          </cell>
          <cell r="AN4556" t="str">
            <v>MDO C&amp;M</v>
          </cell>
          <cell r="AO4556" t="str">
            <v>MDO OH/KEN C&amp;M</v>
          </cell>
        </row>
        <row r="4557">
          <cell r="F4557">
            <v>75084</v>
          </cell>
          <cell r="AN4557" t="str">
            <v>MDO C&amp;M</v>
          </cell>
          <cell r="AO4557" t="str">
            <v>MDO OH/KEN C&amp;M</v>
          </cell>
        </row>
        <row r="4558">
          <cell r="F4558">
            <v>75084</v>
          </cell>
          <cell r="AN4558" t="str">
            <v>MDO C&amp;M</v>
          </cell>
          <cell r="AO4558" t="str">
            <v>MDO OH/KEN C&amp;M</v>
          </cell>
        </row>
        <row r="4559">
          <cell r="F4559">
            <v>75084</v>
          </cell>
          <cell r="AN4559" t="str">
            <v>MDO C&amp;M</v>
          </cell>
          <cell r="AO4559" t="str">
            <v>MDO OH/KEN C&amp;M</v>
          </cell>
        </row>
        <row r="4560">
          <cell r="F4560">
            <v>75084</v>
          </cell>
          <cell r="AN4560" t="str">
            <v>MDO C&amp;M</v>
          </cell>
          <cell r="AO4560" t="str">
            <v>MDO OH/KEN C&amp;M</v>
          </cell>
        </row>
        <row r="4561">
          <cell r="F4561">
            <v>75084</v>
          </cell>
          <cell r="AN4561" t="str">
            <v>MDO C&amp;M</v>
          </cell>
          <cell r="AO4561" t="str">
            <v>MDO OH/KEN C&amp;M</v>
          </cell>
        </row>
        <row r="4562">
          <cell r="F4562">
            <v>75084</v>
          </cell>
          <cell r="AN4562" t="str">
            <v>MDO C&amp;M</v>
          </cell>
          <cell r="AO4562" t="str">
            <v>MDO OH/KEN C&amp;M</v>
          </cell>
        </row>
        <row r="4563">
          <cell r="F4563">
            <v>75084</v>
          </cell>
          <cell r="AN4563" t="str">
            <v>MDO C&amp;M</v>
          </cell>
          <cell r="AO4563" t="str">
            <v>MDO OH/KEN C&amp;M</v>
          </cell>
        </row>
        <row r="4564">
          <cell r="F4564">
            <v>75084</v>
          </cell>
          <cell r="AN4564" t="str">
            <v>MDO C&amp;M</v>
          </cell>
          <cell r="AO4564" t="str">
            <v>MDO OH/KEN C&amp;M</v>
          </cell>
        </row>
        <row r="4565">
          <cell r="F4565">
            <v>75084</v>
          </cell>
          <cell r="AN4565" t="str">
            <v>MDO C&amp;M</v>
          </cell>
          <cell r="AO4565" t="str">
            <v>MDO OH/KEN C&amp;M</v>
          </cell>
        </row>
        <row r="4566">
          <cell r="F4566">
            <v>75084</v>
          </cell>
          <cell r="AN4566" t="str">
            <v>MDO C&amp;M</v>
          </cell>
          <cell r="AO4566" t="str">
            <v>MDO OH/KEN C&amp;M</v>
          </cell>
        </row>
        <row r="4567">
          <cell r="F4567">
            <v>75084</v>
          </cell>
          <cell r="AN4567" t="str">
            <v>MDO C&amp;M</v>
          </cell>
          <cell r="AO4567" t="str">
            <v>MDO OH/KEN C&amp;M</v>
          </cell>
        </row>
        <row r="4568">
          <cell r="F4568">
            <v>75084</v>
          </cell>
          <cell r="AN4568" t="str">
            <v>MDO C&amp;M</v>
          </cell>
          <cell r="AO4568" t="str">
            <v>MDO OH/KEN C&amp;M</v>
          </cell>
        </row>
        <row r="4569">
          <cell r="F4569">
            <v>75084</v>
          </cell>
          <cell r="AN4569" t="str">
            <v>MDO C&amp;M</v>
          </cell>
          <cell r="AO4569" t="str">
            <v>MDO OH/KEN C&amp;M</v>
          </cell>
        </row>
        <row r="4570">
          <cell r="F4570">
            <v>75084</v>
          </cell>
          <cell r="AN4570" t="str">
            <v>MDO C&amp;M</v>
          </cell>
          <cell r="AO4570" t="str">
            <v>MDO OH/KEN C&amp;M</v>
          </cell>
        </row>
        <row r="4571">
          <cell r="F4571">
            <v>75084</v>
          </cell>
          <cell r="AN4571" t="str">
            <v>MDO C&amp;M</v>
          </cell>
          <cell r="AO4571" t="str">
            <v>MDO OH/KEN C&amp;M</v>
          </cell>
        </row>
        <row r="4572">
          <cell r="F4572">
            <v>75084</v>
          </cell>
          <cell r="AN4572" t="str">
            <v>MDO C&amp;M</v>
          </cell>
          <cell r="AO4572" t="str">
            <v>MDO OH/KEN C&amp;M</v>
          </cell>
        </row>
        <row r="4573">
          <cell r="F4573">
            <v>75084</v>
          </cell>
          <cell r="AN4573" t="str">
            <v>MDO C&amp;M</v>
          </cell>
          <cell r="AO4573" t="str">
            <v>MDO OH/KEN C&amp;M</v>
          </cell>
        </row>
        <row r="4574">
          <cell r="F4574">
            <v>75084</v>
          </cell>
          <cell r="AN4574" t="str">
            <v>MDO C&amp;M</v>
          </cell>
          <cell r="AO4574" t="str">
            <v>MDO OH/KEN C&amp;M</v>
          </cell>
        </row>
        <row r="4575">
          <cell r="F4575">
            <v>75084</v>
          </cell>
          <cell r="AN4575" t="str">
            <v>MDO C&amp;M</v>
          </cell>
          <cell r="AO4575" t="str">
            <v>MDO OH/KEN C&amp;M</v>
          </cell>
        </row>
        <row r="4576">
          <cell r="F4576">
            <v>75084</v>
          </cell>
          <cell r="AN4576" t="str">
            <v>MDO C&amp;M</v>
          </cell>
          <cell r="AO4576" t="str">
            <v>MDO OH/KEN C&amp;M</v>
          </cell>
        </row>
        <row r="4577">
          <cell r="F4577">
            <v>75084</v>
          </cell>
          <cell r="AN4577" t="str">
            <v>MDO C&amp;M</v>
          </cell>
          <cell r="AO4577" t="str">
            <v>MDO OH/KEN C&amp;M</v>
          </cell>
        </row>
        <row r="4578">
          <cell r="F4578">
            <v>75084</v>
          </cell>
          <cell r="AN4578" t="str">
            <v>MDO C&amp;M</v>
          </cell>
          <cell r="AO4578" t="str">
            <v>MDO OH/KEN C&amp;M</v>
          </cell>
        </row>
        <row r="4579">
          <cell r="F4579">
            <v>75084</v>
          </cell>
          <cell r="AN4579" t="str">
            <v>MDO C&amp;M</v>
          </cell>
          <cell r="AO4579" t="str">
            <v>MDO OH/KEN C&amp;M</v>
          </cell>
        </row>
        <row r="4580">
          <cell r="F4580">
            <v>75084</v>
          </cell>
          <cell r="AN4580" t="str">
            <v>MDO C&amp;M</v>
          </cell>
          <cell r="AO4580" t="str">
            <v>MDO OH/KEN C&amp;M</v>
          </cell>
        </row>
        <row r="4581">
          <cell r="F4581">
            <v>75115</v>
          </cell>
          <cell r="AN4581" t="str">
            <v>MDO C&amp;M</v>
          </cell>
          <cell r="AO4581" t="str">
            <v>MDO INDIANA SOUTHWEST C&amp;M</v>
          </cell>
        </row>
        <row r="4582">
          <cell r="F4582">
            <v>75115</v>
          </cell>
          <cell r="AN4582" t="str">
            <v>MDO C&amp;M</v>
          </cell>
          <cell r="AO4582" t="str">
            <v>MDO INDIANA SOUTHWEST C&amp;M</v>
          </cell>
        </row>
        <row r="4583">
          <cell r="F4583">
            <v>75115</v>
          </cell>
          <cell r="AN4583" t="str">
            <v>MDO C&amp;M</v>
          </cell>
          <cell r="AO4583" t="str">
            <v>MDO INDIANA SOUTHWEST C&amp;M</v>
          </cell>
        </row>
        <row r="4584">
          <cell r="F4584">
            <v>75115</v>
          </cell>
          <cell r="AN4584" t="str">
            <v>MDO C&amp;M</v>
          </cell>
          <cell r="AO4584" t="str">
            <v>MDO INDIANA SOUTHWEST C&amp;M</v>
          </cell>
        </row>
        <row r="4585">
          <cell r="F4585">
            <v>75115</v>
          </cell>
          <cell r="AN4585" t="str">
            <v>MDO C&amp;M</v>
          </cell>
          <cell r="AO4585" t="str">
            <v>MDO INDIANA SOUTHWEST C&amp;M</v>
          </cell>
        </row>
        <row r="4586">
          <cell r="F4586">
            <v>75115</v>
          </cell>
          <cell r="AN4586" t="str">
            <v>MDO C&amp;M</v>
          </cell>
          <cell r="AO4586" t="str">
            <v>MDO INDIANA SOUTHWEST C&amp;M</v>
          </cell>
        </row>
        <row r="4587">
          <cell r="F4587">
            <v>75115</v>
          </cell>
          <cell r="AN4587" t="str">
            <v>MDO C&amp;M</v>
          </cell>
          <cell r="AO4587" t="str">
            <v>MDO INDIANA SOUTHWEST C&amp;M</v>
          </cell>
        </row>
        <row r="4588">
          <cell r="F4588">
            <v>75115</v>
          </cell>
          <cell r="AN4588" t="str">
            <v>MDO C&amp;M</v>
          </cell>
          <cell r="AO4588" t="str">
            <v>MDO INDIANA SOUTHWEST C&amp;M</v>
          </cell>
        </row>
        <row r="4589">
          <cell r="F4589">
            <v>75115</v>
          </cell>
          <cell r="AN4589" t="str">
            <v>MDO C&amp;M</v>
          </cell>
          <cell r="AO4589" t="str">
            <v>MDO INDIANA SOUTHWEST C&amp;M</v>
          </cell>
        </row>
        <row r="4590">
          <cell r="F4590">
            <v>75115</v>
          </cell>
          <cell r="AN4590" t="str">
            <v>MDO C&amp;M</v>
          </cell>
          <cell r="AO4590" t="str">
            <v>MDO INDIANA SOUTHWEST C&amp;M</v>
          </cell>
        </row>
        <row r="4591">
          <cell r="F4591">
            <v>75115</v>
          </cell>
          <cell r="AN4591" t="str">
            <v>MDO C&amp;M</v>
          </cell>
          <cell r="AO4591" t="str">
            <v>MDO INDIANA SOUTHWEST C&amp;M</v>
          </cell>
        </row>
        <row r="4592">
          <cell r="F4592">
            <v>75115</v>
          </cell>
          <cell r="AN4592" t="str">
            <v>MDO C&amp;M</v>
          </cell>
          <cell r="AO4592" t="str">
            <v>MDO INDIANA SOUTHEAST C&amp;M</v>
          </cell>
        </row>
        <row r="4593">
          <cell r="F4593">
            <v>75115</v>
          </cell>
          <cell r="AN4593" t="str">
            <v>MDO C&amp;M</v>
          </cell>
          <cell r="AO4593" t="str">
            <v>MDO INDIANA SOUTHEAST C&amp;M</v>
          </cell>
        </row>
        <row r="4594">
          <cell r="F4594">
            <v>75115</v>
          </cell>
          <cell r="AN4594" t="str">
            <v>MDO C&amp;M</v>
          </cell>
          <cell r="AO4594" t="str">
            <v>MDO INDIANA SOUTHEAST C&amp;M</v>
          </cell>
        </row>
        <row r="4595">
          <cell r="F4595">
            <v>75115</v>
          </cell>
          <cell r="AN4595" t="str">
            <v>MDO C&amp;M</v>
          </cell>
          <cell r="AO4595" t="str">
            <v>MDO INDIANA SOUTHEAST C&amp;M</v>
          </cell>
        </row>
        <row r="4596">
          <cell r="F4596">
            <v>75115</v>
          </cell>
          <cell r="AN4596" t="str">
            <v>MDO C&amp;M</v>
          </cell>
          <cell r="AO4596" t="str">
            <v>MDO INDIANA SOUTHEAST C&amp;M</v>
          </cell>
        </row>
        <row r="4597">
          <cell r="F4597">
            <v>75115</v>
          </cell>
          <cell r="AN4597" t="str">
            <v>MDO C&amp;M</v>
          </cell>
          <cell r="AO4597" t="str">
            <v>MDO INDIANA SOUTHEAST C&amp;M</v>
          </cell>
        </row>
        <row r="4598">
          <cell r="F4598">
            <v>75115</v>
          </cell>
          <cell r="AN4598" t="str">
            <v>MDO C&amp;M</v>
          </cell>
          <cell r="AO4598" t="str">
            <v>MDO INDIANA SOUTHEAST C&amp;M</v>
          </cell>
        </row>
        <row r="4599">
          <cell r="F4599">
            <v>75115</v>
          </cell>
          <cell r="AN4599" t="str">
            <v>MDO C&amp;M</v>
          </cell>
          <cell r="AO4599" t="str">
            <v>MDO INDIANA SOUTHEAST C&amp;M</v>
          </cell>
        </row>
        <row r="4600">
          <cell r="F4600">
            <v>75115</v>
          </cell>
          <cell r="AN4600" t="str">
            <v>MDO C&amp;M</v>
          </cell>
          <cell r="AO4600" t="str">
            <v>MDO INDIANA SOUTHEAST C&amp;M</v>
          </cell>
        </row>
        <row r="4601">
          <cell r="F4601">
            <v>75115</v>
          </cell>
          <cell r="AN4601" t="str">
            <v>MDO C&amp;M</v>
          </cell>
          <cell r="AO4601" t="str">
            <v>MDO INDIANA SOUTHEAST C&amp;M</v>
          </cell>
        </row>
        <row r="4602">
          <cell r="F4602">
            <v>75115</v>
          </cell>
          <cell r="AN4602" t="str">
            <v>MDO C&amp;M</v>
          </cell>
          <cell r="AO4602" t="str">
            <v>MDO INDIANA SOUTHEAST C&amp;M</v>
          </cell>
        </row>
        <row r="4603">
          <cell r="F4603">
            <v>75115</v>
          </cell>
          <cell r="AN4603" t="str">
            <v>MDO C&amp;M</v>
          </cell>
          <cell r="AO4603" t="str">
            <v>MDO INDIANA NORTH C&amp;M</v>
          </cell>
        </row>
        <row r="4604">
          <cell r="F4604">
            <v>75115</v>
          </cell>
          <cell r="AN4604" t="str">
            <v>MDO C&amp;M</v>
          </cell>
          <cell r="AO4604" t="str">
            <v>MDO INDIANA NORTH C&amp;M</v>
          </cell>
        </row>
        <row r="4605">
          <cell r="F4605">
            <v>75115</v>
          </cell>
          <cell r="AN4605" t="str">
            <v>MDO C&amp;M</v>
          </cell>
          <cell r="AO4605" t="str">
            <v>MDO INDIANA NORTH C&amp;M</v>
          </cell>
        </row>
        <row r="4606">
          <cell r="F4606">
            <v>75115</v>
          </cell>
          <cell r="AN4606" t="str">
            <v>MDO C&amp;M</v>
          </cell>
          <cell r="AO4606" t="str">
            <v>MDO INDIANA NORTH C&amp;M</v>
          </cell>
        </row>
        <row r="4607">
          <cell r="F4607">
            <v>75115</v>
          </cell>
          <cell r="AN4607" t="str">
            <v>MDO C&amp;M</v>
          </cell>
          <cell r="AO4607" t="str">
            <v>MDO INDIANA NORTH C&amp;M</v>
          </cell>
        </row>
        <row r="4608">
          <cell r="F4608">
            <v>75115</v>
          </cell>
          <cell r="AN4608" t="str">
            <v>MDO C&amp;M</v>
          </cell>
          <cell r="AO4608" t="str">
            <v>MDO INDIANA NORTH C&amp;M</v>
          </cell>
        </row>
        <row r="4609">
          <cell r="F4609">
            <v>75115</v>
          </cell>
          <cell r="AN4609" t="str">
            <v>MDO C&amp;M</v>
          </cell>
          <cell r="AO4609" t="str">
            <v>MDO INDIANA NORTH C&amp;M</v>
          </cell>
        </row>
        <row r="4610">
          <cell r="F4610">
            <v>75115</v>
          </cell>
          <cell r="AN4610" t="str">
            <v>MDO C&amp;M</v>
          </cell>
          <cell r="AO4610" t="str">
            <v>MDO INDIANA NORTH C&amp;M</v>
          </cell>
        </row>
        <row r="4611">
          <cell r="F4611">
            <v>75115</v>
          </cell>
          <cell r="AN4611" t="str">
            <v>MDO C&amp;M</v>
          </cell>
          <cell r="AO4611" t="str">
            <v>MDO INDIANA NORTH C&amp;M</v>
          </cell>
        </row>
        <row r="4612">
          <cell r="F4612">
            <v>75115</v>
          </cell>
          <cell r="AN4612" t="str">
            <v>MDO C&amp;M</v>
          </cell>
          <cell r="AO4612" t="str">
            <v>MDO INDIANA NORTH C&amp;M</v>
          </cell>
        </row>
        <row r="4613">
          <cell r="F4613">
            <v>75115</v>
          </cell>
          <cell r="AN4613" t="str">
            <v>MDO C&amp;M</v>
          </cell>
          <cell r="AO4613" t="str">
            <v>MDO INDIANA NORTH C&amp;M</v>
          </cell>
        </row>
        <row r="4614">
          <cell r="F4614">
            <v>75115</v>
          </cell>
          <cell r="AN4614" t="str">
            <v>MDO C&amp;M</v>
          </cell>
          <cell r="AO4614" t="str">
            <v>MDO INDIANA SOUTHWEST C&amp;M</v>
          </cell>
        </row>
        <row r="4615">
          <cell r="F4615">
            <v>75115</v>
          </cell>
          <cell r="AN4615" t="str">
            <v>MDO C&amp;M</v>
          </cell>
          <cell r="AO4615" t="str">
            <v>MDO INDIANA SOUTHEAST C&amp;M</v>
          </cell>
        </row>
        <row r="4616">
          <cell r="F4616">
            <v>75115</v>
          </cell>
          <cell r="AN4616" t="str">
            <v>MDO C&amp;M</v>
          </cell>
          <cell r="AO4616" t="str">
            <v>MDO INDIANA NORTH C&amp;M</v>
          </cell>
        </row>
        <row r="4617">
          <cell r="F4617">
            <v>75115</v>
          </cell>
          <cell r="AN4617" t="str">
            <v>MDO C&amp;M</v>
          </cell>
          <cell r="AO4617" t="str">
            <v>MDO INDIANA SOUTHWEST C&amp;M</v>
          </cell>
        </row>
        <row r="4618">
          <cell r="F4618">
            <v>75115</v>
          </cell>
          <cell r="AN4618" t="str">
            <v>MDO C&amp;M</v>
          </cell>
          <cell r="AO4618" t="str">
            <v>MDO INDIANA SOUTHWEST C&amp;M</v>
          </cell>
        </row>
        <row r="4619">
          <cell r="F4619">
            <v>75115</v>
          </cell>
          <cell r="AN4619" t="str">
            <v>MDO C&amp;M</v>
          </cell>
          <cell r="AO4619" t="str">
            <v>MDO INDIANA SOUTHWEST C&amp;M</v>
          </cell>
        </row>
        <row r="4620">
          <cell r="F4620">
            <v>75115</v>
          </cell>
          <cell r="AN4620" t="str">
            <v>MDO C&amp;M</v>
          </cell>
          <cell r="AO4620" t="str">
            <v>MDO INDIANA SOUTHWEST C&amp;M</v>
          </cell>
        </row>
        <row r="4621">
          <cell r="F4621">
            <v>75115</v>
          </cell>
          <cell r="AN4621" t="str">
            <v>MDO C&amp;M</v>
          </cell>
          <cell r="AO4621" t="str">
            <v>MDO INDIANA SOUTHWEST C&amp;M</v>
          </cell>
        </row>
        <row r="4622">
          <cell r="F4622">
            <v>75115</v>
          </cell>
          <cell r="AN4622" t="str">
            <v>MDO C&amp;M</v>
          </cell>
          <cell r="AO4622" t="str">
            <v>MDO INDIANA SOUTHWEST C&amp;M</v>
          </cell>
        </row>
        <row r="4623">
          <cell r="F4623">
            <v>75115</v>
          </cell>
          <cell r="AN4623" t="str">
            <v>MDO C&amp;M</v>
          </cell>
          <cell r="AO4623" t="str">
            <v>MDO INDIANA SOUTHWEST C&amp;M</v>
          </cell>
        </row>
        <row r="4624">
          <cell r="F4624">
            <v>75115</v>
          </cell>
          <cell r="AN4624" t="str">
            <v>MDO C&amp;M</v>
          </cell>
          <cell r="AO4624" t="str">
            <v>MDO INDIANA SOUTHWEST C&amp;M</v>
          </cell>
        </row>
        <row r="4625">
          <cell r="F4625">
            <v>75115</v>
          </cell>
          <cell r="AN4625" t="str">
            <v>MDO C&amp;M</v>
          </cell>
          <cell r="AO4625" t="str">
            <v>MDO INDIANA SOUTHEAST C&amp;M</v>
          </cell>
        </row>
        <row r="4626">
          <cell r="F4626">
            <v>75115</v>
          </cell>
          <cell r="AN4626" t="str">
            <v>MDO C&amp;M</v>
          </cell>
          <cell r="AO4626" t="str">
            <v>MDO INDIANA SOUTHEAST C&amp;M</v>
          </cell>
        </row>
        <row r="4627">
          <cell r="F4627">
            <v>75115</v>
          </cell>
          <cell r="AN4627" t="str">
            <v>MDO C&amp;M</v>
          </cell>
          <cell r="AO4627" t="str">
            <v>MDO INDIANA SOUTHEAST C&amp;M</v>
          </cell>
        </row>
        <row r="4628">
          <cell r="F4628">
            <v>75115</v>
          </cell>
          <cell r="AN4628" t="str">
            <v>MDO C&amp;M</v>
          </cell>
          <cell r="AO4628" t="str">
            <v>MDO INDIANA SOUTHEAST C&amp;M</v>
          </cell>
        </row>
        <row r="4629">
          <cell r="F4629">
            <v>75115</v>
          </cell>
          <cell r="AN4629" t="str">
            <v>MDO C&amp;M</v>
          </cell>
          <cell r="AO4629" t="str">
            <v>MDO INDIANA SOUTHEAST C&amp;M</v>
          </cell>
        </row>
        <row r="4630">
          <cell r="F4630">
            <v>75115</v>
          </cell>
          <cell r="AN4630" t="str">
            <v>MDO C&amp;M</v>
          </cell>
          <cell r="AO4630" t="str">
            <v>MDO INDIANA SOUTHEAST C&amp;M</v>
          </cell>
        </row>
        <row r="4631">
          <cell r="F4631">
            <v>75115</v>
          </cell>
          <cell r="AN4631" t="str">
            <v>MDO C&amp;M</v>
          </cell>
          <cell r="AO4631" t="str">
            <v>MDO INDIANA SOUTHEAST C&amp;M</v>
          </cell>
        </row>
        <row r="4632">
          <cell r="F4632">
            <v>75115</v>
          </cell>
          <cell r="AN4632" t="str">
            <v>MDO C&amp;M</v>
          </cell>
          <cell r="AO4632" t="str">
            <v>MDO INDIANA SOUTHEAST C&amp;M</v>
          </cell>
        </row>
        <row r="4633">
          <cell r="F4633">
            <v>75115</v>
          </cell>
          <cell r="AN4633" t="str">
            <v>MDO C&amp;M</v>
          </cell>
          <cell r="AO4633" t="str">
            <v>MDO INDIANA NORTH C&amp;M</v>
          </cell>
        </row>
        <row r="4634">
          <cell r="F4634">
            <v>75115</v>
          </cell>
          <cell r="AN4634" t="str">
            <v>MDO C&amp;M</v>
          </cell>
          <cell r="AO4634" t="str">
            <v>MDO INDIANA NORTH C&amp;M</v>
          </cell>
        </row>
        <row r="4635">
          <cell r="F4635">
            <v>75115</v>
          </cell>
          <cell r="AN4635" t="str">
            <v>MDO C&amp;M</v>
          </cell>
          <cell r="AO4635" t="str">
            <v>MDO INDIANA NORTH C&amp;M</v>
          </cell>
        </row>
        <row r="4636">
          <cell r="F4636">
            <v>75115</v>
          </cell>
          <cell r="AN4636" t="str">
            <v>MDO C&amp;M</v>
          </cell>
          <cell r="AO4636" t="str">
            <v>MDO INDIANA NORTH C&amp;M</v>
          </cell>
        </row>
        <row r="4637">
          <cell r="F4637">
            <v>75115</v>
          </cell>
          <cell r="AN4637" t="str">
            <v>MDO C&amp;M</v>
          </cell>
          <cell r="AO4637" t="str">
            <v>MDO INDIANA NORTH C&amp;M</v>
          </cell>
        </row>
        <row r="4638">
          <cell r="F4638">
            <v>75115</v>
          </cell>
          <cell r="AN4638" t="str">
            <v>MDO C&amp;M</v>
          </cell>
          <cell r="AO4638" t="str">
            <v>MDO INDIANA NORTH C&amp;M</v>
          </cell>
        </row>
        <row r="4639">
          <cell r="F4639">
            <v>75115</v>
          </cell>
          <cell r="AN4639" t="str">
            <v>MDO C&amp;M</v>
          </cell>
          <cell r="AO4639" t="str">
            <v>MDO INDIANA NORTH C&amp;M</v>
          </cell>
        </row>
        <row r="4640">
          <cell r="F4640">
            <v>75115</v>
          </cell>
          <cell r="AN4640" t="str">
            <v>MDO C&amp;M</v>
          </cell>
          <cell r="AO4640" t="str">
            <v>MDO INDIANA NORTH C&amp;M</v>
          </cell>
        </row>
        <row r="4641">
          <cell r="F4641">
            <v>75115</v>
          </cell>
          <cell r="AN4641" t="str">
            <v>MDO C&amp;M</v>
          </cell>
          <cell r="AO4641" t="str">
            <v>MDO INDIANA NORTH C&amp;M</v>
          </cell>
        </row>
        <row r="4642">
          <cell r="F4642">
            <v>75115</v>
          </cell>
          <cell r="AN4642" t="str">
            <v>MDO C&amp;M</v>
          </cell>
          <cell r="AO4642" t="str">
            <v>MDO INDIANA NORTH C&amp;M</v>
          </cell>
        </row>
        <row r="4643">
          <cell r="F4643">
            <v>75115</v>
          </cell>
          <cell r="AN4643" t="str">
            <v>MDO C&amp;M</v>
          </cell>
          <cell r="AO4643" t="str">
            <v>MDO INDIANA NORTH C&amp;M</v>
          </cell>
        </row>
        <row r="4644">
          <cell r="F4644">
            <v>75115</v>
          </cell>
          <cell r="AN4644" t="str">
            <v>MDO C&amp;M</v>
          </cell>
          <cell r="AO4644" t="str">
            <v>MDO INDIANA NORTH C&amp;M</v>
          </cell>
        </row>
        <row r="4645">
          <cell r="F4645">
            <v>75115</v>
          </cell>
          <cell r="AN4645" t="str">
            <v>MDO C&amp;M</v>
          </cell>
          <cell r="AO4645" t="str">
            <v>MDO INDIANA NORTH C&amp;M</v>
          </cell>
        </row>
        <row r="4646">
          <cell r="F4646">
            <v>75115</v>
          </cell>
          <cell r="AN4646" t="str">
            <v>MDO C&amp;M</v>
          </cell>
          <cell r="AO4646" t="str">
            <v>MDO INDIANA NORTH C&amp;M</v>
          </cell>
        </row>
        <row r="4647">
          <cell r="F4647">
            <v>75115</v>
          </cell>
          <cell r="AN4647" t="str">
            <v>MDO C&amp;M</v>
          </cell>
          <cell r="AO4647" t="str">
            <v>MDO INDIANA NORTH C&amp;M</v>
          </cell>
        </row>
        <row r="4648">
          <cell r="F4648">
            <v>75115</v>
          </cell>
          <cell r="AN4648" t="str">
            <v>MDO C&amp;M</v>
          </cell>
          <cell r="AO4648" t="str">
            <v>MDO INDIANA NORTH C&amp;M</v>
          </cell>
        </row>
        <row r="4649">
          <cell r="F4649">
            <v>75115</v>
          </cell>
          <cell r="AN4649" t="str">
            <v>MDO C&amp;M</v>
          </cell>
          <cell r="AO4649" t="str">
            <v>MDO INDIANA NORTH C&amp;M</v>
          </cell>
        </row>
        <row r="4650">
          <cell r="F4650">
            <v>75115</v>
          </cell>
          <cell r="AN4650" t="str">
            <v>MDO C&amp;M</v>
          </cell>
          <cell r="AO4650" t="str">
            <v>MDO INDIANA NORTH C&amp;M</v>
          </cell>
        </row>
        <row r="4651">
          <cell r="F4651">
            <v>75115</v>
          </cell>
          <cell r="AN4651" t="str">
            <v>MDO C&amp;M</v>
          </cell>
          <cell r="AO4651" t="str">
            <v>MDO INDIANA NORTH C&amp;M</v>
          </cell>
        </row>
        <row r="4652">
          <cell r="F4652">
            <v>75115</v>
          </cell>
          <cell r="AN4652" t="str">
            <v>MDO C&amp;M</v>
          </cell>
          <cell r="AO4652" t="str">
            <v>MDO INDIANA NORTH C&amp;M</v>
          </cell>
        </row>
        <row r="4653">
          <cell r="F4653">
            <v>75115</v>
          </cell>
          <cell r="AN4653" t="str">
            <v>MDO C&amp;M</v>
          </cell>
          <cell r="AO4653" t="str">
            <v>MDO INDIANA NORTH C&amp;M</v>
          </cell>
        </row>
        <row r="4654">
          <cell r="F4654">
            <v>75115</v>
          </cell>
          <cell r="AN4654" t="str">
            <v>MDO C&amp;M</v>
          </cell>
          <cell r="AO4654" t="str">
            <v>MDO INDIANA NORTH C&amp;M</v>
          </cell>
        </row>
        <row r="4655">
          <cell r="F4655">
            <v>75115</v>
          </cell>
          <cell r="AN4655" t="str">
            <v>MDO C&amp;M</v>
          </cell>
          <cell r="AO4655" t="str">
            <v>MDO INDIANA NORTH C&amp;M</v>
          </cell>
        </row>
        <row r="4656">
          <cell r="F4656">
            <v>75115</v>
          </cell>
          <cell r="AN4656" t="str">
            <v>MDO C&amp;M</v>
          </cell>
          <cell r="AO4656" t="str">
            <v>MDO INDIANA NORTH C&amp;M</v>
          </cell>
        </row>
        <row r="4657">
          <cell r="F4657">
            <v>75115</v>
          </cell>
          <cell r="AN4657" t="str">
            <v>MDO C&amp;M</v>
          </cell>
          <cell r="AO4657" t="str">
            <v>MDO INDIANA NORTH C&amp;M</v>
          </cell>
        </row>
        <row r="4658">
          <cell r="F4658">
            <v>75115</v>
          </cell>
          <cell r="AN4658" t="str">
            <v>MDO C&amp;M</v>
          </cell>
          <cell r="AO4658" t="str">
            <v>MDO INDIANA NORTH C&amp;M</v>
          </cell>
        </row>
        <row r="4659">
          <cell r="F4659">
            <v>75115</v>
          </cell>
          <cell r="AN4659" t="str">
            <v>MDO C&amp;M</v>
          </cell>
          <cell r="AO4659" t="str">
            <v>MDO INDIANA NORTH C&amp;M</v>
          </cell>
        </row>
        <row r="4660">
          <cell r="F4660">
            <v>75115</v>
          </cell>
          <cell r="AN4660" t="str">
            <v>MDO C&amp;M</v>
          </cell>
          <cell r="AO4660" t="str">
            <v>MDO INDIANA NORTH C&amp;M</v>
          </cell>
        </row>
        <row r="4661">
          <cell r="F4661">
            <v>75115</v>
          </cell>
          <cell r="AN4661" t="str">
            <v>MDO C&amp;M</v>
          </cell>
          <cell r="AO4661" t="str">
            <v>MDO INDIANA NORTH C&amp;M</v>
          </cell>
        </row>
        <row r="4662">
          <cell r="F4662">
            <v>75115</v>
          </cell>
          <cell r="AN4662" t="str">
            <v>MDO C&amp;M</v>
          </cell>
          <cell r="AO4662" t="str">
            <v>MDO INDIANA NORTH C&amp;M</v>
          </cell>
        </row>
        <row r="4663">
          <cell r="F4663">
            <v>75115</v>
          </cell>
          <cell r="AN4663" t="str">
            <v>MDO C&amp;M</v>
          </cell>
          <cell r="AO4663" t="str">
            <v>MDO INDIANA NORTH C&amp;M</v>
          </cell>
        </row>
        <row r="4664">
          <cell r="F4664">
            <v>75115</v>
          </cell>
          <cell r="AN4664" t="str">
            <v>MDO C&amp;M</v>
          </cell>
          <cell r="AO4664" t="str">
            <v>MDO INDIANA NORTH C&amp;M</v>
          </cell>
        </row>
        <row r="4665">
          <cell r="F4665">
            <v>75115</v>
          </cell>
          <cell r="AN4665" t="str">
            <v>MDO C&amp;M</v>
          </cell>
          <cell r="AO4665" t="str">
            <v>MDO INDIANA NORTH C&amp;M</v>
          </cell>
        </row>
        <row r="4666">
          <cell r="F4666">
            <v>75115</v>
          </cell>
          <cell r="AN4666" t="str">
            <v>MDO C&amp;M</v>
          </cell>
          <cell r="AO4666" t="str">
            <v>MDO INDIANA SOUTHEAST C&amp;M</v>
          </cell>
        </row>
        <row r="4667">
          <cell r="F4667">
            <v>75115</v>
          </cell>
          <cell r="AN4667" t="str">
            <v>MDO C&amp;M</v>
          </cell>
          <cell r="AO4667" t="str">
            <v>MDO INDIANA SOUTHEAST C&amp;M</v>
          </cell>
        </row>
        <row r="4668">
          <cell r="F4668">
            <v>75115</v>
          </cell>
          <cell r="AN4668" t="str">
            <v>MDO C&amp;M</v>
          </cell>
          <cell r="AO4668" t="str">
            <v>MDO INDIANA SOUTHEAST C&amp;M</v>
          </cell>
        </row>
        <row r="4669">
          <cell r="F4669">
            <v>75115</v>
          </cell>
          <cell r="AN4669" t="str">
            <v>MDO C&amp;M</v>
          </cell>
          <cell r="AO4669" t="str">
            <v>MDO INDIANA SOUTHEAST C&amp;M</v>
          </cell>
        </row>
        <row r="4670">
          <cell r="F4670">
            <v>75115</v>
          </cell>
          <cell r="AN4670" t="str">
            <v>MDO C&amp;M</v>
          </cell>
          <cell r="AO4670" t="str">
            <v>MDO INDIANA SOUTHEAST C&amp;M</v>
          </cell>
        </row>
        <row r="4671">
          <cell r="F4671">
            <v>75115</v>
          </cell>
          <cell r="AN4671" t="str">
            <v>MDO C&amp;M</v>
          </cell>
          <cell r="AO4671" t="str">
            <v>MDO INDIANA SOUTHEAST C&amp;M</v>
          </cell>
        </row>
        <row r="4672">
          <cell r="F4672">
            <v>75115</v>
          </cell>
          <cell r="AN4672" t="str">
            <v>MDO C&amp;M</v>
          </cell>
          <cell r="AO4672" t="str">
            <v>MDO INDIANA SOUTHEAST C&amp;M</v>
          </cell>
        </row>
        <row r="4673">
          <cell r="F4673">
            <v>75115</v>
          </cell>
          <cell r="AN4673" t="str">
            <v>MDO C&amp;M</v>
          </cell>
          <cell r="AO4673" t="str">
            <v>MDO INDIANA SOUTHEAST C&amp;M</v>
          </cell>
        </row>
        <row r="4674">
          <cell r="F4674">
            <v>75115</v>
          </cell>
          <cell r="AN4674" t="str">
            <v>MDO C&amp;M</v>
          </cell>
          <cell r="AO4674" t="str">
            <v>MDO INDIANA SOUTHEAST C&amp;M</v>
          </cell>
        </row>
        <row r="4675">
          <cell r="F4675">
            <v>75115</v>
          </cell>
          <cell r="AN4675" t="str">
            <v>MDO C&amp;M</v>
          </cell>
          <cell r="AO4675" t="str">
            <v>MDO INDIANA SOUTHEAST C&amp;M</v>
          </cell>
        </row>
        <row r="4676">
          <cell r="F4676">
            <v>75115</v>
          </cell>
          <cell r="AN4676" t="str">
            <v>MDO C&amp;M</v>
          </cell>
          <cell r="AO4676" t="str">
            <v>MDO INDIANA SOUTHEAST C&amp;M</v>
          </cell>
        </row>
        <row r="4677">
          <cell r="F4677">
            <v>75115</v>
          </cell>
          <cell r="AN4677" t="str">
            <v>MDO C&amp;M</v>
          </cell>
          <cell r="AO4677" t="str">
            <v>MDO INDIANA SOUTHEAST C&amp;M</v>
          </cell>
        </row>
        <row r="4678">
          <cell r="F4678">
            <v>75115</v>
          </cell>
          <cell r="AN4678" t="str">
            <v>MDO C&amp;M</v>
          </cell>
          <cell r="AO4678" t="str">
            <v>MDO INDIANA SOUTHEAST C&amp;M</v>
          </cell>
        </row>
        <row r="4679">
          <cell r="F4679">
            <v>75115</v>
          </cell>
          <cell r="AN4679" t="str">
            <v>MDO C&amp;M</v>
          </cell>
          <cell r="AO4679" t="str">
            <v>MDO INDIANA SOUTHEAST C&amp;M</v>
          </cell>
        </row>
        <row r="4680">
          <cell r="F4680">
            <v>75115</v>
          </cell>
          <cell r="AN4680" t="str">
            <v>MDO C&amp;M</v>
          </cell>
          <cell r="AO4680" t="str">
            <v>MDO INDIANA SOUTHEAST C&amp;M</v>
          </cell>
        </row>
        <row r="4681">
          <cell r="F4681">
            <v>75115</v>
          </cell>
          <cell r="AN4681" t="str">
            <v>MDO C&amp;M</v>
          </cell>
          <cell r="AO4681" t="str">
            <v>MDO INDIANA SOUTHEAST C&amp;M</v>
          </cell>
        </row>
        <row r="4682">
          <cell r="F4682">
            <v>75115</v>
          </cell>
          <cell r="AN4682" t="str">
            <v>MDO C&amp;M</v>
          </cell>
          <cell r="AO4682" t="str">
            <v>MDO INDIANA SOUTHEAST C&amp;M</v>
          </cell>
        </row>
        <row r="4683">
          <cell r="F4683">
            <v>75115</v>
          </cell>
          <cell r="AN4683" t="str">
            <v>MDO C&amp;M</v>
          </cell>
          <cell r="AO4683" t="str">
            <v>MDO INDIANA SOUTHEAST C&amp;M</v>
          </cell>
        </row>
        <row r="4684">
          <cell r="F4684">
            <v>75115</v>
          </cell>
          <cell r="AN4684" t="str">
            <v>MDO C&amp;M</v>
          </cell>
          <cell r="AO4684" t="str">
            <v>MDO INDIANA SOUTHEAST C&amp;M</v>
          </cell>
        </row>
        <row r="4685">
          <cell r="F4685">
            <v>75115</v>
          </cell>
          <cell r="AN4685" t="str">
            <v>MDO C&amp;M</v>
          </cell>
          <cell r="AO4685" t="str">
            <v>MDO INDIANA SOUTHEAST C&amp;M</v>
          </cell>
        </row>
        <row r="4686">
          <cell r="F4686">
            <v>75115</v>
          </cell>
          <cell r="AN4686" t="str">
            <v>MDO C&amp;M</v>
          </cell>
          <cell r="AO4686" t="str">
            <v>MDO INDIANA SOUTHEAST C&amp;M</v>
          </cell>
        </row>
        <row r="4687">
          <cell r="F4687">
            <v>75115</v>
          </cell>
          <cell r="AN4687" t="str">
            <v>MDO C&amp;M</v>
          </cell>
          <cell r="AO4687" t="str">
            <v>MDO INDIANA SOUTHEAST C&amp;M</v>
          </cell>
        </row>
        <row r="4688">
          <cell r="F4688">
            <v>75115</v>
          </cell>
          <cell r="AN4688" t="str">
            <v>MDO C&amp;M</v>
          </cell>
          <cell r="AO4688" t="str">
            <v>MDO INDIANA SOUTHEAST C&amp;M</v>
          </cell>
        </row>
        <row r="4689">
          <cell r="F4689">
            <v>75115</v>
          </cell>
          <cell r="AN4689" t="str">
            <v>MDO C&amp;M</v>
          </cell>
          <cell r="AO4689" t="str">
            <v>MDO INDIANA SOUTHEAST C&amp;M</v>
          </cell>
        </row>
        <row r="4690">
          <cell r="F4690">
            <v>75115</v>
          </cell>
          <cell r="AN4690" t="str">
            <v>MDO C&amp;M</v>
          </cell>
          <cell r="AO4690" t="str">
            <v>MDO INDIANA SOUTHEAST C&amp;M</v>
          </cell>
        </row>
        <row r="4691">
          <cell r="F4691">
            <v>75115</v>
          </cell>
          <cell r="AN4691" t="str">
            <v>MDO C&amp;M</v>
          </cell>
          <cell r="AO4691" t="str">
            <v>MDO INDIANA SOUTHWEST C&amp;M</v>
          </cell>
        </row>
        <row r="4692">
          <cell r="F4692">
            <v>75115</v>
          </cell>
          <cell r="AN4692" t="str">
            <v>MDO C&amp;M</v>
          </cell>
          <cell r="AO4692" t="str">
            <v>MDO INDIANA SOUTHWEST C&amp;M</v>
          </cell>
        </row>
        <row r="4693">
          <cell r="F4693">
            <v>75115</v>
          </cell>
          <cell r="AN4693" t="str">
            <v>MDO C&amp;M</v>
          </cell>
          <cell r="AO4693" t="str">
            <v>MDO INDIANA SOUTHWEST C&amp;M</v>
          </cell>
        </row>
        <row r="4694">
          <cell r="F4694">
            <v>75115</v>
          </cell>
          <cell r="AN4694" t="str">
            <v>MDO C&amp;M</v>
          </cell>
          <cell r="AO4694" t="str">
            <v>MDO INDIANA SOUTHWEST C&amp;M</v>
          </cell>
        </row>
        <row r="4695">
          <cell r="F4695">
            <v>75115</v>
          </cell>
          <cell r="AN4695" t="str">
            <v>MDO C&amp;M</v>
          </cell>
          <cell r="AO4695" t="str">
            <v>MDO INDIANA SOUTHWEST C&amp;M</v>
          </cell>
        </row>
        <row r="4696">
          <cell r="F4696">
            <v>75115</v>
          </cell>
          <cell r="AN4696" t="str">
            <v>MDO C&amp;M</v>
          </cell>
          <cell r="AO4696" t="str">
            <v>MDO INDIANA SOUTHWEST C&amp;M</v>
          </cell>
        </row>
        <row r="4697">
          <cell r="F4697">
            <v>75115</v>
          </cell>
          <cell r="AN4697" t="str">
            <v>MDO C&amp;M</v>
          </cell>
          <cell r="AO4697" t="str">
            <v>MDO INDIANA SOUTHWEST C&amp;M</v>
          </cell>
        </row>
        <row r="4698">
          <cell r="F4698">
            <v>75115</v>
          </cell>
          <cell r="AN4698" t="str">
            <v>MDO C&amp;M</v>
          </cell>
          <cell r="AO4698" t="str">
            <v>MDO INDIANA SOUTHWEST C&amp;M</v>
          </cell>
        </row>
        <row r="4699">
          <cell r="F4699">
            <v>75115</v>
          </cell>
          <cell r="AN4699" t="str">
            <v>MDO C&amp;M</v>
          </cell>
          <cell r="AO4699" t="str">
            <v>MDO INDIANA SOUTHWEST C&amp;M</v>
          </cell>
        </row>
        <row r="4700">
          <cell r="F4700">
            <v>75115</v>
          </cell>
          <cell r="AN4700" t="str">
            <v>MDO C&amp;M</v>
          </cell>
          <cell r="AO4700" t="str">
            <v>MDO INDIANA SOUTHWEST C&amp;M</v>
          </cell>
        </row>
        <row r="4701">
          <cell r="F4701">
            <v>75115</v>
          </cell>
          <cell r="AN4701" t="str">
            <v>MDO C&amp;M</v>
          </cell>
          <cell r="AO4701" t="str">
            <v>MDO INDIANA SOUTHWEST C&amp;M</v>
          </cell>
        </row>
        <row r="4702">
          <cell r="F4702">
            <v>75115</v>
          </cell>
          <cell r="AN4702" t="str">
            <v>MDO C&amp;M</v>
          </cell>
          <cell r="AO4702" t="str">
            <v>MDO INDIANA SOUTHWEST C&amp;M</v>
          </cell>
        </row>
        <row r="4703">
          <cell r="F4703">
            <v>75115</v>
          </cell>
          <cell r="AN4703" t="str">
            <v>MDO C&amp;M</v>
          </cell>
          <cell r="AO4703" t="str">
            <v>MDO INDIANA SOUTHWEST C&amp;M</v>
          </cell>
        </row>
        <row r="4704">
          <cell r="F4704">
            <v>75115</v>
          </cell>
          <cell r="AN4704" t="str">
            <v>MDO C&amp;M</v>
          </cell>
          <cell r="AO4704" t="str">
            <v>MDO INDIANA SOUTHWEST C&amp;M</v>
          </cell>
        </row>
        <row r="4705">
          <cell r="F4705">
            <v>75115</v>
          </cell>
          <cell r="AN4705" t="str">
            <v>MDO C&amp;M</v>
          </cell>
          <cell r="AO4705" t="str">
            <v>MDO INDIANA SOUTHWEST C&amp;M</v>
          </cell>
        </row>
        <row r="4706">
          <cell r="F4706">
            <v>75115</v>
          </cell>
          <cell r="AN4706" t="str">
            <v>MDO C&amp;M</v>
          </cell>
          <cell r="AO4706" t="str">
            <v>MDO INDIANA SOUTHWEST C&amp;M</v>
          </cell>
        </row>
        <row r="4707">
          <cell r="F4707">
            <v>75115</v>
          </cell>
          <cell r="AN4707" t="str">
            <v>MDO C&amp;M</v>
          </cell>
          <cell r="AO4707" t="str">
            <v>MDO INDIANA SOUTHWEST C&amp;M</v>
          </cell>
        </row>
        <row r="4708">
          <cell r="F4708">
            <v>75115</v>
          </cell>
          <cell r="AN4708" t="str">
            <v>MDO C&amp;M</v>
          </cell>
          <cell r="AO4708" t="str">
            <v>MDO INDIANA SOUTHWEST C&amp;M</v>
          </cell>
        </row>
        <row r="4709">
          <cell r="F4709">
            <v>75115</v>
          </cell>
          <cell r="AN4709" t="str">
            <v>MDO C&amp;M</v>
          </cell>
          <cell r="AO4709" t="str">
            <v>MDO INDIANA SOUTHWEST C&amp;M</v>
          </cell>
        </row>
        <row r="4710">
          <cell r="F4710">
            <v>75115</v>
          </cell>
          <cell r="AN4710" t="str">
            <v>MDO C&amp;M</v>
          </cell>
          <cell r="AO4710" t="str">
            <v>MDO INDIANA SOUTHWEST C&amp;M</v>
          </cell>
        </row>
        <row r="4711">
          <cell r="F4711">
            <v>75115</v>
          </cell>
          <cell r="AN4711" t="str">
            <v>MDO C&amp;M</v>
          </cell>
          <cell r="AO4711" t="str">
            <v>MDO INDIANA SOUTHWEST C&amp;M</v>
          </cell>
        </row>
        <row r="4712">
          <cell r="F4712">
            <v>75115</v>
          </cell>
          <cell r="AN4712" t="str">
            <v>MDO C&amp;M</v>
          </cell>
          <cell r="AO4712" t="str">
            <v>MDO INDIANA SOUTHWEST C&amp;M</v>
          </cell>
        </row>
        <row r="4713">
          <cell r="F4713">
            <v>75115</v>
          </cell>
          <cell r="AN4713" t="str">
            <v>MDO C&amp;M</v>
          </cell>
          <cell r="AO4713" t="str">
            <v>MDO INDIANA SOUTHWEST C&amp;M</v>
          </cell>
        </row>
        <row r="4714">
          <cell r="F4714">
            <v>75115</v>
          </cell>
          <cell r="AN4714" t="str">
            <v>MDO C&amp;M</v>
          </cell>
          <cell r="AO4714" t="str">
            <v>MDO INDIANA SOUTHWEST C&amp;M</v>
          </cell>
        </row>
        <row r="4715">
          <cell r="F4715">
            <v>75115</v>
          </cell>
          <cell r="AN4715" t="str">
            <v>MDO C&amp;M</v>
          </cell>
          <cell r="AO4715" t="str">
            <v>MDO INDIANA SOUTHWEST C&amp;M</v>
          </cell>
        </row>
        <row r="4716">
          <cell r="F4716">
            <v>75115</v>
          </cell>
          <cell r="AN4716" t="str">
            <v>MDO C&amp;M</v>
          </cell>
          <cell r="AO4716" t="str">
            <v>MDO INDIANA NORTH C&amp;M</v>
          </cell>
        </row>
        <row r="4717">
          <cell r="F4717">
            <v>75115</v>
          </cell>
          <cell r="AN4717" t="str">
            <v>MDO C&amp;M</v>
          </cell>
          <cell r="AO4717" t="str">
            <v>MDO INDIANA SOUTHEAST C&amp;M</v>
          </cell>
        </row>
        <row r="4718">
          <cell r="F4718">
            <v>75115</v>
          </cell>
          <cell r="AN4718" t="str">
            <v>MDO C&amp;M</v>
          </cell>
          <cell r="AO4718" t="str">
            <v>MDO INDIANA SOUTHWEST C&amp;M</v>
          </cell>
        </row>
      </sheetData>
      <sheetData sheetId="12" refreshError="1">
        <row r="1">
          <cell r="A1" t="str">
            <v>Month:  August</v>
          </cell>
          <cell r="T1">
            <v>6</v>
          </cell>
        </row>
        <row r="2">
          <cell r="A2" t="str">
            <v>Project</v>
          </cell>
        </row>
        <row r="3">
          <cell r="A3" t="str">
            <v>ARCFLASH</v>
          </cell>
          <cell r="T3">
            <v>0</v>
          </cell>
        </row>
        <row r="4">
          <cell r="A4" t="str">
            <v>MANHD, MANHT</v>
          </cell>
          <cell r="T4">
            <v>0</v>
          </cell>
        </row>
        <row r="5">
          <cell r="A5" t="str">
            <v>NETPROT</v>
          </cell>
          <cell r="T5">
            <v>0</v>
          </cell>
        </row>
        <row r="6">
          <cell r="A6" t="str">
            <v>PILCINS</v>
          </cell>
          <cell r="T6">
            <v>0</v>
          </cell>
        </row>
        <row r="7">
          <cell r="A7" t="str">
            <v>POTHTERM</v>
          </cell>
          <cell r="T7">
            <v>0</v>
          </cell>
        </row>
        <row r="8">
          <cell r="A8" t="str">
            <v>VAULTI</v>
          </cell>
          <cell r="T8">
            <v>0</v>
          </cell>
        </row>
        <row r="9">
          <cell r="A9" t="str">
            <v>VOLTSURV, VOLTSURVF</v>
          </cell>
          <cell r="T9">
            <v>0</v>
          </cell>
        </row>
        <row r="10">
          <cell r="A10" t="str">
            <v>ICVAULTI</v>
          </cell>
          <cell r="T10">
            <v>0</v>
          </cell>
        </row>
        <row r="11">
          <cell r="A11" t="str">
            <v>ICVAULTM</v>
          </cell>
          <cell r="T11">
            <v>0</v>
          </cell>
        </row>
        <row r="12">
          <cell r="A12" t="str">
            <v>BSME Insp/Maint Total</v>
          </cell>
          <cell r="T12">
            <v>0</v>
          </cell>
        </row>
        <row r="13">
          <cell r="A13" t="str">
            <v>CAPAC</v>
          </cell>
          <cell r="T13">
            <v>2026</v>
          </cell>
        </row>
        <row r="14">
          <cell r="A14" t="str">
            <v>RECOH</v>
          </cell>
          <cell r="T14">
            <v>0</v>
          </cell>
        </row>
        <row r="15">
          <cell r="A15" t="str">
            <v>RECOM</v>
          </cell>
          <cell r="T15">
            <v>0</v>
          </cell>
        </row>
        <row r="16">
          <cell r="A16" t="str">
            <v>REGOM</v>
          </cell>
          <cell r="T16">
            <v>0</v>
          </cell>
        </row>
        <row r="17">
          <cell r="A17" t="str">
            <v>OHVD D Equip Total</v>
          </cell>
          <cell r="T17">
            <v>2026</v>
          </cell>
        </row>
        <row r="18">
          <cell r="A18" t="str">
            <v>GLIPD</v>
          </cell>
          <cell r="T18">
            <v>2627</v>
          </cell>
        </row>
        <row r="19">
          <cell r="A19" t="str">
            <v>GLFUD</v>
          </cell>
          <cell r="T19">
            <v>1279</v>
          </cell>
        </row>
        <row r="20">
          <cell r="A20" t="str">
            <v>LIPINS</v>
          </cell>
          <cell r="T20">
            <v>0</v>
          </cell>
        </row>
        <row r="21">
          <cell r="A21" t="str">
            <v>LIPMD</v>
          </cell>
          <cell r="T21">
            <v>0</v>
          </cell>
        </row>
        <row r="22">
          <cell r="A22" t="str">
            <v>OHVD D Line Total</v>
          </cell>
          <cell r="T22">
            <v>3906</v>
          </cell>
        </row>
        <row r="23">
          <cell r="A23" t="str">
            <v>SMEICUST</v>
          </cell>
          <cell r="T23">
            <v>0</v>
          </cell>
        </row>
        <row r="24">
          <cell r="A24" t="str">
            <v>SMEIP</v>
          </cell>
          <cell r="T24">
            <v>0</v>
          </cell>
        </row>
        <row r="25">
          <cell r="A25" t="str">
            <v>SMEIPF</v>
          </cell>
          <cell r="T25">
            <v>0</v>
          </cell>
        </row>
        <row r="26">
          <cell r="A26" t="str">
            <v>SMEHIPROF</v>
          </cell>
          <cell r="T26">
            <v>0</v>
          </cell>
        </row>
        <row r="27">
          <cell r="A27" t="str">
            <v>DULMRPR</v>
          </cell>
          <cell r="T27">
            <v>0</v>
          </cell>
        </row>
        <row r="28">
          <cell r="A28" t="str">
            <v>SWGRINSP</v>
          </cell>
          <cell r="T28">
            <v>0</v>
          </cell>
        </row>
        <row r="29">
          <cell r="A29" t="str">
            <v>Surface-mounted Eq Total</v>
          </cell>
          <cell r="T29">
            <v>0</v>
          </cell>
        </row>
        <row r="30">
          <cell r="A30" t="str">
            <v>O&amp;M Total</v>
          </cell>
          <cell r="T30">
            <v>5932</v>
          </cell>
        </row>
        <row r="31">
          <cell r="A31" t="str">
            <v>CAPITAL</v>
          </cell>
          <cell r="T31">
            <v>0</v>
          </cell>
        </row>
        <row r="32">
          <cell r="A32" t="str">
            <v>STINT1013, STINT913, STINT1113</v>
          </cell>
          <cell r="T32">
            <v>1</v>
          </cell>
        </row>
        <row r="33">
          <cell r="A33" t="str">
            <v>CSXX</v>
          </cell>
          <cell r="T33">
            <v>166</v>
          </cell>
        </row>
        <row r="34">
          <cell r="A34" t="str">
            <v>Circuit Sectionalization Total</v>
          </cell>
          <cell r="T34">
            <v>167</v>
          </cell>
        </row>
        <row r="35">
          <cell r="T35">
            <v>0</v>
          </cell>
        </row>
        <row r="36">
          <cell r="T36">
            <v>0</v>
          </cell>
        </row>
        <row r="37">
          <cell r="T37">
            <v>0</v>
          </cell>
        </row>
        <row r="38">
          <cell r="T38">
            <v>0</v>
          </cell>
        </row>
        <row r="39">
          <cell r="A39" t="str">
            <v>NTUPXX</v>
          </cell>
          <cell r="T39">
            <v>0</v>
          </cell>
        </row>
        <row r="40">
          <cell r="A40" t="str">
            <v>MALTXX</v>
          </cell>
          <cell r="T40">
            <v>3</v>
          </cell>
        </row>
        <row r="41">
          <cell r="A41" t="str">
            <v>CAPXX</v>
          </cell>
          <cell r="T41">
            <v>13</v>
          </cell>
        </row>
        <row r="42">
          <cell r="A42" t="str">
            <v>OTVSRXX</v>
          </cell>
          <cell r="T42">
            <v>246</v>
          </cell>
        </row>
        <row r="43">
          <cell r="A43" t="str">
            <v>DECCIRXX</v>
          </cell>
          <cell r="T43">
            <v>2</v>
          </cell>
        </row>
        <row r="44">
          <cell r="A44" t="str">
            <v>DETCONXX</v>
          </cell>
          <cell r="T44">
            <v>0</v>
          </cell>
        </row>
        <row r="45">
          <cell r="A45" t="str">
            <v>LPFUXX</v>
          </cell>
          <cell r="T45">
            <v>0</v>
          </cell>
        </row>
        <row r="46">
          <cell r="A46" t="str">
            <v>LPSMEIXX</v>
          </cell>
          <cell r="T46">
            <v>0</v>
          </cell>
        </row>
        <row r="47">
          <cell r="A47" t="str">
            <v>MHRTXX</v>
          </cell>
          <cell r="T47">
            <v>0</v>
          </cell>
        </row>
        <row r="48">
          <cell r="A48" t="str">
            <v>MHVRBOH</v>
          </cell>
          <cell r="T48">
            <v>0</v>
          </cell>
        </row>
        <row r="49">
          <cell r="A49" t="str">
            <v>OHPCIKY</v>
          </cell>
          <cell r="T49">
            <v>0</v>
          </cell>
        </row>
        <row r="50">
          <cell r="A50" t="str">
            <v>SMFUIN</v>
          </cell>
          <cell r="T50">
            <v>0</v>
          </cell>
        </row>
        <row r="51">
          <cell r="A51" t="str">
            <v>DLSIN</v>
          </cell>
          <cell r="T51">
            <v>4</v>
          </cell>
        </row>
        <row r="52">
          <cell r="A52" t="str">
            <v>AT12XX</v>
          </cell>
          <cell r="T52">
            <v>0</v>
          </cell>
        </row>
        <row r="53">
          <cell r="A53" t="str">
            <v>ABCSGOH</v>
          </cell>
          <cell r="T53">
            <v>0</v>
          </cell>
        </row>
        <row r="54">
          <cell r="A54" t="str">
            <v>AFMVSOH</v>
          </cell>
          <cell r="T54">
            <v>0</v>
          </cell>
        </row>
        <row r="55">
          <cell r="A55" t="str">
            <v>NEWCAPXX</v>
          </cell>
          <cell r="T55">
            <v>12</v>
          </cell>
        </row>
        <row r="56">
          <cell r="A56" t="str">
            <v>RNOVAXX</v>
          </cell>
          <cell r="T56">
            <v>16</v>
          </cell>
        </row>
        <row r="57">
          <cell r="A57" t="str">
            <v>WCUGS</v>
          </cell>
          <cell r="T57">
            <v>0</v>
          </cell>
        </row>
        <row r="58">
          <cell r="A58" t="str">
            <v>PADCABFE</v>
          </cell>
          <cell r="T58">
            <v>0</v>
          </cell>
        </row>
        <row r="59">
          <cell r="A59" t="str">
            <v>VLTDTUG</v>
          </cell>
          <cell r="T59">
            <v>0</v>
          </cell>
        </row>
        <row r="60">
          <cell r="A60" t="str">
            <v>RLXX</v>
          </cell>
          <cell r="T60">
            <v>0</v>
          </cell>
        </row>
        <row r="61">
          <cell r="A61" t="str">
            <v>FMSWGRR</v>
          </cell>
          <cell r="T61">
            <v>0</v>
          </cell>
        </row>
        <row r="62">
          <cell r="A62" t="str">
            <v>SWGRSF6</v>
          </cell>
          <cell r="T62">
            <v>0</v>
          </cell>
        </row>
        <row r="63">
          <cell r="A63" t="str">
            <v>COLSWGRR</v>
          </cell>
          <cell r="T63">
            <v>1</v>
          </cell>
        </row>
        <row r="64">
          <cell r="A64" t="str">
            <v>GENSWGRR</v>
          </cell>
          <cell r="T64">
            <v>0</v>
          </cell>
        </row>
        <row r="65">
          <cell r="A65" t="str">
            <v>R&amp;I Capital Other - D Total</v>
          </cell>
          <cell r="T65">
            <v>280</v>
          </cell>
        </row>
        <row r="66">
          <cell r="A66" t="str">
            <v>RCLXX</v>
          </cell>
          <cell r="T66">
            <v>129</v>
          </cell>
        </row>
        <row r="67">
          <cell r="A67" t="str">
            <v>CSPXX</v>
          </cell>
          <cell r="T67">
            <v>5425</v>
          </cell>
        </row>
        <row r="68">
          <cell r="A68" t="str">
            <v>Recloser Changeout/Transformer Retrofit Total</v>
          </cell>
          <cell r="T68">
            <v>5554</v>
          </cell>
        </row>
        <row r="69">
          <cell r="A69" t="str">
            <v>UGCRXX</v>
          </cell>
          <cell r="T69">
            <v>0</v>
          </cell>
        </row>
        <row r="70">
          <cell r="A70" t="str">
            <v>CABINJXX</v>
          </cell>
          <cell r="T70">
            <v>61296</v>
          </cell>
        </row>
        <row r="71">
          <cell r="A71" t="str">
            <v>UG Cable Replacement/Injection Total</v>
          </cell>
          <cell r="T71">
            <v>61296</v>
          </cell>
        </row>
        <row r="72">
          <cell r="A72" t="str">
            <v>PILCXX</v>
          </cell>
          <cell r="T72">
            <v>0</v>
          </cell>
        </row>
        <row r="73">
          <cell r="A73" t="str">
            <v>POTTXX</v>
          </cell>
          <cell r="T73">
            <v>0</v>
          </cell>
        </row>
        <row r="74">
          <cell r="A74" t="str">
            <v>UG Cable Replacement - Major</v>
          </cell>
          <cell r="T74">
            <v>0</v>
          </cell>
        </row>
        <row r="75">
          <cell r="A75" t="str">
            <v>LARCUXX</v>
          </cell>
          <cell r="T75">
            <v>2</v>
          </cell>
        </row>
        <row r="76">
          <cell r="A76" t="str">
            <v>PRDXX</v>
          </cell>
          <cell r="T76">
            <v>282</v>
          </cell>
        </row>
        <row r="77">
          <cell r="A77" t="str">
            <v>GLPRDXX</v>
          </cell>
          <cell r="T77">
            <v>1062</v>
          </cell>
        </row>
        <row r="78">
          <cell r="A78" t="str">
            <v>Pole Replacement - D</v>
          </cell>
          <cell r="T78">
            <v>1346</v>
          </cell>
        </row>
        <row r="79">
          <cell r="A79" t="str">
            <v>LAMCXX</v>
          </cell>
          <cell r="T79">
            <v>0</v>
          </cell>
        </row>
        <row r="80">
          <cell r="A80" t="str">
            <v>Lighting-Asset Mgt</v>
          </cell>
          <cell r="T80">
            <v>0</v>
          </cell>
        </row>
        <row r="81">
          <cell r="A81" t="str">
            <v>Capital Total</v>
          </cell>
          <cell r="T81">
            <v>68643</v>
          </cell>
        </row>
        <row r="83">
          <cell r="A83" t="str">
            <v xml:space="preserve">NOTE:  Ground Line Treatment (GLT) contractors will report all of the issues found on a pole that are in need of follow-up. Issues labeled as “priority” will be delivered to us the next morning. All other issues found on a pole will be “rolled” together (one line of data per pole) and delivered to us when all of the poles on a “mapsheet” (i.e. N23W18) have been inspected. Remember that a “mapsheet” contains 64 grids (i.e.N23W1801 – N23W1864). </v>
          </cell>
        </row>
        <row r="85">
          <cell r="A85" t="str">
            <v>We then take that “roll-up” data and after reviewing it for any obvious errors, upload it into eMax to create one “follow-up” work order for each pole listed. This one eMax work order is considered one unit that should be reported on the R&amp;I Scorecard when completed – 1 unit = 1 eMax Work Order. Recognize that since all “follow-up” issues for a pole are rolled together, you will see in some cases, O&amp;M and Capital items listed on the same eMax work order created during the upload. In those cases, where a work order is a mixture of O&amp;M or Capital, the completed unit should be counted as a Capital unit – below.</v>
          </cell>
        </row>
        <row r="90">
          <cell r="A90" t="str">
            <v>After the follow-up work orders have been created through the upload, engineering will, in most cases, create a “parent” work order in eMax and group many of the follow-up work orders under that one “parent” work order. Even though a “parent” work order is created, the unit you will want to capture when the work is completed and report on the 2012 R&amp;I Scorecard is the follow-up work order created during the upload.</v>
          </cell>
        </row>
      </sheetData>
      <sheetData sheetId="13" refreshError="1">
        <row r="1">
          <cell r="T1">
            <v>6</v>
          </cell>
        </row>
        <row r="2">
          <cell r="D2" t="str">
            <v>Target</v>
          </cell>
        </row>
        <row r="3">
          <cell r="D3">
            <v>0</v>
          </cell>
          <cell r="T3">
            <v>0</v>
          </cell>
        </row>
        <row r="4">
          <cell r="D4">
            <v>0</v>
          </cell>
          <cell r="T4">
            <v>0</v>
          </cell>
        </row>
        <row r="5">
          <cell r="D5">
            <v>0</v>
          </cell>
          <cell r="T5">
            <v>0</v>
          </cell>
        </row>
        <row r="6">
          <cell r="D6">
            <v>0</v>
          </cell>
          <cell r="T6">
            <v>0</v>
          </cell>
        </row>
        <row r="7">
          <cell r="D7">
            <v>0</v>
          </cell>
          <cell r="T7">
            <v>0</v>
          </cell>
        </row>
        <row r="8">
          <cell r="D8">
            <v>19</v>
          </cell>
          <cell r="T8">
            <v>0</v>
          </cell>
        </row>
        <row r="9">
          <cell r="D9">
            <v>0</v>
          </cell>
          <cell r="T9">
            <v>0</v>
          </cell>
        </row>
        <row r="10">
          <cell r="D10">
            <v>0</v>
          </cell>
          <cell r="T10">
            <v>0</v>
          </cell>
        </row>
        <row r="11">
          <cell r="D11">
            <v>0</v>
          </cell>
          <cell r="T11">
            <v>0</v>
          </cell>
        </row>
        <row r="12">
          <cell r="D12">
            <v>19</v>
          </cell>
          <cell r="T12">
            <v>0</v>
          </cell>
        </row>
        <row r="13">
          <cell r="D13">
            <v>890.80087209302326</v>
          </cell>
          <cell r="T13">
            <v>744</v>
          </cell>
        </row>
        <row r="14">
          <cell r="D14">
            <v>0</v>
          </cell>
          <cell r="T14">
            <v>0</v>
          </cell>
        </row>
        <row r="15">
          <cell r="D15">
            <v>31</v>
          </cell>
          <cell r="T15">
            <v>0</v>
          </cell>
        </row>
        <row r="16">
          <cell r="D16">
            <v>0</v>
          </cell>
          <cell r="T16">
            <v>0</v>
          </cell>
        </row>
        <row r="17">
          <cell r="D17">
            <v>921.80087209302326</v>
          </cell>
          <cell r="T17">
            <v>744</v>
          </cell>
        </row>
        <row r="18">
          <cell r="D18">
            <v>10002</v>
          </cell>
          <cell r="T18">
            <v>0</v>
          </cell>
        </row>
        <row r="19">
          <cell r="D19">
            <v>1524.2352243947369</v>
          </cell>
          <cell r="T19">
            <v>170</v>
          </cell>
        </row>
        <row r="20">
          <cell r="D20">
            <v>0</v>
          </cell>
          <cell r="T20">
            <v>0</v>
          </cell>
        </row>
        <row r="21">
          <cell r="D21">
            <v>0</v>
          </cell>
          <cell r="T21">
            <v>0</v>
          </cell>
        </row>
        <row r="22">
          <cell r="D22">
            <v>11526.235224394737</v>
          </cell>
          <cell r="T22">
            <v>170</v>
          </cell>
        </row>
        <row r="23">
          <cell r="D23">
            <v>15</v>
          </cell>
          <cell r="T23">
            <v>0</v>
          </cell>
        </row>
        <row r="24">
          <cell r="D24">
            <v>7878</v>
          </cell>
          <cell r="T24">
            <v>0</v>
          </cell>
        </row>
        <row r="25">
          <cell r="D25">
            <v>110</v>
          </cell>
          <cell r="T25">
            <v>0</v>
          </cell>
        </row>
        <row r="26">
          <cell r="D26">
            <v>0</v>
          </cell>
          <cell r="T26">
            <v>0</v>
          </cell>
        </row>
        <row r="27">
          <cell r="D27">
            <v>0</v>
          </cell>
          <cell r="T27">
            <v>0</v>
          </cell>
        </row>
        <row r="28">
          <cell r="D28">
            <v>17.5</v>
          </cell>
          <cell r="T28">
            <v>0</v>
          </cell>
        </row>
        <row r="29">
          <cell r="D29">
            <v>8020.5</v>
          </cell>
          <cell r="T29">
            <v>0</v>
          </cell>
        </row>
        <row r="30">
          <cell r="D30">
            <v>20487.536096487762</v>
          </cell>
          <cell r="T30">
            <v>914</v>
          </cell>
        </row>
        <row r="31">
          <cell r="T31">
            <v>0</v>
          </cell>
        </row>
        <row r="32">
          <cell r="D32">
            <v>0</v>
          </cell>
          <cell r="T32">
            <v>0</v>
          </cell>
        </row>
        <row r="33">
          <cell r="D33">
            <v>79</v>
          </cell>
          <cell r="T33">
            <v>31</v>
          </cell>
        </row>
        <row r="34">
          <cell r="D34">
            <v>79</v>
          </cell>
          <cell r="T34">
            <v>31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D38">
            <v>0</v>
          </cell>
          <cell r="T38">
            <v>0</v>
          </cell>
        </row>
        <row r="39">
          <cell r="D39">
            <v>0</v>
          </cell>
          <cell r="T39">
            <v>0</v>
          </cell>
        </row>
        <row r="40">
          <cell r="D40">
            <v>3.4995175429421099</v>
          </cell>
          <cell r="T40">
            <v>0</v>
          </cell>
        </row>
        <row r="41">
          <cell r="D41">
            <v>0</v>
          </cell>
          <cell r="T41">
            <v>13</v>
          </cell>
        </row>
        <row r="42">
          <cell r="D42">
            <v>127</v>
          </cell>
          <cell r="T42">
            <v>79</v>
          </cell>
        </row>
        <row r="43">
          <cell r="D43">
            <v>4.4951437005852775</v>
          </cell>
          <cell r="T43">
            <v>2</v>
          </cell>
        </row>
        <row r="44">
          <cell r="D44">
            <v>1</v>
          </cell>
          <cell r="T44">
            <v>0</v>
          </cell>
        </row>
        <row r="45">
          <cell r="D45">
            <v>0</v>
          </cell>
          <cell r="T45">
            <v>0</v>
          </cell>
        </row>
        <row r="46">
          <cell r="D46">
            <v>0</v>
          </cell>
          <cell r="T46">
            <v>0</v>
          </cell>
        </row>
        <row r="47">
          <cell r="D47">
            <v>4.351572636479446</v>
          </cell>
          <cell r="T47">
            <v>0</v>
          </cell>
        </row>
        <row r="48">
          <cell r="D48">
            <v>0</v>
          </cell>
          <cell r="T48">
            <v>0</v>
          </cell>
        </row>
        <row r="49">
          <cell r="D49">
            <v>0</v>
          </cell>
          <cell r="T49">
            <v>0</v>
          </cell>
        </row>
        <row r="50">
          <cell r="D50">
            <v>68.000133333333338</v>
          </cell>
          <cell r="T50">
            <v>0</v>
          </cell>
        </row>
        <row r="51">
          <cell r="D51">
            <v>3.5682895619131463</v>
          </cell>
          <cell r="T51">
            <v>0</v>
          </cell>
        </row>
        <row r="52">
          <cell r="D52">
            <v>0</v>
          </cell>
          <cell r="T52">
            <v>0</v>
          </cell>
        </row>
        <row r="53">
          <cell r="D53">
            <v>0</v>
          </cell>
          <cell r="T53">
            <v>0</v>
          </cell>
        </row>
        <row r="54">
          <cell r="D54">
            <v>0</v>
          </cell>
          <cell r="T54">
            <v>0</v>
          </cell>
        </row>
        <row r="55">
          <cell r="D55">
            <v>0</v>
          </cell>
          <cell r="T55">
            <v>3</v>
          </cell>
        </row>
        <row r="56">
          <cell r="D56">
            <v>13.559500335269954</v>
          </cell>
          <cell r="T56">
            <v>0</v>
          </cell>
        </row>
        <row r="57">
          <cell r="D57">
            <v>0</v>
          </cell>
          <cell r="T57">
            <v>0</v>
          </cell>
        </row>
        <row r="58">
          <cell r="D58">
            <v>0</v>
          </cell>
          <cell r="T58">
            <v>0</v>
          </cell>
        </row>
        <row r="59">
          <cell r="D59">
            <v>0</v>
          </cell>
          <cell r="T59">
            <v>0</v>
          </cell>
        </row>
        <row r="60">
          <cell r="D60">
            <v>0</v>
          </cell>
          <cell r="T60">
            <v>0</v>
          </cell>
        </row>
        <row r="61">
          <cell r="D61">
            <v>0</v>
          </cell>
          <cell r="T61">
            <v>0</v>
          </cell>
        </row>
        <row r="62">
          <cell r="D62">
            <v>0</v>
          </cell>
          <cell r="T62">
            <v>0</v>
          </cell>
        </row>
        <row r="63">
          <cell r="D63">
            <v>0</v>
          </cell>
          <cell r="T63">
            <v>0</v>
          </cell>
        </row>
        <row r="64">
          <cell r="D64">
            <v>2.1409388724890199</v>
          </cell>
          <cell r="T64">
            <v>0</v>
          </cell>
        </row>
        <row r="65">
          <cell r="D65">
            <v>227.61509598301225</v>
          </cell>
          <cell r="T65">
            <v>97</v>
          </cell>
        </row>
        <row r="66">
          <cell r="D66">
            <v>58</v>
          </cell>
          <cell r="T66">
            <v>22</v>
          </cell>
        </row>
        <row r="67">
          <cell r="D67">
            <v>4253.6784648749963</v>
          </cell>
          <cell r="T67">
            <v>64</v>
          </cell>
        </row>
        <row r="68">
          <cell r="D68">
            <v>4311.6784648749963</v>
          </cell>
          <cell r="T68">
            <v>86</v>
          </cell>
        </row>
        <row r="69">
          <cell r="D69">
            <v>14583.333333333334</v>
          </cell>
          <cell r="T69">
            <v>0</v>
          </cell>
        </row>
        <row r="70">
          <cell r="D70">
            <v>26643.228728951493</v>
          </cell>
          <cell r="T70">
            <v>44147</v>
          </cell>
        </row>
        <row r="71">
          <cell r="D71">
            <v>41226.562062284829</v>
          </cell>
          <cell r="T71">
            <v>44147</v>
          </cell>
        </row>
        <row r="72">
          <cell r="D72">
            <v>0</v>
          </cell>
          <cell r="T72">
            <v>0</v>
          </cell>
        </row>
        <row r="73">
          <cell r="D73">
            <v>0</v>
          </cell>
          <cell r="T73">
            <v>0</v>
          </cell>
        </row>
        <row r="74">
          <cell r="D74">
            <v>0</v>
          </cell>
          <cell r="T74">
            <v>0</v>
          </cell>
        </row>
        <row r="75">
          <cell r="D75">
            <v>4.2819474742957748</v>
          </cell>
          <cell r="T75">
            <v>0</v>
          </cell>
        </row>
        <row r="76">
          <cell r="D76">
            <v>0</v>
          </cell>
          <cell r="T76">
            <v>0</v>
          </cell>
        </row>
        <row r="77">
          <cell r="D77">
            <v>1224.856571714143</v>
          </cell>
          <cell r="T77">
            <v>173</v>
          </cell>
        </row>
        <row r="78">
          <cell r="D78">
            <v>1229.1385191884387</v>
          </cell>
          <cell r="T78">
            <v>173</v>
          </cell>
        </row>
        <row r="79">
          <cell r="D79">
            <v>14.273158247652583</v>
          </cell>
          <cell r="T79">
            <v>0</v>
          </cell>
        </row>
        <row r="80">
          <cell r="D80">
            <v>14.273158247652583</v>
          </cell>
          <cell r="T80">
            <v>0</v>
          </cell>
        </row>
        <row r="81">
          <cell r="D81">
            <v>47088.267300578926</v>
          </cell>
          <cell r="T81">
            <v>44534</v>
          </cell>
        </row>
      </sheetData>
      <sheetData sheetId="14" refreshError="1">
        <row r="1">
          <cell r="D1" t="str">
            <v>Indiana - Southeast</v>
          </cell>
          <cell r="T1">
            <v>6</v>
          </cell>
        </row>
        <row r="2">
          <cell r="D2" t="str">
            <v>Target</v>
          </cell>
        </row>
        <row r="3">
          <cell r="D3">
            <v>0</v>
          </cell>
          <cell r="T3">
            <v>0</v>
          </cell>
        </row>
        <row r="4">
          <cell r="D4">
            <v>0</v>
          </cell>
          <cell r="T4">
            <v>0</v>
          </cell>
        </row>
        <row r="5">
          <cell r="D5">
            <v>0</v>
          </cell>
          <cell r="T5">
            <v>0</v>
          </cell>
        </row>
        <row r="6">
          <cell r="D6">
            <v>0</v>
          </cell>
          <cell r="T6">
            <v>0</v>
          </cell>
        </row>
        <row r="7">
          <cell r="D7">
            <v>0</v>
          </cell>
          <cell r="T7">
            <v>0</v>
          </cell>
        </row>
        <row r="8">
          <cell r="D8">
            <v>19.444444444444443</v>
          </cell>
          <cell r="T8">
            <v>0</v>
          </cell>
        </row>
        <row r="9">
          <cell r="D9">
            <v>0</v>
          </cell>
          <cell r="T9">
            <v>0</v>
          </cell>
        </row>
        <row r="10">
          <cell r="D10">
            <v>0</v>
          </cell>
          <cell r="T10">
            <v>0</v>
          </cell>
        </row>
        <row r="11">
          <cell r="D11">
            <v>0</v>
          </cell>
          <cell r="T11">
            <v>0</v>
          </cell>
        </row>
        <row r="12">
          <cell r="D12">
            <v>19.444444444444443</v>
          </cell>
          <cell r="T12">
            <v>0</v>
          </cell>
        </row>
        <row r="13">
          <cell r="D13">
            <v>856.69215116279065</v>
          </cell>
          <cell r="T13">
            <v>742</v>
          </cell>
        </row>
        <row r="14">
          <cell r="D14">
            <v>0</v>
          </cell>
          <cell r="T14">
            <v>0</v>
          </cell>
        </row>
        <row r="15">
          <cell r="D15">
            <v>31</v>
          </cell>
          <cell r="T15">
            <v>0</v>
          </cell>
        </row>
        <row r="16">
          <cell r="D16">
            <v>0</v>
          </cell>
          <cell r="T16">
            <v>0</v>
          </cell>
        </row>
        <row r="17">
          <cell r="D17">
            <v>887.69215116279065</v>
          </cell>
          <cell r="T17">
            <v>742</v>
          </cell>
        </row>
        <row r="18">
          <cell r="D18">
            <v>9998</v>
          </cell>
          <cell r="T18">
            <v>2627</v>
          </cell>
        </row>
        <row r="19">
          <cell r="D19">
            <v>1524.2352243947369</v>
          </cell>
          <cell r="T19">
            <v>283</v>
          </cell>
        </row>
        <row r="20">
          <cell r="D20">
            <v>0</v>
          </cell>
          <cell r="T20">
            <v>0</v>
          </cell>
        </row>
        <row r="21">
          <cell r="D21">
            <v>0</v>
          </cell>
          <cell r="T21">
            <v>0</v>
          </cell>
        </row>
        <row r="22">
          <cell r="D22">
            <v>11522.235224394737</v>
          </cell>
          <cell r="T22">
            <v>2910</v>
          </cell>
        </row>
        <row r="23">
          <cell r="D23">
            <v>14</v>
          </cell>
          <cell r="T23">
            <v>0</v>
          </cell>
        </row>
        <row r="24">
          <cell r="D24">
            <v>0</v>
          </cell>
          <cell r="T24">
            <v>0</v>
          </cell>
        </row>
        <row r="25">
          <cell r="D25">
            <v>0</v>
          </cell>
          <cell r="T25">
            <v>0</v>
          </cell>
        </row>
        <row r="26">
          <cell r="D26">
            <v>0</v>
          </cell>
          <cell r="T26">
            <v>0</v>
          </cell>
        </row>
        <row r="27">
          <cell r="D27">
            <v>0</v>
          </cell>
          <cell r="T27">
            <v>0</v>
          </cell>
        </row>
        <row r="28">
          <cell r="D28">
            <v>17.5</v>
          </cell>
          <cell r="T28">
            <v>0</v>
          </cell>
        </row>
        <row r="29">
          <cell r="D29">
            <v>31.5</v>
          </cell>
          <cell r="T29">
            <v>0</v>
          </cell>
        </row>
        <row r="30">
          <cell r="D30">
            <v>12460.871820001972</v>
          </cell>
          <cell r="T30">
            <v>3652</v>
          </cell>
        </row>
        <row r="31">
          <cell r="T31">
            <v>0</v>
          </cell>
        </row>
        <row r="32">
          <cell r="D32">
            <v>1</v>
          </cell>
          <cell r="T32">
            <v>1</v>
          </cell>
        </row>
        <row r="33">
          <cell r="D33">
            <v>65</v>
          </cell>
          <cell r="T33">
            <v>55</v>
          </cell>
        </row>
        <row r="34">
          <cell r="D34">
            <v>66</v>
          </cell>
          <cell r="T34">
            <v>56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D38">
            <v>0</v>
          </cell>
          <cell r="T38">
            <v>0</v>
          </cell>
        </row>
        <row r="39">
          <cell r="D39">
            <v>0</v>
          </cell>
          <cell r="T39">
            <v>0</v>
          </cell>
        </row>
        <row r="40">
          <cell r="D40">
            <v>3.4995175429421099</v>
          </cell>
          <cell r="T40">
            <v>3</v>
          </cell>
        </row>
        <row r="41">
          <cell r="D41">
            <v>0</v>
          </cell>
          <cell r="T41">
            <v>0</v>
          </cell>
        </row>
        <row r="42">
          <cell r="D42">
            <v>128</v>
          </cell>
          <cell r="T42">
            <v>99</v>
          </cell>
        </row>
        <row r="43">
          <cell r="D43">
            <v>4.4951437005852775</v>
          </cell>
          <cell r="T43">
            <v>0</v>
          </cell>
        </row>
        <row r="44">
          <cell r="D44">
            <v>1</v>
          </cell>
          <cell r="T44">
            <v>0</v>
          </cell>
        </row>
        <row r="45">
          <cell r="D45">
            <v>0</v>
          </cell>
          <cell r="T45">
            <v>0</v>
          </cell>
        </row>
        <row r="46">
          <cell r="D46">
            <v>0</v>
          </cell>
          <cell r="T46">
            <v>0</v>
          </cell>
        </row>
        <row r="47">
          <cell r="D47">
            <v>4.351572636479446</v>
          </cell>
          <cell r="T47">
            <v>0</v>
          </cell>
        </row>
        <row r="48">
          <cell r="D48">
            <v>0</v>
          </cell>
          <cell r="T48">
            <v>0</v>
          </cell>
        </row>
        <row r="49">
          <cell r="D49">
            <v>0</v>
          </cell>
          <cell r="T49">
            <v>0</v>
          </cell>
        </row>
        <row r="50">
          <cell r="D50">
            <v>68.000133333333338</v>
          </cell>
          <cell r="T50">
            <v>0</v>
          </cell>
        </row>
        <row r="51">
          <cell r="D51">
            <v>3.5682895619131463</v>
          </cell>
          <cell r="T51">
            <v>2</v>
          </cell>
        </row>
        <row r="52">
          <cell r="D52">
            <v>0.7136579123826291</v>
          </cell>
          <cell r="T52">
            <v>0</v>
          </cell>
        </row>
        <row r="53">
          <cell r="D53">
            <v>0</v>
          </cell>
          <cell r="T53">
            <v>0</v>
          </cell>
        </row>
        <row r="54">
          <cell r="D54">
            <v>0</v>
          </cell>
          <cell r="T54">
            <v>0</v>
          </cell>
        </row>
        <row r="55">
          <cell r="D55">
            <v>0</v>
          </cell>
          <cell r="T55">
            <v>0</v>
          </cell>
        </row>
        <row r="56">
          <cell r="D56">
            <v>17.828448174854223</v>
          </cell>
          <cell r="T56">
            <v>6</v>
          </cell>
        </row>
        <row r="57">
          <cell r="D57">
            <v>0</v>
          </cell>
          <cell r="T57">
            <v>0</v>
          </cell>
        </row>
        <row r="58">
          <cell r="D58">
            <v>0</v>
          </cell>
          <cell r="T58">
            <v>0</v>
          </cell>
        </row>
        <row r="59">
          <cell r="D59">
            <v>0</v>
          </cell>
          <cell r="T59">
            <v>0</v>
          </cell>
        </row>
        <row r="60">
          <cell r="D60">
            <v>0</v>
          </cell>
          <cell r="T60">
            <v>0</v>
          </cell>
        </row>
        <row r="61">
          <cell r="D61">
            <v>0</v>
          </cell>
          <cell r="T61">
            <v>0</v>
          </cell>
        </row>
        <row r="62">
          <cell r="D62">
            <v>0</v>
          </cell>
          <cell r="T62">
            <v>0</v>
          </cell>
        </row>
        <row r="63">
          <cell r="D63">
            <v>4.4960448480105635</v>
          </cell>
          <cell r="T63">
            <v>1</v>
          </cell>
        </row>
        <row r="64">
          <cell r="D64">
            <v>2.1409566094950114</v>
          </cell>
          <cell r="T64">
            <v>0</v>
          </cell>
        </row>
        <row r="65">
          <cell r="D65">
            <v>238.09376431999573</v>
          </cell>
          <cell r="T65">
            <v>104</v>
          </cell>
        </row>
        <row r="66">
          <cell r="D66">
            <v>55</v>
          </cell>
          <cell r="T66">
            <v>50</v>
          </cell>
        </row>
        <row r="67">
          <cell r="D67">
            <v>4253.6784648749963</v>
          </cell>
          <cell r="T67">
            <v>2671</v>
          </cell>
        </row>
        <row r="68">
          <cell r="D68">
            <v>4308.6784648749963</v>
          </cell>
          <cell r="T68">
            <v>2721</v>
          </cell>
        </row>
        <row r="69">
          <cell r="D69">
            <v>14583.333333333334</v>
          </cell>
          <cell r="T69">
            <v>0</v>
          </cell>
        </row>
        <row r="70">
          <cell r="D70">
            <v>26643.228728951493</v>
          </cell>
          <cell r="T70">
            <v>17149</v>
          </cell>
        </row>
        <row r="71">
          <cell r="D71">
            <v>41226.562062284829</v>
          </cell>
          <cell r="T71">
            <v>17149</v>
          </cell>
        </row>
        <row r="72">
          <cell r="D72">
            <v>0</v>
          </cell>
          <cell r="T72">
            <v>0</v>
          </cell>
        </row>
        <row r="73">
          <cell r="D73">
            <v>0</v>
          </cell>
          <cell r="T73">
            <v>0</v>
          </cell>
        </row>
        <row r="74">
          <cell r="D74">
            <v>0</v>
          </cell>
          <cell r="T74">
            <v>0</v>
          </cell>
        </row>
        <row r="75">
          <cell r="D75">
            <v>4.2819474742957748</v>
          </cell>
          <cell r="T75">
            <v>2</v>
          </cell>
        </row>
        <row r="76">
          <cell r="D76">
            <v>0</v>
          </cell>
          <cell r="T76">
            <v>113</v>
          </cell>
        </row>
        <row r="77">
          <cell r="D77">
            <v>1224.856571714143</v>
          </cell>
          <cell r="T77">
            <v>418</v>
          </cell>
        </row>
        <row r="78">
          <cell r="D78">
            <v>1229.1385191884387</v>
          </cell>
          <cell r="T78">
            <v>533</v>
          </cell>
        </row>
        <row r="79">
          <cell r="D79">
            <v>14.273158247652583</v>
          </cell>
          <cell r="T79">
            <v>0</v>
          </cell>
        </row>
        <row r="80">
          <cell r="D80">
            <v>14.273158247652583</v>
          </cell>
          <cell r="T80">
            <v>0</v>
          </cell>
        </row>
        <row r="81">
          <cell r="D81">
            <v>47082.745968915908</v>
          </cell>
          <cell r="T81">
            <v>20563</v>
          </cell>
        </row>
      </sheetData>
      <sheetData sheetId="15" refreshError="1">
        <row r="1">
          <cell r="D1" t="str">
            <v>Indiana - Southwest</v>
          </cell>
          <cell r="T1">
            <v>6</v>
          </cell>
        </row>
        <row r="2">
          <cell r="D2" t="str">
            <v>Target</v>
          </cell>
        </row>
        <row r="3">
          <cell r="D3">
            <v>0</v>
          </cell>
          <cell r="T3">
            <v>0</v>
          </cell>
        </row>
        <row r="4">
          <cell r="D4">
            <v>0</v>
          </cell>
          <cell r="T4">
            <v>0</v>
          </cell>
        </row>
        <row r="5">
          <cell r="D5">
            <v>0</v>
          </cell>
          <cell r="T5">
            <v>0</v>
          </cell>
        </row>
        <row r="6">
          <cell r="D6">
            <v>0</v>
          </cell>
          <cell r="T6">
            <v>0</v>
          </cell>
        </row>
        <row r="7">
          <cell r="D7">
            <v>0</v>
          </cell>
          <cell r="T7">
            <v>0</v>
          </cell>
        </row>
        <row r="8">
          <cell r="D8">
            <v>19.444444444444443</v>
          </cell>
          <cell r="T8">
            <v>0</v>
          </cell>
        </row>
        <row r="9">
          <cell r="D9">
            <v>0</v>
          </cell>
          <cell r="T9">
            <v>0</v>
          </cell>
        </row>
        <row r="10">
          <cell r="D10">
            <v>0</v>
          </cell>
          <cell r="T10">
            <v>0</v>
          </cell>
        </row>
        <row r="11">
          <cell r="D11">
            <v>0</v>
          </cell>
          <cell r="T11">
            <v>0</v>
          </cell>
        </row>
        <row r="12">
          <cell r="D12">
            <v>19.444444444444443</v>
          </cell>
          <cell r="T12">
            <v>0</v>
          </cell>
        </row>
        <row r="13">
          <cell r="D13">
            <v>699.89622093023252</v>
          </cell>
          <cell r="T13">
            <v>540</v>
          </cell>
        </row>
        <row r="14">
          <cell r="D14">
            <v>0</v>
          </cell>
          <cell r="T14">
            <v>0</v>
          </cell>
        </row>
        <row r="15">
          <cell r="D15">
            <v>30</v>
          </cell>
          <cell r="T15">
            <v>0</v>
          </cell>
        </row>
        <row r="16">
          <cell r="D16">
            <v>0</v>
          </cell>
          <cell r="T16">
            <v>0</v>
          </cell>
        </row>
        <row r="17">
          <cell r="D17">
            <v>729.89622093023252</v>
          </cell>
          <cell r="T17">
            <v>540</v>
          </cell>
        </row>
        <row r="18">
          <cell r="D18">
            <v>10009</v>
          </cell>
          <cell r="T18">
            <v>0</v>
          </cell>
        </row>
        <row r="19">
          <cell r="D19">
            <v>1524.2352243947369</v>
          </cell>
          <cell r="T19">
            <v>826</v>
          </cell>
        </row>
        <row r="20">
          <cell r="D20">
            <v>0</v>
          </cell>
          <cell r="T20">
            <v>0</v>
          </cell>
        </row>
        <row r="21">
          <cell r="D21">
            <v>0</v>
          </cell>
          <cell r="T21">
            <v>0</v>
          </cell>
        </row>
        <row r="22">
          <cell r="D22">
            <v>11533.235224394737</v>
          </cell>
          <cell r="T22">
            <v>826</v>
          </cell>
        </row>
        <row r="23">
          <cell r="D23">
            <v>14</v>
          </cell>
          <cell r="T23">
            <v>0</v>
          </cell>
        </row>
        <row r="24">
          <cell r="D24">
            <v>3855</v>
          </cell>
          <cell r="T24">
            <v>0</v>
          </cell>
        </row>
        <row r="25">
          <cell r="D25">
            <v>54</v>
          </cell>
          <cell r="T25">
            <v>0</v>
          </cell>
        </row>
        <row r="26">
          <cell r="D26">
            <v>0</v>
          </cell>
          <cell r="T26">
            <v>0</v>
          </cell>
        </row>
        <row r="27">
          <cell r="D27">
            <v>0</v>
          </cell>
          <cell r="T27">
            <v>0</v>
          </cell>
        </row>
        <row r="28">
          <cell r="D28">
            <v>17.5</v>
          </cell>
          <cell r="T28">
            <v>0</v>
          </cell>
        </row>
        <row r="29">
          <cell r="D29">
            <v>3940.5</v>
          </cell>
          <cell r="T29">
            <v>0</v>
          </cell>
        </row>
        <row r="30">
          <cell r="D30">
            <v>16223.075889769414</v>
          </cell>
          <cell r="T30">
            <v>1366</v>
          </cell>
        </row>
        <row r="31">
          <cell r="T31">
            <v>0</v>
          </cell>
        </row>
        <row r="32">
          <cell r="D32">
            <v>2</v>
          </cell>
          <cell r="T32">
            <v>0</v>
          </cell>
        </row>
        <row r="33">
          <cell r="D33">
            <v>87</v>
          </cell>
          <cell r="T33">
            <v>80</v>
          </cell>
        </row>
        <row r="34">
          <cell r="D34">
            <v>89</v>
          </cell>
          <cell r="T34">
            <v>80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D38">
            <v>0</v>
          </cell>
          <cell r="T38">
            <v>0</v>
          </cell>
        </row>
        <row r="39">
          <cell r="D39">
            <v>0</v>
          </cell>
          <cell r="T39">
            <v>0</v>
          </cell>
        </row>
        <row r="40">
          <cell r="D40">
            <v>3.4995175429421099</v>
          </cell>
          <cell r="T40">
            <v>0</v>
          </cell>
        </row>
        <row r="41">
          <cell r="D41">
            <v>0</v>
          </cell>
          <cell r="T41">
            <v>0</v>
          </cell>
        </row>
        <row r="42">
          <cell r="D42">
            <v>125</v>
          </cell>
          <cell r="T42">
            <v>68</v>
          </cell>
        </row>
        <row r="43">
          <cell r="D43">
            <v>4.4951437005852775</v>
          </cell>
          <cell r="T43">
            <v>0</v>
          </cell>
        </row>
        <row r="44">
          <cell r="D44">
            <v>0</v>
          </cell>
          <cell r="T44">
            <v>0</v>
          </cell>
        </row>
        <row r="45">
          <cell r="D45">
            <v>0</v>
          </cell>
          <cell r="T45">
            <v>0</v>
          </cell>
        </row>
        <row r="46">
          <cell r="D46">
            <v>0</v>
          </cell>
          <cell r="T46">
            <v>0</v>
          </cell>
        </row>
        <row r="47">
          <cell r="D47">
            <v>4.351572636479446</v>
          </cell>
          <cell r="T47">
            <v>0</v>
          </cell>
        </row>
        <row r="48">
          <cell r="D48">
            <v>0</v>
          </cell>
          <cell r="T48">
            <v>0</v>
          </cell>
        </row>
        <row r="49">
          <cell r="D49">
            <v>0</v>
          </cell>
          <cell r="T49">
            <v>0</v>
          </cell>
        </row>
        <row r="50">
          <cell r="D50">
            <v>68.000133333333338</v>
          </cell>
          <cell r="T50">
            <v>0</v>
          </cell>
        </row>
        <row r="51">
          <cell r="D51">
            <v>3.5682895619131463</v>
          </cell>
          <cell r="T51">
            <v>2</v>
          </cell>
        </row>
        <row r="52">
          <cell r="D52">
            <v>0.7136579123826291</v>
          </cell>
          <cell r="T52">
            <v>0</v>
          </cell>
        </row>
        <row r="53">
          <cell r="D53">
            <v>0</v>
          </cell>
          <cell r="T53">
            <v>0</v>
          </cell>
        </row>
        <row r="54">
          <cell r="D54">
            <v>0</v>
          </cell>
          <cell r="T54">
            <v>0</v>
          </cell>
        </row>
        <row r="55">
          <cell r="D55">
            <v>0</v>
          </cell>
          <cell r="T55">
            <v>9</v>
          </cell>
        </row>
        <row r="56">
          <cell r="D56">
            <v>14.273158247652583</v>
          </cell>
          <cell r="T56">
            <v>10</v>
          </cell>
        </row>
        <row r="57">
          <cell r="D57">
            <v>0</v>
          </cell>
          <cell r="T57">
            <v>0</v>
          </cell>
        </row>
        <row r="58">
          <cell r="D58">
            <v>0</v>
          </cell>
          <cell r="T58">
            <v>0</v>
          </cell>
        </row>
        <row r="59">
          <cell r="D59">
            <v>0</v>
          </cell>
          <cell r="T59">
            <v>0</v>
          </cell>
        </row>
        <row r="60">
          <cell r="D60">
            <v>0</v>
          </cell>
          <cell r="T60">
            <v>0</v>
          </cell>
        </row>
        <row r="61">
          <cell r="D61">
            <v>0</v>
          </cell>
          <cell r="T61">
            <v>0</v>
          </cell>
        </row>
        <row r="62">
          <cell r="D62">
            <v>0</v>
          </cell>
          <cell r="T62">
            <v>0</v>
          </cell>
        </row>
        <row r="63">
          <cell r="D63">
            <v>0</v>
          </cell>
          <cell r="T63">
            <v>0</v>
          </cell>
        </row>
        <row r="64">
          <cell r="D64">
            <v>2.1409566094950114</v>
          </cell>
          <cell r="T64">
            <v>0</v>
          </cell>
        </row>
        <row r="65">
          <cell r="D65">
            <v>226.04242954478352</v>
          </cell>
          <cell r="T65">
            <v>79</v>
          </cell>
        </row>
        <row r="66">
          <cell r="D66">
            <v>57</v>
          </cell>
          <cell r="T66">
            <v>57</v>
          </cell>
        </row>
        <row r="67">
          <cell r="D67">
            <v>4253.6784648749963</v>
          </cell>
          <cell r="T67">
            <v>2690</v>
          </cell>
        </row>
        <row r="68">
          <cell r="D68">
            <v>4310.6784648749963</v>
          </cell>
          <cell r="T68">
            <v>2747</v>
          </cell>
        </row>
        <row r="69">
          <cell r="D69">
            <v>14583.333333333334</v>
          </cell>
          <cell r="T69">
            <v>0</v>
          </cell>
        </row>
        <row r="70">
          <cell r="D70">
            <v>26643.228728951493</v>
          </cell>
          <cell r="T70">
            <v>0</v>
          </cell>
        </row>
        <row r="71">
          <cell r="D71">
            <v>41226.562062284829</v>
          </cell>
          <cell r="T71">
            <v>0</v>
          </cell>
        </row>
        <row r="72">
          <cell r="D72">
            <v>0</v>
          </cell>
          <cell r="T72">
            <v>0</v>
          </cell>
        </row>
        <row r="73">
          <cell r="D73">
            <v>0</v>
          </cell>
          <cell r="T73">
            <v>0</v>
          </cell>
        </row>
        <row r="74">
          <cell r="D74">
            <v>0</v>
          </cell>
          <cell r="T74">
            <v>0</v>
          </cell>
        </row>
        <row r="75">
          <cell r="D75">
            <v>4.2819474742957748</v>
          </cell>
          <cell r="T75">
            <v>0</v>
          </cell>
        </row>
        <row r="76">
          <cell r="D76">
            <v>0</v>
          </cell>
          <cell r="T76">
            <v>169</v>
          </cell>
        </row>
        <row r="77">
          <cell r="D77">
            <v>1224.856571714143</v>
          </cell>
          <cell r="T77">
            <v>471</v>
          </cell>
        </row>
        <row r="78">
          <cell r="D78">
            <v>1229.1385191884387</v>
          </cell>
          <cell r="T78">
            <v>640</v>
          </cell>
        </row>
        <row r="79">
          <cell r="D79">
            <v>14.273158247652583</v>
          </cell>
          <cell r="T79">
            <v>0</v>
          </cell>
        </row>
        <row r="80">
          <cell r="D80">
            <v>14.273158247652583</v>
          </cell>
          <cell r="T80">
            <v>0</v>
          </cell>
        </row>
        <row r="81">
          <cell r="D81">
            <v>47095.694634140695</v>
          </cell>
          <cell r="T81">
            <v>3546</v>
          </cell>
        </row>
      </sheetData>
      <sheetData sheetId="16" refreshError="1">
        <row r="1">
          <cell r="A1" t="str">
            <v>Month: August</v>
          </cell>
          <cell r="D1" t="str">
            <v>Kentucky</v>
          </cell>
          <cell r="T1">
            <v>6</v>
          </cell>
        </row>
        <row r="2">
          <cell r="A2" t="str">
            <v>Project</v>
          </cell>
          <cell r="D2" t="str">
            <v>Target</v>
          </cell>
        </row>
        <row r="3">
          <cell r="A3" t="str">
            <v>ARCFLASH</v>
          </cell>
          <cell r="T3">
            <v>0</v>
          </cell>
        </row>
        <row r="4">
          <cell r="A4" t="str">
            <v>MANHD, MANHT</v>
          </cell>
          <cell r="D4">
            <v>41</v>
          </cell>
          <cell r="T4">
            <v>0</v>
          </cell>
        </row>
        <row r="5">
          <cell r="A5" t="str">
            <v>NETPROT</v>
          </cell>
          <cell r="D5">
            <v>0</v>
          </cell>
          <cell r="T5">
            <v>0</v>
          </cell>
        </row>
        <row r="6">
          <cell r="A6" t="str">
            <v>PILCINS</v>
          </cell>
          <cell r="D6">
            <v>0</v>
          </cell>
          <cell r="T6">
            <v>0</v>
          </cell>
        </row>
        <row r="7">
          <cell r="A7" t="str">
            <v>POTHTERM</v>
          </cell>
          <cell r="D7">
            <v>0</v>
          </cell>
          <cell r="T7">
            <v>0</v>
          </cell>
        </row>
        <row r="8">
          <cell r="A8" t="str">
            <v>VAULTI</v>
          </cell>
          <cell r="D8">
            <v>0</v>
          </cell>
          <cell r="T8">
            <v>0</v>
          </cell>
        </row>
        <row r="9">
          <cell r="A9" t="str">
            <v>VOLTSURV, VOLTSURVF</v>
          </cell>
          <cell r="D9">
            <v>0</v>
          </cell>
          <cell r="T9">
            <v>0</v>
          </cell>
        </row>
        <row r="10">
          <cell r="A10" t="str">
            <v>ICVAULTI</v>
          </cell>
          <cell r="D10">
            <v>40</v>
          </cell>
          <cell r="T10">
            <v>0</v>
          </cell>
        </row>
        <row r="11">
          <cell r="A11" t="str">
            <v>ICVAULTM</v>
          </cell>
          <cell r="D11">
            <v>0</v>
          </cell>
          <cell r="T11">
            <v>0</v>
          </cell>
        </row>
        <row r="12">
          <cell r="A12" t="str">
            <v>BSME Insp/Maint Total</v>
          </cell>
          <cell r="D12">
            <v>81</v>
          </cell>
          <cell r="T12">
            <v>0</v>
          </cell>
        </row>
        <row r="13">
          <cell r="A13" t="str">
            <v>CAPAC</v>
          </cell>
          <cell r="D13">
            <v>135</v>
          </cell>
          <cell r="T13">
            <v>0</v>
          </cell>
        </row>
        <row r="14">
          <cell r="A14" t="str">
            <v>RECOH</v>
          </cell>
          <cell r="D14">
            <v>75</v>
          </cell>
          <cell r="T14">
            <v>11</v>
          </cell>
        </row>
        <row r="15">
          <cell r="A15" t="str">
            <v>RECOM</v>
          </cell>
          <cell r="D15">
            <v>5</v>
          </cell>
          <cell r="T15">
            <v>0</v>
          </cell>
        </row>
        <row r="16">
          <cell r="A16" t="str">
            <v>REGOM</v>
          </cell>
          <cell r="D16">
            <v>15</v>
          </cell>
          <cell r="T16">
            <v>0</v>
          </cell>
        </row>
        <row r="17">
          <cell r="A17" t="str">
            <v>OHVD D Equip Total</v>
          </cell>
          <cell r="D17">
            <v>230</v>
          </cell>
          <cell r="T17">
            <v>11</v>
          </cell>
        </row>
        <row r="18">
          <cell r="A18" t="str">
            <v>GLIPD</v>
          </cell>
          <cell r="D18">
            <v>4478</v>
          </cell>
          <cell r="T18">
            <v>0</v>
          </cell>
        </row>
        <row r="19">
          <cell r="A19" t="str">
            <v>GLFUD</v>
          </cell>
          <cell r="D19">
            <v>1666</v>
          </cell>
          <cell r="T19">
            <v>13</v>
          </cell>
        </row>
        <row r="20">
          <cell r="A20" t="str">
            <v>LIPINS</v>
          </cell>
          <cell r="D20">
            <v>65</v>
          </cell>
          <cell r="T20">
            <v>59</v>
          </cell>
        </row>
        <row r="21">
          <cell r="A21" t="str">
            <v>LIPMD</v>
          </cell>
          <cell r="D21">
            <v>593</v>
          </cell>
          <cell r="T21">
            <v>1238</v>
          </cell>
        </row>
        <row r="22">
          <cell r="A22" t="str">
            <v>OHVD D Line Total</v>
          </cell>
          <cell r="D22">
            <v>6802</v>
          </cell>
          <cell r="T22">
            <v>1310</v>
          </cell>
        </row>
        <row r="23">
          <cell r="A23" t="str">
            <v>SMEICUST</v>
          </cell>
          <cell r="D23">
            <v>4</v>
          </cell>
          <cell r="T23">
            <v>6</v>
          </cell>
        </row>
        <row r="24">
          <cell r="A24" t="str">
            <v>SMEIP</v>
          </cell>
          <cell r="D24">
            <v>6129</v>
          </cell>
          <cell r="T24">
            <v>4809</v>
          </cell>
        </row>
        <row r="25">
          <cell r="A25" t="str">
            <v>SMEIPF</v>
          </cell>
          <cell r="D25">
            <v>70</v>
          </cell>
          <cell r="T25">
            <v>103</v>
          </cell>
        </row>
        <row r="26">
          <cell r="A26" t="str">
            <v>SMEHIPROF</v>
          </cell>
          <cell r="D26">
            <v>0</v>
          </cell>
          <cell r="T26">
            <v>0</v>
          </cell>
        </row>
        <row r="27">
          <cell r="A27" t="str">
            <v>DULMRPR</v>
          </cell>
          <cell r="D27">
            <v>0</v>
          </cell>
          <cell r="T27">
            <v>0</v>
          </cell>
        </row>
        <row r="28">
          <cell r="A28" t="str">
            <v>SWGRINSP</v>
          </cell>
          <cell r="T28">
            <v>0</v>
          </cell>
        </row>
        <row r="29">
          <cell r="A29" t="str">
            <v>Surface-mounted Eq Total</v>
          </cell>
          <cell r="D29">
            <v>6203</v>
          </cell>
          <cell r="T29">
            <v>4918</v>
          </cell>
        </row>
        <row r="30">
          <cell r="A30" t="str">
            <v>O&amp;M Total</v>
          </cell>
          <cell r="D30">
            <v>13316</v>
          </cell>
          <cell r="T30">
            <v>6239</v>
          </cell>
        </row>
        <row r="31">
          <cell r="A31" t="str">
            <v>CAPITAL</v>
          </cell>
          <cell r="T31">
            <v>0</v>
          </cell>
        </row>
        <row r="32">
          <cell r="A32" t="str">
            <v>STKYT34</v>
          </cell>
          <cell r="D32">
            <v>1</v>
          </cell>
          <cell r="T32">
            <v>1</v>
          </cell>
        </row>
        <row r="33">
          <cell r="A33" t="str">
            <v>CSXX</v>
          </cell>
          <cell r="D33">
            <v>6</v>
          </cell>
          <cell r="T33">
            <v>4</v>
          </cell>
        </row>
        <row r="34">
          <cell r="A34" t="str">
            <v>Circuit Sectionalization Total</v>
          </cell>
          <cell r="D34">
            <v>7</v>
          </cell>
          <cell r="T34">
            <v>5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A38" t="str">
            <v>VNPTRR</v>
          </cell>
          <cell r="D38">
            <v>0</v>
          </cell>
          <cell r="T38">
            <v>0</v>
          </cell>
        </row>
        <row r="39">
          <cell r="A39" t="str">
            <v>NTUPXX</v>
          </cell>
          <cell r="D39">
            <v>0</v>
          </cell>
          <cell r="T39">
            <v>0</v>
          </cell>
        </row>
        <row r="40">
          <cell r="A40" t="str">
            <v>MALTXX</v>
          </cell>
          <cell r="D40">
            <v>0</v>
          </cell>
          <cell r="T40">
            <v>0</v>
          </cell>
        </row>
        <row r="41">
          <cell r="A41" t="str">
            <v>CAPXX</v>
          </cell>
          <cell r="D41">
            <v>0</v>
          </cell>
          <cell r="T41">
            <v>11</v>
          </cell>
        </row>
        <row r="42">
          <cell r="A42" t="str">
            <v>OTVSRXX</v>
          </cell>
          <cell r="D42">
            <v>154</v>
          </cell>
          <cell r="T42">
            <v>30</v>
          </cell>
        </row>
        <row r="43">
          <cell r="A43" t="str">
            <v>DECCIRXX</v>
          </cell>
          <cell r="D43">
            <v>3</v>
          </cell>
          <cell r="T43">
            <v>0</v>
          </cell>
        </row>
        <row r="44">
          <cell r="A44" t="str">
            <v>DETCONXX</v>
          </cell>
          <cell r="D44">
            <v>1</v>
          </cell>
          <cell r="T44">
            <v>0</v>
          </cell>
        </row>
        <row r="45">
          <cell r="A45" t="str">
            <v>LPFUXX</v>
          </cell>
          <cell r="D45">
            <v>659</v>
          </cell>
          <cell r="T45">
            <v>50</v>
          </cell>
        </row>
        <row r="46">
          <cell r="A46" t="str">
            <v>LPSMEIXX</v>
          </cell>
          <cell r="D46">
            <v>40</v>
          </cell>
          <cell r="T46">
            <v>0</v>
          </cell>
        </row>
        <row r="47">
          <cell r="A47" t="str">
            <v>MHRTXX</v>
          </cell>
          <cell r="D47">
            <v>0</v>
          </cell>
          <cell r="T47">
            <v>0</v>
          </cell>
        </row>
        <row r="48">
          <cell r="A48" t="str">
            <v>MHVRBOH</v>
          </cell>
          <cell r="D48">
            <v>0</v>
          </cell>
          <cell r="T48">
            <v>0</v>
          </cell>
        </row>
        <row r="49">
          <cell r="A49" t="str">
            <v>OHPCIKY</v>
          </cell>
          <cell r="D49">
            <v>0</v>
          </cell>
          <cell r="T49">
            <v>1</v>
          </cell>
        </row>
        <row r="50">
          <cell r="A50" t="str">
            <v>SMFUIN</v>
          </cell>
          <cell r="D50">
            <v>0</v>
          </cell>
          <cell r="T50">
            <v>0</v>
          </cell>
        </row>
        <row r="51">
          <cell r="A51" t="str">
            <v>DLSIN</v>
          </cell>
          <cell r="D51">
            <v>0</v>
          </cell>
          <cell r="T51">
            <v>0</v>
          </cell>
        </row>
        <row r="52">
          <cell r="A52" t="str">
            <v>AT12XX</v>
          </cell>
          <cell r="D52">
            <v>0</v>
          </cell>
          <cell r="T52">
            <v>0</v>
          </cell>
        </row>
        <row r="53">
          <cell r="A53" t="str">
            <v>ABCSGOH</v>
          </cell>
          <cell r="D53">
            <v>0</v>
          </cell>
          <cell r="T53">
            <v>0</v>
          </cell>
        </row>
        <row r="54">
          <cell r="A54" t="str">
            <v>AFMVSOH</v>
          </cell>
          <cell r="D54">
            <v>0</v>
          </cell>
          <cell r="T54">
            <v>0</v>
          </cell>
        </row>
        <row r="55">
          <cell r="A55" t="str">
            <v>NEWCAPXX</v>
          </cell>
          <cell r="D55">
            <v>0</v>
          </cell>
          <cell r="T55">
            <v>0</v>
          </cell>
        </row>
        <row r="56">
          <cell r="A56" t="str">
            <v>RNOVAXX</v>
          </cell>
          <cell r="D56">
            <v>26</v>
          </cell>
          <cell r="T56">
            <v>26</v>
          </cell>
        </row>
        <row r="57">
          <cell r="A57" t="str">
            <v>WCUGS</v>
          </cell>
          <cell r="D57">
            <v>0</v>
          </cell>
          <cell r="T57">
            <v>0</v>
          </cell>
        </row>
        <row r="58">
          <cell r="A58" t="str">
            <v>PADCABFE</v>
          </cell>
          <cell r="D58">
            <v>0</v>
          </cell>
          <cell r="T58">
            <v>0</v>
          </cell>
        </row>
        <row r="59">
          <cell r="A59" t="str">
            <v>VLTDTUG</v>
          </cell>
          <cell r="D59">
            <v>0</v>
          </cell>
          <cell r="T59">
            <v>0</v>
          </cell>
        </row>
        <row r="60">
          <cell r="A60" t="str">
            <v>RLXX</v>
          </cell>
          <cell r="D60">
            <v>0</v>
          </cell>
          <cell r="T60">
            <v>0</v>
          </cell>
        </row>
        <row r="61">
          <cell r="A61" t="str">
            <v>FMSWGRR</v>
          </cell>
          <cell r="D61">
            <v>2</v>
          </cell>
          <cell r="T61">
            <v>1</v>
          </cell>
        </row>
        <row r="62">
          <cell r="A62" t="str">
            <v>SWGRSF6</v>
          </cell>
          <cell r="D62">
            <v>0</v>
          </cell>
          <cell r="T62">
            <v>0</v>
          </cell>
        </row>
        <row r="63">
          <cell r="A63" t="str">
            <v>COLSWGRR</v>
          </cell>
          <cell r="T63">
            <v>0</v>
          </cell>
        </row>
        <row r="64">
          <cell r="A64" t="str">
            <v>GENSWGRR</v>
          </cell>
          <cell r="T64">
            <v>0</v>
          </cell>
        </row>
        <row r="65">
          <cell r="A65" t="str">
            <v>R&amp;I Capital Other - D Total</v>
          </cell>
          <cell r="D65">
            <v>885</v>
          </cell>
          <cell r="T65">
            <v>119</v>
          </cell>
        </row>
        <row r="66">
          <cell r="A66" t="str">
            <v>RCLXX</v>
          </cell>
          <cell r="D66">
            <v>22</v>
          </cell>
          <cell r="T66">
            <v>1</v>
          </cell>
        </row>
        <row r="67">
          <cell r="A67" t="str">
            <v>CSPXX</v>
          </cell>
          <cell r="D67">
            <v>1796</v>
          </cell>
          <cell r="T67">
            <v>1153</v>
          </cell>
        </row>
        <row r="68">
          <cell r="A68" t="str">
            <v>Recloser Changeout/Transformer Retrofit Total</v>
          </cell>
          <cell r="D68">
            <v>1818</v>
          </cell>
          <cell r="T68">
            <v>1154</v>
          </cell>
        </row>
        <row r="69">
          <cell r="A69" t="str">
            <v>UGCRXX</v>
          </cell>
          <cell r="D69">
            <v>14000</v>
          </cell>
          <cell r="T69">
            <v>0</v>
          </cell>
        </row>
        <row r="70">
          <cell r="A70" t="str">
            <v>CABINJXX</v>
          </cell>
          <cell r="D70">
            <v>31084</v>
          </cell>
          <cell r="T70">
            <v>20332</v>
          </cell>
        </row>
        <row r="71">
          <cell r="A71" t="str">
            <v>UG Cable Replacement/Injection Total</v>
          </cell>
          <cell r="D71">
            <v>45084</v>
          </cell>
          <cell r="T71">
            <v>20332</v>
          </cell>
        </row>
        <row r="72">
          <cell r="A72" t="str">
            <v>PILCXX</v>
          </cell>
          <cell r="D72">
            <v>0</v>
          </cell>
          <cell r="T72">
            <v>0</v>
          </cell>
        </row>
        <row r="73">
          <cell r="A73" t="str">
            <v>POTTXX</v>
          </cell>
          <cell r="D73">
            <v>1239</v>
          </cell>
          <cell r="T73">
            <v>315</v>
          </cell>
        </row>
        <row r="74">
          <cell r="A74" t="str">
            <v>UG Cable Replacement - Major</v>
          </cell>
          <cell r="D74">
            <v>1239</v>
          </cell>
          <cell r="T74">
            <v>315</v>
          </cell>
        </row>
        <row r="75">
          <cell r="A75" t="str">
            <v>LARCUXX</v>
          </cell>
          <cell r="D75">
            <v>6</v>
          </cell>
          <cell r="T75">
            <v>8</v>
          </cell>
        </row>
        <row r="76">
          <cell r="A76" t="str">
            <v>PRDXX</v>
          </cell>
          <cell r="D76">
            <v>0</v>
          </cell>
          <cell r="T76">
            <v>12</v>
          </cell>
        </row>
        <row r="77">
          <cell r="A77" t="str">
            <v>GLPRDXX</v>
          </cell>
          <cell r="D77">
            <v>330</v>
          </cell>
          <cell r="T77">
            <v>82</v>
          </cell>
        </row>
        <row r="78">
          <cell r="A78" t="str">
            <v>Pole Replacement - D</v>
          </cell>
          <cell r="D78">
            <v>336</v>
          </cell>
          <cell r="T78">
            <v>102</v>
          </cell>
        </row>
        <row r="79">
          <cell r="A79" t="str">
            <v>LAMCXX</v>
          </cell>
          <cell r="D79">
            <v>0</v>
          </cell>
          <cell r="T79">
            <v>0</v>
          </cell>
        </row>
        <row r="80">
          <cell r="A80" t="str">
            <v>Lighting-Asset Mgt</v>
          </cell>
          <cell r="D80">
            <v>0</v>
          </cell>
          <cell r="T80">
            <v>0</v>
          </cell>
        </row>
        <row r="81">
          <cell r="A81" t="str">
            <v>Capital Total</v>
          </cell>
          <cell r="D81">
            <v>49369</v>
          </cell>
          <cell r="T81">
            <v>22027</v>
          </cell>
        </row>
        <row r="84">
          <cell r="A84" t="str">
            <v xml:space="preserve">NOTE:  Ground Line Treatment (GLT) contractors will report all of the issues found on a pole that are in need of follow-up. Issues labeled as “priority” will be delivered to us the next morning. All other issues found on a pole will be “rolled” together (one line of data per pole) and delivered to us when all of the poles on a “mapsheet” (i.e. N23W18) have been inspected. Remember that a “mapsheet” contains 64 grids (i.e.N23W1801 – N23W1864). </v>
          </cell>
        </row>
        <row r="86">
          <cell r="A86" t="str">
            <v>We then take that “roll-up” data and after reviewing it for any obvious errors, upload it into eMax to create one “follow-up” work order for each pole listed. This one eMax work order is considered one unit that should be reported on the R&amp;I Scorecard when completed – 1 unit = 1 eMax Work Order. Recognize that since all “follow-up” issues for a pole are rolled together, you will see in some cases, O&amp;M and Capital items listed on the same eMax work order created during the upload. In those cases, where a work order is a mixture of O&amp;M or Capital, the completed unit should be counted as a Capital unit – below.</v>
          </cell>
        </row>
        <row r="91">
          <cell r="A91" t="str">
            <v>After the follow-up work orders have been created through the upload, engineering will, in most cases, create a “parent” work order in eMax and group many of the follow-up work orders under that one “parent” work order. Even though a “parent” work order is created, the unit you will want to capture when the work is completed and report on the 2012 R&amp;I Scorecard is the follow-up work order created during the upload.</v>
          </cell>
        </row>
      </sheetData>
      <sheetData sheetId="17" refreshError="1">
        <row r="1">
          <cell r="A1" t="str">
            <v>Month:  August</v>
          </cell>
          <cell r="D1" t="str">
            <v>Ohio</v>
          </cell>
          <cell r="T1">
            <v>6</v>
          </cell>
        </row>
        <row r="2">
          <cell r="A2" t="str">
            <v>Project</v>
          </cell>
          <cell r="D2" t="str">
            <v>Target</v>
          </cell>
        </row>
        <row r="3">
          <cell r="A3" t="str">
            <v>ARCFLASH</v>
          </cell>
          <cell r="D3">
            <v>0</v>
          </cell>
          <cell r="T3">
            <v>0</v>
          </cell>
        </row>
        <row r="4">
          <cell r="A4" t="str">
            <v>MANHD, MANHT</v>
          </cell>
          <cell r="D4">
            <v>316</v>
          </cell>
          <cell r="T4">
            <v>439</v>
          </cell>
        </row>
        <row r="5">
          <cell r="A5" t="str">
            <v>NETPROT</v>
          </cell>
          <cell r="D5">
            <v>0</v>
          </cell>
          <cell r="T5">
            <v>3</v>
          </cell>
        </row>
        <row r="6">
          <cell r="A6" t="str">
            <v>PILCINS</v>
          </cell>
          <cell r="D6">
            <v>0</v>
          </cell>
          <cell r="T6">
            <v>0</v>
          </cell>
        </row>
        <row r="7">
          <cell r="A7" t="str">
            <v>POTHTERM</v>
          </cell>
          <cell r="D7">
            <v>0</v>
          </cell>
          <cell r="T7">
            <v>0</v>
          </cell>
        </row>
        <row r="8">
          <cell r="A8" t="str">
            <v>VAULTI</v>
          </cell>
          <cell r="D8">
            <v>788</v>
          </cell>
          <cell r="T8">
            <v>311</v>
          </cell>
        </row>
        <row r="9">
          <cell r="A9" t="str">
            <v>VOLTSURV, VOLTSURVF</v>
          </cell>
          <cell r="D9">
            <v>0</v>
          </cell>
          <cell r="T9">
            <v>0</v>
          </cell>
        </row>
        <row r="10">
          <cell r="A10" t="str">
            <v>ICVAULTI</v>
          </cell>
          <cell r="D10">
            <v>0</v>
          </cell>
          <cell r="T10">
            <v>0</v>
          </cell>
        </row>
        <row r="11">
          <cell r="A11" t="str">
            <v>ICVAULTM</v>
          </cell>
          <cell r="D11">
            <v>0</v>
          </cell>
          <cell r="T11">
            <v>0</v>
          </cell>
        </row>
        <row r="12">
          <cell r="A12" t="str">
            <v>BSME Insp/Maint Total</v>
          </cell>
          <cell r="D12">
            <v>1104</v>
          </cell>
          <cell r="T12">
            <v>753</v>
          </cell>
        </row>
        <row r="13">
          <cell r="A13" t="str">
            <v>CAPAC</v>
          </cell>
          <cell r="D13">
            <v>2287</v>
          </cell>
          <cell r="T13">
            <v>0</v>
          </cell>
        </row>
        <row r="14">
          <cell r="A14" t="str">
            <v>RECOH</v>
          </cell>
          <cell r="D14">
            <v>1242</v>
          </cell>
          <cell r="T14">
            <v>183</v>
          </cell>
        </row>
        <row r="15">
          <cell r="A15" t="str">
            <v>RECOM</v>
          </cell>
          <cell r="D15">
            <v>36</v>
          </cell>
          <cell r="T15">
            <v>0</v>
          </cell>
        </row>
        <row r="16">
          <cell r="A16" t="str">
            <v>REGOM</v>
          </cell>
          <cell r="D16">
            <v>37</v>
          </cell>
          <cell r="T16">
            <v>0</v>
          </cell>
        </row>
        <row r="17">
          <cell r="A17" t="str">
            <v>OHVD D Equip Total</v>
          </cell>
          <cell r="D17">
            <v>3602</v>
          </cell>
          <cell r="T17">
            <v>183</v>
          </cell>
        </row>
        <row r="18">
          <cell r="A18" t="str">
            <v>GLIPD</v>
          </cell>
          <cell r="D18">
            <v>27000</v>
          </cell>
          <cell r="T18">
            <v>17266</v>
          </cell>
        </row>
        <row r="19">
          <cell r="A19" t="str">
            <v>GLFUD</v>
          </cell>
          <cell r="D19">
            <v>5886</v>
          </cell>
          <cell r="T19">
            <v>936</v>
          </cell>
        </row>
        <row r="20">
          <cell r="A20" t="str">
            <v>LIPINS</v>
          </cell>
          <cell r="D20">
            <v>173</v>
          </cell>
          <cell r="T20">
            <v>39</v>
          </cell>
        </row>
        <row r="21">
          <cell r="A21" t="str">
            <v>LIPMD</v>
          </cell>
          <cell r="D21">
            <v>2527</v>
          </cell>
          <cell r="T21">
            <v>2328</v>
          </cell>
        </row>
        <row r="22">
          <cell r="A22" t="str">
            <v>OHVD D Line Total</v>
          </cell>
          <cell r="D22">
            <v>35586</v>
          </cell>
          <cell r="T22">
            <v>20569</v>
          </cell>
        </row>
        <row r="23">
          <cell r="A23" t="str">
            <v>SMEICUST</v>
          </cell>
          <cell r="D23">
            <v>22</v>
          </cell>
          <cell r="T23">
            <v>26</v>
          </cell>
        </row>
        <row r="24">
          <cell r="A24" t="str">
            <v>SMEIP</v>
          </cell>
          <cell r="D24">
            <v>10600</v>
          </cell>
          <cell r="T24">
            <v>4610</v>
          </cell>
        </row>
        <row r="25">
          <cell r="A25" t="str">
            <v>SMEIPF</v>
          </cell>
          <cell r="D25">
            <v>610</v>
          </cell>
          <cell r="T25">
            <v>154</v>
          </cell>
        </row>
        <row r="26">
          <cell r="A26" t="str">
            <v>SMEHIPROF</v>
          </cell>
          <cell r="D26">
            <v>0</v>
          </cell>
          <cell r="T26">
            <v>0</v>
          </cell>
        </row>
        <row r="27">
          <cell r="A27" t="str">
            <v>DULMRPR</v>
          </cell>
          <cell r="D27">
            <v>0</v>
          </cell>
          <cell r="T27">
            <v>20</v>
          </cell>
        </row>
        <row r="28">
          <cell r="A28" t="str">
            <v>SWGRINSP</v>
          </cell>
          <cell r="T28">
            <v>0</v>
          </cell>
        </row>
        <row r="29">
          <cell r="A29" t="str">
            <v>Surface-mounted Eq Total</v>
          </cell>
          <cell r="D29">
            <v>11232</v>
          </cell>
          <cell r="T29">
            <v>4810</v>
          </cell>
        </row>
        <row r="30">
          <cell r="A30" t="str">
            <v>O&amp;M Total</v>
          </cell>
          <cell r="D30">
            <v>51524</v>
          </cell>
          <cell r="T30">
            <v>26315</v>
          </cell>
        </row>
        <row r="31">
          <cell r="A31" t="str">
            <v>CAPITAL</v>
          </cell>
          <cell r="T31">
            <v>0</v>
          </cell>
        </row>
        <row r="32">
          <cell r="A32" t="str">
            <v>N/A</v>
          </cell>
          <cell r="D32">
            <v>0</v>
          </cell>
          <cell r="T32">
            <v>0</v>
          </cell>
        </row>
        <row r="33">
          <cell r="A33" t="str">
            <v>CSXX</v>
          </cell>
          <cell r="D33">
            <v>7</v>
          </cell>
          <cell r="T33">
            <v>6</v>
          </cell>
        </row>
        <row r="34">
          <cell r="A34" t="str">
            <v>Circuit Sectionalization Total</v>
          </cell>
          <cell r="D34">
            <v>7</v>
          </cell>
          <cell r="T34">
            <v>6</v>
          </cell>
        </row>
        <row r="35">
          <cell r="D35">
            <v>54</v>
          </cell>
          <cell r="T35">
            <v>59</v>
          </cell>
        </row>
        <row r="36">
          <cell r="D36">
            <v>8564</v>
          </cell>
          <cell r="T36">
            <v>4222</v>
          </cell>
        </row>
        <row r="37">
          <cell r="D37">
            <v>1</v>
          </cell>
          <cell r="T37">
            <v>1</v>
          </cell>
        </row>
        <row r="38">
          <cell r="A38" t="str">
            <v>VNPTRR</v>
          </cell>
          <cell r="D38">
            <v>0</v>
          </cell>
          <cell r="T38">
            <v>12</v>
          </cell>
        </row>
        <row r="39">
          <cell r="A39" t="str">
            <v>NTUPXX</v>
          </cell>
          <cell r="D39">
            <v>8619</v>
          </cell>
          <cell r="T39">
            <v>4294</v>
          </cell>
        </row>
        <row r="40">
          <cell r="A40" t="str">
            <v>MALTXX</v>
          </cell>
          <cell r="D40">
            <v>0</v>
          </cell>
          <cell r="T40">
            <v>0</v>
          </cell>
        </row>
        <row r="41">
          <cell r="A41" t="str">
            <v>CAPXX</v>
          </cell>
          <cell r="D41">
            <v>0</v>
          </cell>
          <cell r="T41">
            <v>4</v>
          </cell>
        </row>
        <row r="42">
          <cell r="A42" t="str">
            <v>OTVSRXX</v>
          </cell>
          <cell r="D42">
            <v>1142</v>
          </cell>
          <cell r="T42">
            <v>603</v>
          </cell>
        </row>
        <row r="43">
          <cell r="A43" t="str">
            <v>DECCIRXX</v>
          </cell>
          <cell r="D43">
            <v>14</v>
          </cell>
          <cell r="T43">
            <v>4</v>
          </cell>
        </row>
        <row r="44">
          <cell r="A44" t="str">
            <v>DETCONXX</v>
          </cell>
          <cell r="D44">
            <v>4</v>
          </cell>
          <cell r="T44">
            <v>2</v>
          </cell>
        </row>
        <row r="45">
          <cell r="A45" t="str">
            <v>LPFUXX</v>
          </cell>
          <cell r="D45">
            <v>2066</v>
          </cell>
          <cell r="T45">
            <v>524</v>
          </cell>
        </row>
        <row r="46">
          <cell r="A46" t="str">
            <v>LPSMEIXX</v>
          </cell>
          <cell r="D46">
            <v>135</v>
          </cell>
          <cell r="T46">
            <v>2</v>
          </cell>
        </row>
        <row r="47">
          <cell r="A47" t="str">
            <v>MHRTXX</v>
          </cell>
          <cell r="D47">
            <v>157</v>
          </cell>
          <cell r="T47">
            <v>79</v>
          </cell>
        </row>
        <row r="48">
          <cell r="A48" t="str">
            <v>MHVRBOH</v>
          </cell>
          <cell r="D48">
            <v>6</v>
          </cell>
          <cell r="T48">
            <v>6</v>
          </cell>
        </row>
        <row r="49">
          <cell r="A49" t="str">
            <v>OHPCIKY</v>
          </cell>
          <cell r="D49">
            <v>0</v>
          </cell>
          <cell r="T49">
            <v>0</v>
          </cell>
        </row>
        <row r="50">
          <cell r="A50" t="str">
            <v>SMFUIN</v>
          </cell>
          <cell r="D50">
            <v>0</v>
          </cell>
          <cell r="T50">
            <v>0</v>
          </cell>
        </row>
        <row r="51">
          <cell r="A51" t="str">
            <v>DLSIN</v>
          </cell>
          <cell r="D51">
            <v>0</v>
          </cell>
          <cell r="T51">
            <v>0</v>
          </cell>
        </row>
        <row r="52">
          <cell r="A52" t="str">
            <v>AT12XX</v>
          </cell>
          <cell r="D52">
            <v>1</v>
          </cell>
          <cell r="T52">
            <v>1</v>
          </cell>
        </row>
        <row r="53">
          <cell r="A53" t="str">
            <v>ABCSGOH</v>
          </cell>
          <cell r="D53">
            <v>4</v>
          </cell>
          <cell r="T53">
            <v>4</v>
          </cell>
        </row>
        <row r="54">
          <cell r="A54" t="str">
            <v>AFMVSOH</v>
          </cell>
          <cell r="D54">
            <v>14</v>
          </cell>
          <cell r="T54">
            <v>9</v>
          </cell>
        </row>
        <row r="55">
          <cell r="A55" t="str">
            <v>NEWCAPXX</v>
          </cell>
          <cell r="D55">
            <v>0</v>
          </cell>
          <cell r="T55">
            <v>0</v>
          </cell>
        </row>
        <row r="56">
          <cell r="A56" t="str">
            <v>RNOVAXX</v>
          </cell>
          <cell r="D56">
            <v>41</v>
          </cell>
          <cell r="T56">
            <v>4</v>
          </cell>
        </row>
        <row r="57">
          <cell r="A57" t="str">
            <v>WCUGS</v>
          </cell>
          <cell r="D57">
            <v>1</v>
          </cell>
          <cell r="T57">
            <v>0</v>
          </cell>
        </row>
        <row r="58">
          <cell r="A58" t="str">
            <v>PADCABFE</v>
          </cell>
          <cell r="D58">
            <v>14</v>
          </cell>
          <cell r="T58">
            <v>0</v>
          </cell>
        </row>
        <row r="59">
          <cell r="A59" t="str">
            <v>VLTDTUG</v>
          </cell>
          <cell r="D59">
            <v>0</v>
          </cell>
          <cell r="T59">
            <v>1</v>
          </cell>
        </row>
        <row r="60">
          <cell r="A60" t="str">
            <v>RLKY
RLOH</v>
          </cell>
          <cell r="D60">
            <v>0</v>
          </cell>
          <cell r="T60">
            <v>0</v>
          </cell>
        </row>
        <row r="61">
          <cell r="A61" t="str">
            <v>FMSWGRR</v>
          </cell>
          <cell r="D61">
            <v>0</v>
          </cell>
          <cell r="T61">
            <v>0</v>
          </cell>
        </row>
        <row r="62">
          <cell r="A62" t="str">
            <v>SWGRSF6</v>
          </cell>
          <cell r="D62">
            <v>1</v>
          </cell>
          <cell r="T62">
            <v>0</v>
          </cell>
        </row>
        <row r="63">
          <cell r="A63" t="str">
            <v>COLSWGRR</v>
          </cell>
          <cell r="T63">
            <v>0</v>
          </cell>
        </row>
        <row r="64">
          <cell r="A64" t="str">
            <v>GENSWGRR</v>
          </cell>
          <cell r="T64">
            <v>0</v>
          </cell>
        </row>
        <row r="65">
          <cell r="A65" t="str">
            <v>R&amp;I Capital Other - D Total</v>
          </cell>
          <cell r="D65">
            <v>12219</v>
          </cell>
          <cell r="T65">
            <v>1243</v>
          </cell>
        </row>
        <row r="66">
          <cell r="A66" t="str">
            <v>RCLXX</v>
          </cell>
          <cell r="D66">
            <v>194</v>
          </cell>
          <cell r="T66">
            <v>148</v>
          </cell>
        </row>
        <row r="67">
          <cell r="A67" t="str">
            <v>CSPXX</v>
          </cell>
          <cell r="D67">
            <v>12848</v>
          </cell>
          <cell r="T67">
            <v>5072</v>
          </cell>
        </row>
        <row r="68">
          <cell r="A68" t="str">
            <v>Recloser Changeout/Transformer Retrofit Total</v>
          </cell>
          <cell r="D68">
            <v>13042</v>
          </cell>
          <cell r="T68">
            <v>5220</v>
          </cell>
        </row>
        <row r="69">
          <cell r="A69" t="str">
            <v>UGCRXX</v>
          </cell>
          <cell r="D69">
            <v>75650</v>
          </cell>
          <cell r="T69">
            <v>44177</v>
          </cell>
        </row>
        <row r="70">
          <cell r="A70" t="str">
            <v>CABINJXX</v>
          </cell>
          <cell r="D70">
            <v>127930</v>
          </cell>
          <cell r="T70">
            <v>55834</v>
          </cell>
        </row>
        <row r="71">
          <cell r="A71" t="str">
            <v>UG Cable Replacement/Injection Total</v>
          </cell>
          <cell r="D71">
            <v>203580</v>
          </cell>
          <cell r="T71">
            <v>100011</v>
          </cell>
        </row>
        <row r="72">
          <cell r="A72" t="str">
            <v>PILCXX</v>
          </cell>
          <cell r="D72">
            <v>0</v>
          </cell>
          <cell r="T72">
            <v>4200</v>
          </cell>
        </row>
        <row r="73">
          <cell r="A73" t="str">
            <v>POTTXX</v>
          </cell>
          <cell r="D73">
            <v>1529</v>
          </cell>
          <cell r="T73">
            <v>1086</v>
          </cell>
        </row>
        <row r="74">
          <cell r="A74" t="str">
            <v>UG Cable Replacement - Major</v>
          </cell>
          <cell r="D74">
            <v>1529</v>
          </cell>
          <cell r="T74">
            <v>5286</v>
          </cell>
        </row>
        <row r="75">
          <cell r="A75" t="str">
            <v>LARCUXX</v>
          </cell>
          <cell r="D75">
            <v>7</v>
          </cell>
          <cell r="T75">
            <v>5</v>
          </cell>
        </row>
        <row r="76">
          <cell r="A76" t="str">
            <v>PRDXX</v>
          </cell>
          <cell r="D76">
            <v>0</v>
          </cell>
          <cell r="T76">
            <v>72</v>
          </cell>
        </row>
        <row r="77">
          <cell r="A77" t="str">
            <v>GLPRDXX</v>
          </cell>
          <cell r="D77">
            <v>1347</v>
          </cell>
          <cell r="T77">
            <v>610</v>
          </cell>
        </row>
        <row r="78">
          <cell r="A78" t="str">
            <v>Pole Replacement - D</v>
          </cell>
          <cell r="D78">
            <v>1354</v>
          </cell>
          <cell r="T78">
            <v>687</v>
          </cell>
        </row>
        <row r="79">
          <cell r="A79" t="str">
            <v>LAMCXX</v>
          </cell>
          <cell r="D79">
            <v>0</v>
          </cell>
          <cell r="T79">
            <v>0</v>
          </cell>
        </row>
        <row r="80">
          <cell r="A80" t="str">
            <v>Lighting-Asset Mgt</v>
          </cell>
          <cell r="D80">
            <v>0</v>
          </cell>
          <cell r="T80">
            <v>0</v>
          </cell>
        </row>
        <row r="81">
          <cell r="A81" t="str">
            <v>Capital Total</v>
          </cell>
          <cell r="D81">
            <v>240350</v>
          </cell>
          <cell r="T81">
            <v>116747</v>
          </cell>
        </row>
        <row r="84">
          <cell r="A84" t="str">
            <v xml:space="preserve">NOTE:  Ground Line Treatment (GLT) contractors will report all of the issues found on a pole that are in need of follow-up. Issues labeled as “priority” will be delivered to us the next morning. All other issues found on a pole will be “rolled” together (one line of data per pole) and delivered to us when all of the poles on a “mapsheet” (i.e. N23W18) have been inspected. Remember that a “mapsheet” contains 64 grids (i.e.N23W1801 – N23W1864). </v>
          </cell>
        </row>
        <row r="86">
          <cell r="A86" t="str">
            <v>We then take that “roll-up” data and after reviewing it for any obvious errors, upload it into eMax to create one “follow-up” work order for each pole listed. This one eMax work order is considered one unit that should be reported on the R&amp;I Scorecard when completed – 1 unit = 1 eMax Work Order. Recognize that since all “follow-up” issues for a pole are rolled together, you will see in some cases, O&amp;M and Capital items listed on the same eMax work order created during the upload. In those cases, where a work order is a mixture of O&amp;M or Capital, the completed unit should be counted as a Capital unit – below.</v>
          </cell>
        </row>
        <row r="91">
          <cell r="A91" t="str">
            <v>After the follow-up work orders have been created through the upload, engineering will, in most cases, create a “parent” work order in eMax and group many of the follow-up work orders under that one “parent” work order. Even though a “parent” work order is created, the unit you will want to capture when the work is completed and report on the 2012 R&amp;I Scorecard is the follow-up work order created during the upload.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1">
          <cell r="F1" t="str">
            <v>Bus Unit ID CB</v>
          </cell>
        </row>
      </sheetData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>
        <row r="1">
          <cell r="F1" t="str">
            <v>Bus Unit ID CB</v>
          </cell>
        </row>
      </sheetData>
      <sheetData sheetId="50"/>
      <sheetData sheetId="51"/>
      <sheetData sheetId="52"/>
      <sheetData sheetId="53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istribution Summary"/>
      <sheetName val="Veg Mgmt-YTD &amp; YE"/>
      <sheetName val="Veg Mgmt Monthly-By Program"/>
      <sheetName val="Veg Mgmt Monthly-By Region"/>
      <sheetName val="Veg Mgmt -Region Charging to VM"/>
      <sheetName val="Res Budget"/>
      <sheetName val="Programs O&amp;M-YTD"/>
      <sheetName val="Programs-By Month O&amp;M"/>
      <sheetName val="Programs Cap-YTD"/>
      <sheetName val="Programs-By Month Cap"/>
      <sheetName val="DCC Budget-O&amp;M"/>
      <sheetName val="Programs O&amp;M-YE"/>
      <sheetName val="Programs Cap-YE"/>
      <sheetName val="UG CABLE-By Month BUDGET"/>
      <sheetName val="CIR Programs-YTD"/>
      <sheetName val="CIR Programs-YE"/>
      <sheetName val="CIR Programs-By Month"/>
      <sheetName val="DAM O&amp;M"/>
      <sheetName val="TRAIN SAFETY O&amp;M"/>
      <sheetName val="Distribution Services"/>
      <sheetName val="MES Budget-Cap"/>
      <sheetName val="MES Budget-O&amp;M"/>
      <sheetName val="Units Data - Regions"/>
      <sheetName val="Units Data - Months"/>
      <sheetName val="Lookups-Base Program"/>
      <sheetName val="EDF UNITS WP"/>
      <sheetName val="NCR UNITS WP"/>
      <sheetName val="NCO UNITS WP"/>
      <sheetName val="SCO UNITS"/>
      <sheetName val="SCR UNITS WP"/>
      <sheetName val="Programs Data Dump-O&amp;M"/>
      <sheetName val="Programs Data Dump-CAP"/>
      <sheetName val="Lookups-VM Program"/>
      <sheetName val="CIR Data Dump"/>
      <sheetName val="VM Data Dump"/>
      <sheetName val="CRM"/>
      <sheetName val="CRM Data Dump-O&amp;M"/>
      <sheetName val="CRM Data Dump-CAP"/>
      <sheetName val="MES Data Dump-O&amp;M"/>
      <sheetName val="MES Data Dump-CAP"/>
      <sheetName val="DCC Data Dump-O&amp;M"/>
      <sheetName val="DISTRIB SERVICES CAP DUMP"/>
      <sheetName val="Dist Serv Data O&amp;M Dump"/>
      <sheetName val="TRAIN &amp; SAFETY Data O&amp;M Dump"/>
      <sheetName val="DAM Data O&amp;M Dump"/>
      <sheetName val="Sheet2"/>
      <sheetName val="Actual Data"/>
      <sheetName val="IN"/>
      <sheetName val="KY"/>
      <sheetName val="IN-N"/>
      <sheetName val="OH"/>
      <sheetName val="IN-SE"/>
      <sheetName val="IN-SW"/>
      <sheetName val="Distribution_Summary"/>
      <sheetName val="Veg_Mgmt-YTD_&amp;_YE"/>
      <sheetName val="Veg_Mgmt_Monthly-By_Program"/>
      <sheetName val="Veg_Mgmt_Monthly-By_Region"/>
      <sheetName val="Veg_Mgmt_-Region_Charging_to_VM"/>
      <sheetName val="Res_Budget"/>
      <sheetName val="Programs_O&amp;M-YTD"/>
      <sheetName val="Programs-By_Month_O&amp;M"/>
      <sheetName val="Programs_Cap-YTD"/>
      <sheetName val="Programs-By_Month_Cap"/>
      <sheetName val="DCC_Budget-O&amp;M"/>
      <sheetName val="Programs_O&amp;M-YE"/>
      <sheetName val="Programs_Cap-YE"/>
      <sheetName val="UG_CABLE-By_Month_BUDGET"/>
      <sheetName val="CIR_Programs-YTD"/>
      <sheetName val="CIR_Programs-YE"/>
      <sheetName val="CIR_Programs-By_Month"/>
      <sheetName val="DAM_O&amp;M"/>
      <sheetName val="TRAIN_SAFETY_O&amp;M"/>
      <sheetName val="Distribution_Services"/>
      <sheetName val="MES_Budget-Cap"/>
      <sheetName val="MES_Budget-O&amp;M"/>
      <sheetName val="Units_Data_-_Regions"/>
      <sheetName val="Units_Data_-_Months"/>
      <sheetName val="Lookups-Base_Program"/>
      <sheetName val="EDF_UNITS_WP"/>
      <sheetName val="NCR_UNITS_WP"/>
      <sheetName val="NCO_UNITS_WP"/>
      <sheetName val="SCO_UNITS"/>
      <sheetName val="SCR_UNITS_WP"/>
      <sheetName val="Programs_Data_Dump-O&amp;M"/>
      <sheetName val="Programs_Data_Dump-CAP"/>
      <sheetName val="Lookups-VM_Program"/>
      <sheetName val="CIR_Data_Dump"/>
      <sheetName val="VM_Data_Dump"/>
      <sheetName val="CRM_Data_Dump-O&amp;M"/>
      <sheetName val="CRM_Data_Dump-CAP"/>
      <sheetName val="MES_Data_Dump-O&amp;M"/>
      <sheetName val="MES_Data_Dump-CAP"/>
      <sheetName val="DCC_Data_Dump-O&amp;M"/>
      <sheetName val="DISTRIB_SERVICES_CAP_DUMP"/>
      <sheetName val="Dist_Serv_Data_O&amp;M_Dump"/>
      <sheetName val="TRAIN_&amp;_SAFETY_Data_O&amp;M_Dump"/>
      <sheetName val="DAM_Data_O&amp;M_Dump"/>
      <sheetName val="Actual_Data"/>
      <sheetName val="Distribution_Summary1"/>
      <sheetName val="Veg_Mgmt-YTD_&amp;_YE1"/>
      <sheetName val="Veg_Mgmt_Monthly-By_Program1"/>
      <sheetName val="Veg_Mgmt_Monthly-By_Region1"/>
      <sheetName val="Veg_Mgmt_-Region_Charging_to_V1"/>
      <sheetName val="Res_Budget1"/>
      <sheetName val="Programs_O&amp;M-YTD1"/>
      <sheetName val="Programs-By_Month_O&amp;M1"/>
      <sheetName val="Programs_Cap-YTD1"/>
      <sheetName val="Programs-By_Month_Cap1"/>
      <sheetName val="DCC_Budget-O&amp;M1"/>
      <sheetName val="Programs_O&amp;M-YE1"/>
      <sheetName val="Programs_Cap-YE1"/>
      <sheetName val="UG_CABLE-By_Month_BUDGET1"/>
      <sheetName val="CIR_Programs-YTD1"/>
      <sheetName val="CIR_Programs-YE1"/>
      <sheetName val="CIR_Programs-By_Month1"/>
      <sheetName val="DAM_O&amp;M1"/>
      <sheetName val="TRAIN_SAFETY_O&amp;M1"/>
      <sheetName val="Distribution_Services1"/>
      <sheetName val="MES_Budget-Cap1"/>
      <sheetName val="MES_Budget-O&amp;M1"/>
      <sheetName val="Units_Data_-_Regions1"/>
      <sheetName val="Units_Data_-_Months1"/>
      <sheetName val="Lookups-Base_Program1"/>
      <sheetName val="EDF_UNITS_WP1"/>
      <sheetName val="NCR_UNITS_WP1"/>
      <sheetName val="NCO_UNITS_WP1"/>
      <sheetName val="SCO_UNITS1"/>
      <sheetName val="SCR_UNITS_WP1"/>
      <sheetName val="Programs_Data_Dump-O&amp;M1"/>
      <sheetName val="Programs_Data_Dump-CAP1"/>
      <sheetName val="Lookups-VM_Program1"/>
      <sheetName val="CIR_Data_Dump1"/>
      <sheetName val="VM_Data_Dump1"/>
      <sheetName val="CRM_Data_Dump-O&amp;M1"/>
      <sheetName val="CRM_Data_Dump-CAP1"/>
      <sheetName val="MES_Data_Dump-O&amp;M1"/>
      <sheetName val="MES_Data_Dump-CAP1"/>
      <sheetName val="DCC_Data_Dump-O&amp;M1"/>
      <sheetName val="DISTRIB_SERVICES_CAP_DUMP1"/>
      <sheetName val="Dist_Serv_Data_O&amp;M_Dump1"/>
      <sheetName val="TRAIN_&amp;_SAFETY_Data_O&amp;M_Dump1"/>
      <sheetName val="DAM_Data_O&amp;M_Dump1"/>
      <sheetName val="Actual_Data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>
        <row r="1">
          <cell r="A1" t="str">
            <v>Job Type</v>
          </cell>
          <cell r="F1" t="str">
            <v>O&amp;M Programs</v>
          </cell>
          <cell r="I1" t="str">
            <v>Cap Programs</v>
          </cell>
        </row>
        <row r="2">
          <cell r="A2" t="str">
            <v>ZABBDC</v>
          </cell>
          <cell r="F2" t="str">
            <v>SI-AUTOMATION</v>
          </cell>
          <cell r="I2" t="str">
            <v>SI-AUTO TRANS SWITCH</v>
          </cell>
        </row>
        <row r="3">
          <cell r="A3" t="str">
            <v>ZCAPD</v>
          </cell>
          <cell r="F3" t="str">
            <v>SI-CAP INSPECT-O&amp;M</v>
          </cell>
          <cell r="I3" t="str">
            <v>SI-CAP REPL-CAP</v>
          </cell>
        </row>
        <row r="4">
          <cell r="A4" t="str">
            <v>ZCAPDLG</v>
          </cell>
          <cell r="F4" t="str">
            <v>SI-CAP MAINT-CAP</v>
          </cell>
          <cell r="I4" t="str">
            <v>SI-CAPACITOR NEW-CAP</v>
          </cell>
        </row>
        <row r="5">
          <cell r="A5" t="str">
            <v>ZCAPMDC</v>
          </cell>
          <cell r="F5" t="str">
            <v>SI-CAP MAINT-O&amp;M</v>
          </cell>
          <cell r="I5" t="str">
            <v>SI-ELECTRONIC RECL-C</v>
          </cell>
        </row>
        <row r="6">
          <cell r="A6" t="str">
            <v>ZCAPMNDM</v>
          </cell>
          <cell r="F6" t="str">
            <v>SI-FEEDER STAND-CAP</v>
          </cell>
          <cell r="I6" t="str">
            <v>SI-FEEDER STAND-CAP</v>
          </cell>
        </row>
        <row r="7">
          <cell r="A7" t="str">
            <v>ZCAPRPLNDC</v>
          </cell>
          <cell r="F7" t="str">
            <v>SI-FEEDER STAND-O&amp;M</v>
          </cell>
          <cell r="I7" t="str">
            <v>SI-HYDRAULIC RECLOSE</v>
          </cell>
        </row>
        <row r="8">
          <cell r="A8" t="str">
            <v>ZCIRAUTXSW</v>
          </cell>
          <cell r="F8" t="str">
            <v>SI-GUYING</v>
          </cell>
          <cell r="I8" t="str">
            <v>SI-IR SCAN MAINT-O&amp;M</v>
          </cell>
        </row>
        <row r="9">
          <cell r="A9" t="str">
            <v>ZCIROHSWTH</v>
          </cell>
          <cell r="F9" t="str">
            <v>SI-IR SCAN INSP-O&amp;M</v>
          </cell>
          <cell r="I9" t="str">
            <v>SI-NETWORK REPL-CAP</v>
          </cell>
        </row>
        <row r="10">
          <cell r="A10" t="str">
            <v>ZCIROHWIRE</v>
          </cell>
          <cell r="F10" t="str">
            <v>SI-IR SCAN MAINT-O&amp;M</v>
          </cell>
          <cell r="I10" t="str">
            <v>SI-NEW ABB RECL-CAP</v>
          </cell>
        </row>
        <row r="11">
          <cell r="A11" t="str">
            <v>ZCIRPOLE</v>
          </cell>
          <cell r="F11" t="str">
            <v>SI-NETWORK MAINT-O&amp;M</v>
          </cell>
          <cell r="I11" t="str">
            <v>SI-OH SWITCH-CAP</v>
          </cell>
        </row>
        <row r="12">
          <cell r="A12" t="str">
            <v>ZCIRSECOH</v>
          </cell>
          <cell r="F12" t="str">
            <v>SI-NETWORK MAP-O&amp;M</v>
          </cell>
          <cell r="I12" t="str">
            <v>SI-OH SWITCHES-REPL</v>
          </cell>
        </row>
        <row r="13">
          <cell r="A13" t="str">
            <v>ZCIRSECUG</v>
          </cell>
          <cell r="F13" t="str">
            <v>SI-POLE INSPECT-O&amp;M</v>
          </cell>
          <cell r="I13" t="str">
            <v>SI-POLE JU CLOSED</v>
          </cell>
        </row>
        <row r="14">
          <cell r="A14" t="str">
            <v>ZCIRSTBPL</v>
          </cell>
          <cell r="F14" t="str">
            <v>SI-POLE TREAT-O&amp;M</v>
          </cell>
          <cell r="I14" t="str">
            <v>SI-POLE JU OPEN</v>
          </cell>
        </row>
        <row r="15">
          <cell r="A15" t="str">
            <v>ZCIRSTBPND</v>
          </cell>
          <cell r="F15" t="str">
            <v>SI-RECLOSER INSP-O&amp;M</v>
          </cell>
          <cell r="I15" t="str">
            <v>SI-POLE REINF-CAP</v>
          </cell>
        </row>
        <row r="16">
          <cell r="A16" t="str">
            <v>ZCIRSWGD</v>
          </cell>
          <cell r="F16" t="str">
            <v>SI-RECLOSR MAINT-O&amp;M</v>
          </cell>
          <cell r="I16" t="str">
            <v>SI-POLE REPL CLOSED</v>
          </cell>
        </row>
        <row r="17">
          <cell r="A17" t="str">
            <v>ZCIRTRNSFM</v>
          </cell>
          <cell r="F17" t="str">
            <v>SI-SEBRING RELIABILI</v>
          </cell>
          <cell r="I17" t="str">
            <v>SI-POLE REPL OPEN</v>
          </cell>
        </row>
        <row r="18">
          <cell r="A18" t="str">
            <v>ZCIRUGCLRG</v>
          </cell>
          <cell r="F18" t="str">
            <v>SI-STORM HARD-CAP</v>
          </cell>
          <cell r="I18" t="str">
            <v>SI-REGULATORS-CAP</v>
          </cell>
        </row>
        <row r="19">
          <cell r="A19" t="str">
            <v>ZCIRUGCSML</v>
          </cell>
          <cell r="F19" t="str">
            <v>SI-STORM HARD-O&amp;M</v>
          </cell>
          <cell r="I19" t="str">
            <v>SI-REPL ABB RECL-CAP</v>
          </cell>
        </row>
        <row r="20">
          <cell r="A20" t="str">
            <v>ZCIRVOLTRG</v>
          </cell>
          <cell r="F20" t="str">
            <v>SI-SWITCHGEAR INSP</v>
          </cell>
          <cell r="I20" t="str">
            <v>SI-SEBRING RELIABILI</v>
          </cell>
        </row>
        <row r="21">
          <cell r="A21" t="str">
            <v>ZDAUTOIT2</v>
          </cell>
          <cell r="F21" t="str">
            <v>SI-SWITCHGEAR MAINT</v>
          </cell>
          <cell r="I21" t="str">
            <v>SI-SMALL WIRE UP-CAP</v>
          </cell>
        </row>
        <row r="22">
          <cell r="A22" t="str">
            <v>ZELECRCLSR</v>
          </cell>
          <cell r="F22" t="str">
            <v>SI-TRIP NONECRC O&amp;M</v>
          </cell>
          <cell r="I22" t="str">
            <v>SI-STORM HARD-CAP</v>
          </cell>
        </row>
        <row r="23">
          <cell r="A23" t="str">
            <v>ZFSPCEMI</v>
          </cell>
          <cell r="F23" t="str">
            <v>SI-TRIP P/R 1PH-O&amp;M</v>
          </cell>
          <cell r="I23" t="str">
            <v>SI-STORM HARD-CAP NC</v>
          </cell>
        </row>
        <row r="24">
          <cell r="A24" t="str">
            <v>ZHYDRECL</v>
          </cell>
          <cell r="F24" t="str">
            <v>SI-TRIP P/R 3PH-O&amp;M</v>
          </cell>
          <cell r="I24" t="str">
            <v>SI-STORM HARD-CAP SC</v>
          </cell>
        </row>
        <row r="25">
          <cell r="A25" t="str">
            <v>ZINFRANDM</v>
          </cell>
          <cell r="F25" t="str">
            <v>SI-TRIP1PHREMED-O&amp;M</v>
          </cell>
          <cell r="I25" t="str">
            <v>SI-SWITCHGEAR MT-CAP</v>
          </cell>
        </row>
        <row r="26">
          <cell r="A26" t="str">
            <v>ZINFREPDC</v>
          </cell>
          <cell r="F26" t="str">
            <v>SI-VOLTAGE REG INSP</v>
          </cell>
          <cell r="I26" t="str">
            <v>SI-TRIP REPL 1PH-CAP</v>
          </cell>
        </row>
        <row r="27">
          <cell r="A27" t="str">
            <v>ZINSCAPND</v>
          </cell>
          <cell r="F27" t="str">
            <v>SI-POLE REPL CLOSED</v>
          </cell>
          <cell r="I27" t="str">
            <v>SI-TRIP REPL 3PH-CAP</v>
          </cell>
        </row>
        <row r="28">
          <cell r="A28" t="str">
            <v>ZINSND</v>
          </cell>
          <cell r="F28" t="str">
            <v>SI-MODEF 1 O&amp;M</v>
          </cell>
          <cell r="I28" t="str">
            <v xml:space="preserve">SI-UG CABLE LG REPL </v>
          </cell>
        </row>
        <row r="29">
          <cell r="A29" t="str">
            <v>ZINSNETND</v>
          </cell>
          <cell r="F29" t="str">
            <v>SI-MODEF 3 O&amp;M</v>
          </cell>
          <cell r="I29" t="str">
            <v>SI-UG CABLE LG-CAP</v>
          </cell>
        </row>
        <row r="30">
          <cell r="A30" t="str">
            <v>ZINSXFND</v>
          </cell>
          <cell r="F30" t="str">
            <v>SI-FAULT INDICATOR</v>
          </cell>
          <cell r="I30" t="str">
            <v xml:space="preserve">SI-UG CABLE SM REPL </v>
          </cell>
        </row>
        <row r="31">
          <cell r="A31" t="str">
            <v>ZLCABPRPP</v>
          </cell>
          <cell r="F31" t="str">
            <v>SI-TRIP3PHREMED-O&amp;M</v>
          </cell>
          <cell r="I31" t="str">
            <v>SI-UG CABLE SM-CAP</v>
          </cell>
        </row>
        <row r="32">
          <cell r="A32" t="str">
            <v>ZLCABREPD</v>
          </cell>
          <cell r="F32" t="str">
            <v>SI-TRIP INSPECT-O&amp;M</v>
          </cell>
          <cell r="I32" t="str">
            <v>SI-UG CBL LG REP PAC</v>
          </cell>
        </row>
        <row r="33">
          <cell r="A33" t="str">
            <v>ZLCABRPRCT</v>
          </cell>
          <cell r="F33" t="str">
            <v>CIR Programs</v>
          </cell>
          <cell r="I33" t="str">
            <v>SI-UG CBL LG REP RAC</v>
          </cell>
        </row>
        <row r="34">
          <cell r="A34" t="str">
            <v>ZNETCABD</v>
          </cell>
          <cell r="F34" t="str">
            <v>CIR-PRIMARY-OH</v>
          </cell>
          <cell r="G34" t="str">
            <v>Primary</v>
          </cell>
          <cell r="I34" t="str">
            <v>SI-UG CBL SM REP PAC</v>
          </cell>
        </row>
        <row r="35">
          <cell r="A35" t="str">
            <v>ZNETWDM</v>
          </cell>
          <cell r="F35" t="str">
            <v>CIR-AUTOMATION-CAP</v>
          </cell>
          <cell r="G35" t="str">
            <v>Automation CIR</v>
          </cell>
          <cell r="I35" t="str">
            <v>SI-UG CBL SM REP RAC</v>
          </cell>
        </row>
        <row r="36">
          <cell r="A36" t="str">
            <v>ZOHSWITCH</v>
          </cell>
          <cell r="F36" t="str">
            <v>CIR-AUTO SWITCH REPL</v>
          </cell>
          <cell r="G36" t="str">
            <v>Automatic Transfer Switches</v>
          </cell>
          <cell r="I36" t="str">
            <v>SI-UG SWITCHGEAR REP</v>
          </cell>
        </row>
        <row r="37">
          <cell r="A37" t="str">
            <v>ZPOLJUCL</v>
          </cell>
          <cell r="F37" t="str">
            <v>CIR-CABLE IN CONDUIT</v>
          </cell>
          <cell r="G37" t="str">
            <v>Cable In Conduit</v>
          </cell>
          <cell r="I37" t="str">
            <v>SI-VOLTAGE REGULATOR</v>
          </cell>
        </row>
        <row r="38">
          <cell r="A38" t="str">
            <v>ZPOLJUGUY</v>
          </cell>
          <cell r="F38" t="str">
            <v>CIR-ELEC RECLSR REPL</v>
          </cell>
          <cell r="G38" t="str">
            <v>Electronic Reclosers</v>
          </cell>
          <cell r="I38" t="str">
            <v>SI-CAP MAINT-CAP</v>
          </cell>
        </row>
        <row r="39">
          <cell r="A39" t="str">
            <v>ZPOLJUOP</v>
          </cell>
          <cell r="F39" t="str">
            <v>CIR-NETWORK CABLE RE</v>
          </cell>
          <cell r="G39" t="str">
            <v>Network Cable</v>
          </cell>
          <cell r="I39" t="str">
            <v>SI-HYDRLIC RECL-CAP</v>
          </cell>
        </row>
        <row r="40">
          <cell r="A40" t="str">
            <v>ZPOORFDRDC</v>
          </cell>
          <cell r="F40" t="str">
            <v>CIR-OH SECOND/SERVIC</v>
          </cell>
          <cell r="G40" t="str">
            <v>Secondary - OH</v>
          </cell>
          <cell r="I40" t="str">
            <v>SI-RECLOSR MAINT-CAP</v>
          </cell>
        </row>
        <row r="41">
          <cell r="A41" t="str">
            <v>ZPOORFDRDM</v>
          </cell>
          <cell r="F41" t="str">
            <v>CIR-OH SWITCH REPL-C</v>
          </cell>
          <cell r="G41" t="str">
            <v>Overhead Switches</v>
          </cell>
          <cell r="I41" t="str">
            <v>SI-SPACER CABLE-CAP</v>
          </cell>
        </row>
        <row r="42">
          <cell r="A42" t="str">
            <v>ZPOORFDRNO</v>
          </cell>
          <cell r="F42" t="str">
            <v>CIR-OH WIRE REPL-CAP</v>
          </cell>
          <cell r="G42" t="str">
            <v>Overhead Wire</v>
          </cell>
          <cell r="I42" t="str">
            <v>SI-SYSTEM IMPROVEMNT</v>
          </cell>
        </row>
        <row r="43">
          <cell r="A43" t="str">
            <v>ZRECINSP</v>
          </cell>
          <cell r="F43" t="str">
            <v>CIR-POLE REPLACEMENT</v>
          </cell>
          <cell r="G43" t="str">
            <v>Pole Replacements</v>
          </cell>
          <cell r="I43" t="str">
            <v>SI-ABB RECLOSER REPL</v>
          </cell>
        </row>
        <row r="44">
          <cell r="A44" t="str">
            <v>ZRECMTDC</v>
          </cell>
          <cell r="F44" t="str">
            <v>CIR-HYD RECLSR REPL-</v>
          </cell>
          <cell r="G44" t="str">
            <v>Hydraulic Reclosers</v>
          </cell>
          <cell r="I44" t="str">
            <v>SI-MORE CAP</v>
          </cell>
        </row>
        <row r="45">
          <cell r="A45" t="str">
            <v>ZRECMTNDM</v>
          </cell>
          <cell r="F45" t="str">
            <v>CIR-PRIMARY-UG</v>
          </cell>
          <cell r="G45" t="str">
            <v>Primary</v>
          </cell>
          <cell r="I45" t="str">
            <v>SI-IR SCAN MAINT-CAP</v>
          </cell>
        </row>
        <row r="46">
          <cell r="A46" t="str">
            <v>ZREGULATOR</v>
          </cell>
          <cell r="F46" t="str">
            <v>CIR-PRIMARY</v>
          </cell>
          <cell r="G46" t="str">
            <v>Primary</v>
          </cell>
          <cell r="I46" t="str">
            <v>SI-STBPLRMVL</v>
          </cell>
        </row>
        <row r="47">
          <cell r="A47" t="str">
            <v>ZREIND</v>
          </cell>
          <cell r="F47" t="str">
            <v>CIR-SECTIONALZER REP</v>
          </cell>
          <cell r="G47" t="str">
            <v>Sectionalizers</v>
          </cell>
          <cell r="I47" t="str">
            <v>SI-AUTOMATION</v>
          </cell>
        </row>
        <row r="48">
          <cell r="A48" t="str">
            <v>ZREPAIRND</v>
          </cell>
          <cell r="F48" t="str">
            <v>CIR-STUB POLE RMVL-C</v>
          </cell>
          <cell r="G48" t="str">
            <v>Stub Pole Removals</v>
          </cell>
          <cell r="I48" t="str">
            <v>SI-NETWORK MAINT-O&amp;M</v>
          </cell>
        </row>
        <row r="49">
          <cell r="A49" t="str">
            <v>ZREPAIRND3</v>
          </cell>
          <cell r="F49" t="str">
            <v>CIR-SWITCHGEAR REPL-</v>
          </cell>
          <cell r="G49" t="str">
            <v>Switchgear</v>
          </cell>
          <cell r="I49" t="str">
            <v>SI-DISC SWITCH-CAP</v>
          </cell>
        </row>
        <row r="50">
          <cell r="A50" t="str">
            <v>ZREPD</v>
          </cell>
          <cell r="F50" t="str">
            <v>CIR-TRANSFORMER REPL</v>
          </cell>
          <cell r="G50" t="str">
            <v>Transformers</v>
          </cell>
          <cell r="I50" t="str">
            <v>SI-TARGETRELIABILITY</v>
          </cell>
        </row>
        <row r="51">
          <cell r="A51" t="str">
            <v>ZREPDOP</v>
          </cell>
          <cell r="F51" t="str">
            <v>CIR-UG CBL REPL LG-C</v>
          </cell>
          <cell r="G51" t="str">
            <v>UG Cable - Large</v>
          </cell>
          <cell r="I51" t="str">
            <v>SI-TRIP1PHMODEF</v>
          </cell>
        </row>
        <row r="52">
          <cell r="A52" t="str">
            <v>ZRPLC1PHD</v>
          </cell>
          <cell r="F52" t="str">
            <v>CIR-UG CBL REPL SM-C</v>
          </cell>
          <cell r="G52" t="str">
            <v>UG Cable - Small</v>
          </cell>
          <cell r="I52" t="str">
            <v>SI-TRIP3PHMODEF</v>
          </cell>
        </row>
        <row r="53">
          <cell r="A53" t="str">
            <v>ZRPLC1PHW</v>
          </cell>
          <cell r="F53" t="str">
            <v>CIR-UG SECOND/SERVIC</v>
          </cell>
          <cell r="G53" t="str">
            <v>Secondary - UG</v>
          </cell>
        </row>
        <row r="54">
          <cell r="A54" t="str">
            <v>ZRPLC3PHD</v>
          </cell>
          <cell r="F54" t="str">
            <v>CIR-VOLT REGULAT REP</v>
          </cell>
          <cell r="G54" t="str">
            <v>Voltage Regulators</v>
          </cell>
        </row>
        <row r="55">
          <cell r="A55" t="str">
            <v>ZRPLC3PHW</v>
          </cell>
        </row>
        <row r="56">
          <cell r="A56" t="str">
            <v>ZSCABREPD</v>
          </cell>
        </row>
        <row r="57">
          <cell r="A57" t="str">
            <v>ZSCABREPP</v>
          </cell>
        </row>
        <row r="58">
          <cell r="A58" t="str">
            <v>ZSCABRPPRG</v>
          </cell>
        </row>
        <row r="59">
          <cell r="A59" t="str">
            <v>ZSCABRPRCT</v>
          </cell>
        </row>
        <row r="60">
          <cell r="A60" t="str">
            <v>ZSCINSSCAN</v>
          </cell>
        </row>
        <row r="61">
          <cell r="A61" t="str">
            <v>ZSTRMHRD</v>
          </cell>
        </row>
        <row r="62">
          <cell r="A62" t="str">
            <v>ZSWGEARDC</v>
          </cell>
        </row>
        <row r="63">
          <cell r="A63" t="str">
            <v>ZSWGEARO</v>
          </cell>
        </row>
        <row r="64">
          <cell r="A64" t="str">
            <v>ZSWGRINSPO</v>
          </cell>
        </row>
        <row r="65">
          <cell r="A65" t="str">
            <v>ZTREATND</v>
          </cell>
        </row>
        <row r="66">
          <cell r="A66" t="str">
            <v>ZVREGINS</v>
          </cell>
        </row>
        <row r="67">
          <cell r="A67" t="str">
            <v>ZCIRCBNCON</v>
          </cell>
        </row>
        <row r="68">
          <cell r="A68" t="str">
            <v>ZCIRSECT</v>
          </cell>
        </row>
        <row r="69">
          <cell r="A69" t="str">
            <v>ZTRIPOM</v>
          </cell>
        </row>
        <row r="70">
          <cell r="A70" t="str">
            <v>ZLCABRPPRG</v>
          </cell>
        </row>
        <row r="71">
          <cell r="A71" t="str">
            <v>ZRMODEF1</v>
          </cell>
        </row>
        <row r="72">
          <cell r="A72" t="str">
            <v>ZMORECAP</v>
          </cell>
        </row>
        <row r="73">
          <cell r="A73" t="str">
            <v>ZCIRELRCLR</v>
          </cell>
        </row>
        <row r="74">
          <cell r="A74" t="str">
            <v>ZCIRHYDRCL</v>
          </cell>
        </row>
        <row r="75">
          <cell r="A75" t="str">
            <v>ZCIRNETWRK</v>
          </cell>
        </row>
        <row r="76">
          <cell r="A76" t="str">
            <v>ZRMODEF3</v>
          </cell>
        </row>
        <row r="77">
          <cell r="A77" t="str">
            <v>ZMDFAB8OM1</v>
          </cell>
        </row>
        <row r="78">
          <cell r="A78" t="str">
            <v>ZMDFAB8OM3</v>
          </cell>
        </row>
        <row r="79">
          <cell r="A79" t="str">
            <v>ZSTUBPLND</v>
          </cell>
        </row>
        <row r="80">
          <cell r="A80" t="str">
            <v>ZCRCLNOL</v>
          </cell>
        </row>
        <row r="81">
          <cell r="A81" t="str">
            <v>ZCRCLNOL3</v>
          </cell>
        </row>
        <row r="82">
          <cell r="A82" t="str">
            <v>ZDISSW600</v>
          </cell>
        </row>
        <row r="83">
          <cell r="A83" t="str">
            <v>ZFCIOM</v>
          </cell>
        </row>
      </sheetData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>
        <row r="2">
          <cell r="A2" t="str">
            <v>VM-ADMIN</v>
          </cell>
          <cell r="B2" t="str">
            <v>Admin</v>
          </cell>
        </row>
        <row r="3">
          <cell r="A3" t="str">
            <v>VM-DANGER TREE</v>
          </cell>
          <cell r="B3" t="str">
            <v>Danger Tree</v>
          </cell>
        </row>
        <row r="4">
          <cell r="A4" t="str">
            <v>VM-DEMAND</v>
          </cell>
          <cell r="B4" t="str">
            <v>Demand</v>
          </cell>
        </row>
        <row r="5">
          <cell r="A5" t="str">
            <v>VM-ECI</v>
          </cell>
          <cell r="B5" t="str">
            <v>ECI</v>
          </cell>
        </row>
        <row r="6">
          <cell r="A6" t="str">
            <v>VM-FEEDER SURVEY</v>
          </cell>
          <cell r="B6" t="str">
            <v>Feeder Survey</v>
          </cell>
        </row>
        <row r="7">
          <cell r="A7" t="str">
            <v>VM-HERBICIDE</v>
          </cell>
          <cell r="B7" t="str">
            <v>Herbicide</v>
          </cell>
        </row>
        <row r="8">
          <cell r="A8" t="str">
            <v>VM-MOWING</v>
          </cell>
          <cell r="B8" t="str">
            <v>Mowing</v>
          </cell>
        </row>
        <row r="9">
          <cell r="A9" t="str">
            <v>VM-PRODUCTIVITY</v>
          </cell>
          <cell r="B9" t="str">
            <v>Production</v>
          </cell>
        </row>
        <row r="10">
          <cell r="A10" t="str">
            <v>VM-PUBLIC EDUCATION</v>
          </cell>
          <cell r="B10" t="str">
            <v>Public Education</v>
          </cell>
        </row>
        <row r="11">
          <cell r="A11" t="str">
            <v>VM-REMOVALS</v>
          </cell>
          <cell r="B11" t="str">
            <v>Removals</v>
          </cell>
        </row>
        <row r="12">
          <cell r="A12" t="str">
            <v>VM-STORM HARDENING</v>
          </cell>
          <cell r="B12" t="str">
            <v>Storm Hardening</v>
          </cell>
        </row>
        <row r="13">
          <cell r="A13" t="str">
            <v>VM-SYSTEM SURVEY</v>
          </cell>
          <cell r="B13" t="str">
            <v>System Survey</v>
          </cell>
        </row>
      </sheetData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>
        <row r="1">
          <cell r="A1" t="str">
            <v>Job Type</v>
          </cell>
        </row>
      </sheetData>
      <sheetData sheetId="78"/>
      <sheetData sheetId="79"/>
      <sheetData sheetId="80"/>
      <sheetData sheetId="81"/>
      <sheetData sheetId="82"/>
      <sheetData sheetId="83"/>
      <sheetData sheetId="84"/>
      <sheetData sheetId="85">
        <row r="2">
          <cell r="A2" t="str">
            <v>VM-ADMIN</v>
          </cell>
        </row>
      </sheetData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Month Rolling OM"/>
      <sheetName val="Month Rolling Cap"/>
      <sheetName val="1 Cover"/>
      <sheetName val="2 EDC OM Sum (2)"/>
      <sheetName val="2 EDC OM Sum"/>
      <sheetName val="3 Group Admin Waterfall"/>
      <sheetName val="4 Regions RMC Waterfall (Cost)"/>
      <sheetName val="5 Regions RMC Waterfall (Proc)"/>
      <sheetName val="6 Distribution Waterfall (Cost)"/>
      <sheetName val="7 Distribution Waterfall (Proc)"/>
      <sheetName val="8 CMS PEC Waterfall"/>
      <sheetName val="9 CMS PEF Waterfall"/>
      <sheetName val="Budget CPU"/>
      <sheetName val="10 Service Delivery CPU"/>
      <sheetName val="11 Restore CPU"/>
      <sheetName val="Data Dump"/>
      <sheetName val="12 EDC Cap Sumb"/>
      <sheetName val="13 EDC Cap Waterfall"/>
      <sheetName val="14 Residential CPU"/>
      <sheetName val="15 C&amp;I CPU"/>
      <sheetName val="16 Lighting CPU"/>
      <sheetName val="Residential"/>
      <sheetName val="Commercial &amp; Industrial"/>
      <sheetName val="Lights"/>
      <sheetName val="For dropdowns"/>
      <sheetName val="Month_Rolling_OM"/>
      <sheetName val="Month_Rolling_Cap"/>
      <sheetName val="1_Cover"/>
      <sheetName val="2_EDC_OM_Sum_(2)"/>
      <sheetName val="2_EDC_OM_Sum"/>
      <sheetName val="3_Group_Admin_Waterfall"/>
      <sheetName val="4_Regions_RMC_Waterfall_(Cost)"/>
      <sheetName val="5_Regions_RMC_Waterfall_(Proc)"/>
      <sheetName val="6_Distribution_Waterfall_(Cost)"/>
      <sheetName val="7_Distribution_Waterfall_(Proc)"/>
      <sheetName val="8_CMS_PEC_Waterfall"/>
      <sheetName val="9_CMS_PEF_Waterfall"/>
      <sheetName val="Budget_CPU"/>
      <sheetName val="10_Service_Delivery_CPU"/>
      <sheetName val="11_Restore_CPU"/>
      <sheetName val="Data_Dump"/>
      <sheetName val="12_EDC_Cap_Sumb"/>
      <sheetName val="13_EDC_Cap_Waterfall"/>
      <sheetName val="14_Residential_CPU"/>
      <sheetName val="15_C&amp;I_CPU"/>
      <sheetName val="16_Lighting_CPU"/>
      <sheetName val="Commercial_&amp;_Industrial"/>
      <sheetName val="For_dropdowns"/>
      <sheetName val="Month_Rolling_OM1"/>
      <sheetName val="Month_Rolling_Cap1"/>
      <sheetName val="1_Cover1"/>
      <sheetName val="2_EDC_OM_Sum_(2)1"/>
      <sheetName val="2_EDC_OM_Sum1"/>
      <sheetName val="3_Group_Admin_Waterfall1"/>
      <sheetName val="4_Regions_RMC_Waterfall_(Cost)1"/>
      <sheetName val="5_Regions_RMC_Waterfall_(Proc)1"/>
      <sheetName val="6_Distribution_Waterfall_(Cost1"/>
      <sheetName val="7_Distribution_Waterfall_(Proc1"/>
      <sheetName val="8_CMS_PEC_Waterfall1"/>
      <sheetName val="9_CMS_PEF_Waterfall1"/>
      <sheetName val="Budget_CPU1"/>
      <sheetName val="10_Service_Delivery_CPU1"/>
      <sheetName val="11_Restore_CPU1"/>
      <sheetName val="Data_Dump1"/>
      <sheetName val="12_EDC_Cap_Sumb1"/>
      <sheetName val="13_EDC_Cap_Waterfall1"/>
      <sheetName val="14_Residential_CPU1"/>
      <sheetName val="15_C&amp;I_CPU1"/>
      <sheetName val="16_Lighting_CPU1"/>
      <sheetName val="Commercial_&amp;_Industrial1"/>
      <sheetName val="For_dropdowns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>
        <row r="1">
          <cell r="D1">
            <v>0</v>
          </cell>
        </row>
        <row r="2">
          <cell r="D2" t="str">
            <v>Capital Flash Summary Category*</v>
          </cell>
        </row>
        <row r="3">
          <cell r="D3" t="str">
            <v>Region Maintenance</v>
          </cell>
        </row>
        <row r="4">
          <cell r="D4" t="str">
            <v>Indirects &amp; Other</v>
          </cell>
        </row>
        <row r="5">
          <cell r="D5" t="str">
            <v>Indirects &amp; Other</v>
          </cell>
        </row>
        <row r="6">
          <cell r="D6" t="str">
            <v>Indirects &amp; Other</v>
          </cell>
        </row>
        <row r="7">
          <cell r="D7" t="str">
            <v>Indirects &amp; Other</v>
          </cell>
        </row>
        <row r="8">
          <cell r="D8" t="str">
            <v>Indirects &amp; Other</v>
          </cell>
        </row>
        <row r="9">
          <cell r="D9" t="str">
            <v>Indirects &amp; Other</v>
          </cell>
        </row>
        <row r="10">
          <cell r="D10" t="str">
            <v>Indirects &amp; Other</v>
          </cell>
        </row>
        <row r="11">
          <cell r="D11" t="str">
            <v>Indirects &amp; Other</v>
          </cell>
        </row>
        <row r="12">
          <cell r="D12" t="str">
            <v>Indirects &amp; Other</v>
          </cell>
        </row>
        <row r="13">
          <cell r="D13" t="str">
            <v>Indirects &amp; Other</v>
          </cell>
        </row>
        <row r="14">
          <cell r="D14" t="str">
            <v>Indirects &amp; Other</v>
          </cell>
        </row>
        <row r="15">
          <cell r="D15" t="str">
            <v>Indirects &amp; Other</v>
          </cell>
        </row>
        <row r="16">
          <cell r="D16" t="str">
            <v>Indirects &amp; Other</v>
          </cell>
        </row>
        <row r="17">
          <cell r="D17" t="str">
            <v>Indirects &amp; Other</v>
          </cell>
        </row>
        <row r="18">
          <cell r="D18" t="str">
            <v>Indirects &amp; Other</v>
          </cell>
        </row>
        <row r="19">
          <cell r="D19" t="str">
            <v>Indirects &amp; Other</v>
          </cell>
        </row>
        <row r="20">
          <cell r="D20" t="str">
            <v>Indirects &amp; Other</v>
          </cell>
        </row>
        <row r="21">
          <cell r="D21" t="str">
            <v>Indirects &amp; Other</v>
          </cell>
        </row>
        <row r="22">
          <cell r="D22" t="str">
            <v>EDC Major Storm</v>
          </cell>
        </row>
        <row r="23">
          <cell r="D23" t="str">
            <v>EDC Major Storm</v>
          </cell>
        </row>
        <row r="24">
          <cell r="D24" t="str">
            <v>EDC Major Storm</v>
          </cell>
        </row>
        <row r="25">
          <cell r="D25" t="str">
            <v>EDC Major Storm</v>
          </cell>
        </row>
        <row r="26">
          <cell r="D26" t="str">
            <v>EDC Major Storm</v>
          </cell>
        </row>
        <row r="27">
          <cell r="D27" t="str">
            <v>EDC Major Storm</v>
          </cell>
        </row>
        <row r="28">
          <cell r="D28" t="str">
            <v>EDC Major Storm</v>
          </cell>
        </row>
        <row r="29">
          <cell r="D29" t="str">
            <v>EDC Major Storm</v>
          </cell>
        </row>
        <row r="30">
          <cell r="D30" t="str">
            <v>EDC Major Storm</v>
          </cell>
        </row>
        <row r="31">
          <cell r="D31" t="str">
            <v>EDC Major Storm</v>
          </cell>
        </row>
        <row r="32">
          <cell r="D32" t="str">
            <v>EDC Major Storm</v>
          </cell>
        </row>
        <row r="33">
          <cell r="D33" t="str">
            <v>EDC Major Storm</v>
          </cell>
        </row>
        <row r="34">
          <cell r="D34" t="str">
            <v>EDC Major Storm</v>
          </cell>
        </row>
        <row r="35">
          <cell r="D35" t="str">
            <v>EDC Major Storm</v>
          </cell>
        </row>
        <row r="36">
          <cell r="D36" t="str">
            <v>EDC Major Storm</v>
          </cell>
        </row>
        <row r="37">
          <cell r="D37" t="str">
            <v>EDC Major Storm</v>
          </cell>
        </row>
        <row r="38">
          <cell r="D38" t="str">
            <v>EDC Major Storm</v>
          </cell>
        </row>
        <row r="39">
          <cell r="D39" t="str">
            <v>EDC Major Storm</v>
          </cell>
        </row>
        <row r="40">
          <cell r="D40" t="str">
            <v>EDC Major Storm</v>
          </cell>
        </row>
        <row r="41">
          <cell r="D41" t="str">
            <v>EDC Major Storm</v>
          </cell>
        </row>
        <row r="42">
          <cell r="D42" t="str">
            <v>EDC Major Storm</v>
          </cell>
        </row>
        <row r="43">
          <cell r="D43" t="str">
            <v>Revenue Burdens</v>
          </cell>
        </row>
        <row r="44">
          <cell r="D44" t="str">
            <v>Revenue Burdens</v>
          </cell>
        </row>
        <row r="45">
          <cell r="D45" t="str">
            <v>Revenue Burdens</v>
          </cell>
        </row>
        <row r="46">
          <cell r="D46" t="str">
            <v>Revenue Burdens</v>
          </cell>
        </row>
        <row r="47">
          <cell r="D47" t="str">
            <v>Revenue Burdens</v>
          </cell>
        </row>
        <row r="48">
          <cell r="D48" t="str">
            <v>Revenue Burdens</v>
          </cell>
        </row>
        <row r="49">
          <cell r="D49" t="str">
            <v>Revenue Burdens</v>
          </cell>
        </row>
        <row r="50">
          <cell r="D50" t="str">
            <v>Revenue Burdens</v>
          </cell>
        </row>
        <row r="51">
          <cell r="D51" t="str">
            <v>Region Maintenance</v>
          </cell>
        </row>
        <row r="52">
          <cell r="D52" t="str">
            <v>Region Maintenance</v>
          </cell>
        </row>
        <row r="53">
          <cell r="D53" t="str">
            <v>Region Maintenance</v>
          </cell>
        </row>
        <row r="54">
          <cell r="D54" t="str">
            <v>Region Maintenance</v>
          </cell>
        </row>
        <row r="55">
          <cell r="D55" t="str">
            <v>Region Maintenance</v>
          </cell>
        </row>
        <row r="56">
          <cell r="D56" t="str">
            <v>Region Maintenance</v>
          </cell>
        </row>
        <row r="57">
          <cell r="D57" t="str">
            <v>Region Maintenance</v>
          </cell>
        </row>
        <row r="58">
          <cell r="D58" t="str">
            <v>Region Maintenance</v>
          </cell>
        </row>
        <row r="59">
          <cell r="D59" t="str">
            <v>Region Maintenance</v>
          </cell>
        </row>
        <row r="60">
          <cell r="D60" t="str">
            <v>Region Maintenance</v>
          </cell>
        </row>
        <row r="61">
          <cell r="D61" t="str">
            <v>Region Maintenance</v>
          </cell>
        </row>
        <row r="62">
          <cell r="D62" t="str">
            <v>Region Maintenance</v>
          </cell>
        </row>
        <row r="63">
          <cell r="D63" t="str">
            <v>Region Maintenance</v>
          </cell>
        </row>
        <row r="64">
          <cell r="D64" t="str">
            <v>Region Maintenance</v>
          </cell>
        </row>
        <row r="65">
          <cell r="D65" t="str">
            <v>Region Maintenance</v>
          </cell>
        </row>
        <row r="66">
          <cell r="D66" t="str">
            <v>Region Maintenance</v>
          </cell>
        </row>
        <row r="67">
          <cell r="D67" t="str">
            <v>Region Maintenance</v>
          </cell>
        </row>
        <row r="68">
          <cell r="D68" t="str">
            <v>Region Maintenance</v>
          </cell>
        </row>
        <row r="69">
          <cell r="D69" t="str">
            <v>Region Maintenance</v>
          </cell>
        </row>
        <row r="70">
          <cell r="D70" t="str">
            <v>Region Maintenance</v>
          </cell>
        </row>
        <row r="71">
          <cell r="D71" t="str">
            <v>Region Maintenance</v>
          </cell>
        </row>
        <row r="72">
          <cell r="D72" t="str">
            <v>Region Maintenance</v>
          </cell>
        </row>
        <row r="73">
          <cell r="D73" t="str">
            <v>Region Maintenance</v>
          </cell>
        </row>
        <row r="74">
          <cell r="D74" t="str">
            <v>Region Maintenance</v>
          </cell>
        </row>
        <row r="75">
          <cell r="D75" t="str">
            <v>Region Maintenance</v>
          </cell>
        </row>
        <row r="76">
          <cell r="D76" t="str">
            <v>Region Maintenance</v>
          </cell>
        </row>
        <row r="77">
          <cell r="D77" t="str">
            <v>Region Maintenance</v>
          </cell>
        </row>
        <row r="78">
          <cell r="D78" t="str">
            <v>Region Maintenance</v>
          </cell>
        </row>
        <row r="79">
          <cell r="D79" t="str">
            <v>Region Maintenance</v>
          </cell>
        </row>
        <row r="80">
          <cell r="D80" t="str">
            <v>Region Maintenance</v>
          </cell>
        </row>
        <row r="81">
          <cell r="D81" t="str">
            <v>Region Maintenance</v>
          </cell>
        </row>
        <row r="82">
          <cell r="D82" t="str">
            <v>Region Maintenance</v>
          </cell>
        </row>
        <row r="83">
          <cell r="D83" t="str">
            <v>Region Maintenance</v>
          </cell>
        </row>
        <row r="84">
          <cell r="D84" t="str">
            <v>Region Maintenance</v>
          </cell>
        </row>
        <row r="85">
          <cell r="D85" t="str">
            <v>Region Maintenance</v>
          </cell>
        </row>
        <row r="86">
          <cell r="D86" t="str">
            <v>Region Maintenance</v>
          </cell>
        </row>
        <row r="87">
          <cell r="D87" t="str">
            <v>Region Maintenance</v>
          </cell>
        </row>
        <row r="88">
          <cell r="D88" t="str">
            <v>Region Maintenance</v>
          </cell>
        </row>
        <row r="89">
          <cell r="D89" t="str">
            <v>Region Maintenance</v>
          </cell>
        </row>
        <row r="90">
          <cell r="D90" t="str">
            <v>Region Maintenance</v>
          </cell>
        </row>
        <row r="91">
          <cell r="D91" t="str">
            <v>Region Maintenance</v>
          </cell>
        </row>
        <row r="92">
          <cell r="D92" t="str">
            <v>Region Maintenance</v>
          </cell>
        </row>
        <row r="93">
          <cell r="D93" t="str">
            <v>Region Maintenance</v>
          </cell>
        </row>
        <row r="94">
          <cell r="D94" t="str">
            <v>Region Maintenance</v>
          </cell>
        </row>
        <row r="95">
          <cell r="D95" t="str">
            <v>Region Maintenance</v>
          </cell>
        </row>
        <row r="96">
          <cell r="D96" t="str">
            <v>Region Maintenance</v>
          </cell>
        </row>
        <row r="97">
          <cell r="D97" t="str">
            <v>Region Maintenance</v>
          </cell>
        </row>
        <row r="98">
          <cell r="D98" t="str">
            <v>Region Maintenance</v>
          </cell>
        </row>
        <row r="99">
          <cell r="D99" t="str">
            <v>Region Maintenance</v>
          </cell>
        </row>
        <row r="100">
          <cell r="D100" t="str">
            <v>Region Maintenance</v>
          </cell>
        </row>
        <row r="101">
          <cell r="D101" t="str">
            <v>Region Maintenance</v>
          </cell>
        </row>
        <row r="102">
          <cell r="D102" t="str">
            <v>Region Maintenance</v>
          </cell>
        </row>
        <row r="103">
          <cell r="D103" t="str">
            <v>Region Maintenance</v>
          </cell>
        </row>
        <row r="104">
          <cell r="D104" t="str">
            <v>Region Maintenance</v>
          </cell>
        </row>
        <row r="105">
          <cell r="D105" t="str">
            <v>Region Maintenance</v>
          </cell>
        </row>
        <row r="106">
          <cell r="D106" t="str">
            <v>Region Maintenance</v>
          </cell>
        </row>
        <row r="107">
          <cell r="D107" t="str">
            <v>Region Maintenance</v>
          </cell>
        </row>
        <row r="108">
          <cell r="D108" t="str">
            <v>Region Maintenance</v>
          </cell>
        </row>
        <row r="109">
          <cell r="D109" t="str">
            <v>Region Maintenance</v>
          </cell>
        </row>
        <row r="110">
          <cell r="D110" t="str">
            <v>Region Maintenance</v>
          </cell>
        </row>
        <row r="111">
          <cell r="D111" t="str">
            <v>Region Maintenance</v>
          </cell>
        </row>
        <row r="112">
          <cell r="D112" t="str">
            <v>Region Maintenance</v>
          </cell>
        </row>
        <row r="113">
          <cell r="D113" t="str">
            <v>Region Maintenance</v>
          </cell>
        </row>
        <row r="114">
          <cell r="D114" t="str">
            <v>Region Maintenance</v>
          </cell>
        </row>
        <row r="115">
          <cell r="D115" t="str">
            <v>Region Maintenance</v>
          </cell>
        </row>
        <row r="116">
          <cell r="D116" t="str">
            <v>Region Maintenance</v>
          </cell>
        </row>
        <row r="117">
          <cell r="D117" t="str">
            <v>Region Maintenance</v>
          </cell>
        </row>
        <row r="118">
          <cell r="D118" t="str">
            <v>Region Maintenance</v>
          </cell>
        </row>
        <row r="119">
          <cell r="D119" t="str">
            <v>Region Maintenance</v>
          </cell>
        </row>
        <row r="120">
          <cell r="D120" t="str">
            <v>Region Maintenance</v>
          </cell>
        </row>
        <row r="121">
          <cell r="D121" t="str">
            <v>Region Maintenance</v>
          </cell>
        </row>
        <row r="122">
          <cell r="D122" t="str">
            <v>Region Maintenance</v>
          </cell>
        </row>
        <row r="123">
          <cell r="D123" t="str">
            <v>Region Maintenance</v>
          </cell>
        </row>
        <row r="124">
          <cell r="D124" t="str">
            <v>Region Maintenance</v>
          </cell>
        </row>
        <row r="125">
          <cell r="D125" t="str">
            <v>Region Maintenance</v>
          </cell>
        </row>
        <row r="126">
          <cell r="D126" t="str">
            <v>Region Maintenance</v>
          </cell>
        </row>
        <row r="127">
          <cell r="D127" t="str">
            <v>Region Maintenance</v>
          </cell>
        </row>
        <row r="128">
          <cell r="D128" t="str">
            <v>Region Maintenance</v>
          </cell>
        </row>
        <row r="129">
          <cell r="D129" t="str">
            <v>Region Maintenance</v>
          </cell>
        </row>
        <row r="130">
          <cell r="D130" t="str">
            <v>Region Maintenance</v>
          </cell>
        </row>
        <row r="131">
          <cell r="D131" t="str">
            <v>Region Maintenance</v>
          </cell>
        </row>
        <row r="132">
          <cell r="D132" t="str">
            <v>Region Maintenance</v>
          </cell>
        </row>
        <row r="133">
          <cell r="D133" t="str">
            <v>Region Maintenance</v>
          </cell>
        </row>
        <row r="134">
          <cell r="D134" t="str">
            <v>Region Maintenance</v>
          </cell>
        </row>
        <row r="135">
          <cell r="D135" t="str">
            <v>Region Maintenance</v>
          </cell>
        </row>
        <row r="136">
          <cell r="D136" t="str">
            <v>Region Maintenance</v>
          </cell>
        </row>
        <row r="137">
          <cell r="D137" t="str">
            <v>Region Maintenance</v>
          </cell>
        </row>
        <row r="138">
          <cell r="D138" t="str">
            <v>Region Maintenance</v>
          </cell>
        </row>
        <row r="139">
          <cell r="D139" t="str">
            <v>Region Maintenance</v>
          </cell>
        </row>
        <row r="140">
          <cell r="D140" t="str">
            <v>Region Maintenance</v>
          </cell>
        </row>
        <row r="141">
          <cell r="D141" t="str">
            <v>Region Maintenance</v>
          </cell>
        </row>
        <row r="142">
          <cell r="D142" t="str">
            <v>Region Maintenance</v>
          </cell>
        </row>
        <row r="143">
          <cell r="D143" t="str">
            <v>Region Maintenance</v>
          </cell>
        </row>
        <row r="144">
          <cell r="D144" t="str">
            <v>Region Maintenance</v>
          </cell>
        </row>
        <row r="145">
          <cell r="D145" t="str">
            <v>Region Maintenance</v>
          </cell>
        </row>
        <row r="146">
          <cell r="D146" t="str">
            <v>Region Maintenance</v>
          </cell>
        </row>
        <row r="147">
          <cell r="D147" t="str">
            <v>Region Maintenance</v>
          </cell>
        </row>
        <row r="148">
          <cell r="D148" t="str">
            <v>Region Maintenance</v>
          </cell>
        </row>
        <row r="149">
          <cell r="D149" t="str">
            <v>Region Maintenance</v>
          </cell>
        </row>
        <row r="150">
          <cell r="D150" t="str">
            <v>Region Maintenance</v>
          </cell>
        </row>
        <row r="151">
          <cell r="D151" t="str">
            <v>Region Maintenance</v>
          </cell>
        </row>
        <row r="152">
          <cell r="D152" t="str">
            <v>Region Maintenance</v>
          </cell>
        </row>
        <row r="153">
          <cell r="D153" t="str">
            <v>Region Maintenance</v>
          </cell>
        </row>
        <row r="154">
          <cell r="D154" t="str">
            <v>Region Maintenance</v>
          </cell>
        </row>
        <row r="155">
          <cell r="D155" t="str">
            <v>Region Maintenance</v>
          </cell>
        </row>
        <row r="156">
          <cell r="D156" t="str">
            <v>Region Maintenance</v>
          </cell>
        </row>
        <row r="157">
          <cell r="D157" t="str">
            <v>Region Maintenance</v>
          </cell>
        </row>
        <row r="158">
          <cell r="D158" t="str">
            <v>Region Maintenance</v>
          </cell>
        </row>
        <row r="159">
          <cell r="D159" t="str">
            <v>Region Maintenance</v>
          </cell>
        </row>
        <row r="160">
          <cell r="D160" t="str">
            <v>Region Maintenance</v>
          </cell>
        </row>
        <row r="161">
          <cell r="D161" t="str">
            <v>Region Maintenance</v>
          </cell>
        </row>
        <row r="162">
          <cell r="D162" t="str">
            <v>Region Maintenance</v>
          </cell>
        </row>
        <row r="163">
          <cell r="D163" t="str">
            <v>Region Maintenance</v>
          </cell>
        </row>
        <row r="164">
          <cell r="D164" t="str">
            <v>Region Maintenance</v>
          </cell>
        </row>
        <row r="165">
          <cell r="D165" t="str">
            <v>Region Maintenance</v>
          </cell>
        </row>
        <row r="166">
          <cell r="D166" t="str">
            <v>Region Maintenance</v>
          </cell>
        </row>
        <row r="167">
          <cell r="D167" t="str">
            <v>Region Maintenance</v>
          </cell>
        </row>
        <row r="168">
          <cell r="D168" t="str">
            <v>Region Maintenance</v>
          </cell>
        </row>
        <row r="169">
          <cell r="D169" t="str">
            <v>Region Maintenance</v>
          </cell>
        </row>
        <row r="170">
          <cell r="D170" t="str">
            <v>Region Maintenance</v>
          </cell>
        </row>
        <row r="171">
          <cell r="D171" t="str">
            <v>Region Maintenance</v>
          </cell>
        </row>
        <row r="172">
          <cell r="D172" t="str">
            <v>Region Maintenance</v>
          </cell>
        </row>
        <row r="173">
          <cell r="D173" t="str">
            <v>Region Maintenance</v>
          </cell>
        </row>
        <row r="174">
          <cell r="D174" t="str">
            <v>Region Maintenance</v>
          </cell>
        </row>
        <row r="175">
          <cell r="D175" t="str">
            <v>Region Maintenance</v>
          </cell>
        </row>
        <row r="176">
          <cell r="D176" t="str">
            <v>Region Maintenance</v>
          </cell>
        </row>
        <row r="177">
          <cell r="D177" t="str">
            <v>Region Maintenance</v>
          </cell>
        </row>
        <row r="178">
          <cell r="D178" t="str">
            <v>Region Maintenance</v>
          </cell>
        </row>
        <row r="179">
          <cell r="D179" t="str">
            <v>Region Maintenance</v>
          </cell>
        </row>
        <row r="180">
          <cell r="D180" t="str">
            <v>Region Maintenance</v>
          </cell>
        </row>
        <row r="181">
          <cell r="D181" t="str">
            <v>Region Maintenance</v>
          </cell>
        </row>
        <row r="182">
          <cell r="D182" t="str">
            <v>Region Maintenance</v>
          </cell>
        </row>
        <row r="183">
          <cell r="D183" t="str">
            <v>Region Maintenance</v>
          </cell>
        </row>
        <row r="184">
          <cell r="D184" t="str">
            <v>Region Maintenance</v>
          </cell>
        </row>
        <row r="185">
          <cell r="D185" t="str">
            <v>Region Maintenance</v>
          </cell>
        </row>
        <row r="186">
          <cell r="D186" t="str">
            <v>Region Maintenance</v>
          </cell>
        </row>
        <row r="187">
          <cell r="D187" t="str">
            <v>Region Maintenance</v>
          </cell>
        </row>
        <row r="188">
          <cell r="D188" t="str">
            <v>Region Maintenance</v>
          </cell>
        </row>
        <row r="189">
          <cell r="D189" t="str">
            <v>Region Maintenance</v>
          </cell>
        </row>
        <row r="190">
          <cell r="D190" t="str">
            <v>Region Maintenance</v>
          </cell>
        </row>
        <row r="191">
          <cell r="D191" t="str">
            <v>Region Maintenance</v>
          </cell>
        </row>
        <row r="192">
          <cell r="D192" t="str">
            <v>Region Maintenance</v>
          </cell>
        </row>
        <row r="193">
          <cell r="D193" t="str">
            <v>Region Maintenance</v>
          </cell>
        </row>
        <row r="194">
          <cell r="D194" t="str">
            <v>Region Maintenance</v>
          </cell>
        </row>
        <row r="195">
          <cell r="D195" t="str">
            <v>Region Maintenance</v>
          </cell>
        </row>
        <row r="196">
          <cell r="D196" t="str">
            <v>Region Maintenance</v>
          </cell>
        </row>
        <row r="197">
          <cell r="D197" t="str">
            <v>Region Maintenance</v>
          </cell>
        </row>
        <row r="198">
          <cell r="D198" t="str">
            <v>Region Maintenance</v>
          </cell>
        </row>
        <row r="199">
          <cell r="D199" t="str">
            <v>Region Maintenance</v>
          </cell>
        </row>
        <row r="200">
          <cell r="D200" t="str">
            <v>Region Maintenance</v>
          </cell>
        </row>
        <row r="201">
          <cell r="D201" t="str">
            <v>Region Maintenance</v>
          </cell>
        </row>
        <row r="202">
          <cell r="D202" t="str">
            <v>Region Maintenance</v>
          </cell>
        </row>
        <row r="203">
          <cell r="D203" t="str">
            <v>Region Maintenance</v>
          </cell>
        </row>
        <row r="204">
          <cell r="D204" t="str">
            <v>Region Maintenance</v>
          </cell>
        </row>
        <row r="205">
          <cell r="D205" t="str">
            <v>Region Maintenance</v>
          </cell>
        </row>
        <row r="206">
          <cell r="D206" t="str">
            <v>Region Maintenance</v>
          </cell>
        </row>
        <row r="207">
          <cell r="D207" t="str">
            <v>Region Maintenance</v>
          </cell>
        </row>
        <row r="208">
          <cell r="D208" t="str">
            <v>Region Maintenance</v>
          </cell>
        </row>
        <row r="209">
          <cell r="D209" t="str">
            <v>Region Maintenance</v>
          </cell>
        </row>
        <row r="210">
          <cell r="D210" t="str">
            <v>Region Maintenance</v>
          </cell>
        </row>
        <row r="211">
          <cell r="D211" t="str">
            <v>Region Maintenance</v>
          </cell>
        </row>
        <row r="212">
          <cell r="D212" t="str">
            <v>Region Maintenance</v>
          </cell>
        </row>
        <row r="213">
          <cell r="D213" t="str">
            <v>Region Maintenance</v>
          </cell>
        </row>
        <row r="214">
          <cell r="D214" t="str">
            <v>Region Maintenance</v>
          </cell>
        </row>
        <row r="215">
          <cell r="D215" t="str">
            <v>Region Maintenance</v>
          </cell>
        </row>
        <row r="216">
          <cell r="D216" t="str">
            <v>Region Maintenance</v>
          </cell>
        </row>
        <row r="217">
          <cell r="D217" t="str">
            <v>Region Maintenance</v>
          </cell>
        </row>
        <row r="218">
          <cell r="D218" t="str">
            <v>Region Maintenance</v>
          </cell>
        </row>
        <row r="219">
          <cell r="D219" t="str">
            <v>Region Maintenance</v>
          </cell>
        </row>
        <row r="220">
          <cell r="D220" t="str">
            <v>Region Maintenance</v>
          </cell>
        </row>
        <row r="221">
          <cell r="D221" t="str">
            <v>Region Maintenance</v>
          </cell>
        </row>
        <row r="222">
          <cell r="D222" t="str">
            <v>Region Maintenance</v>
          </cell>
        </row>
        <row r="223">
          <cell r="D223" t="str">
            <v>Region Maintenance</v>
          </cell>
        </row>
        <row r="224">
          <cell r="D224" t="str">
            <v>Region Maintenance</v>
          </cell>
        </row>
        <row r="225">
          <cell r="D225" t="str">
            <v>Highway Conflicts &amp; Streetscapes</v>
          </cell>
        </row>
        <row r="226">
          <cell r="D226" t="str">
            <v>Highway Conflicts &amp; Streetscapes</v>
          </cell>
        </row>
        <row r="227">
          <cell r="D227" t="str">
            <v>Highway Conflicts &amp; Streetscapes</v>
          </cell>
        </row>
        <row r="228">
          <cell r="D228" t="str">
            <v>Highway Conflicts &amp; Streetscapes</v>
          </cell>
        </row>
        <row r="229">
          <cell r="D229" t="str">
            <v>Highway Conflicts &amp; Streetscapes</v>
          </cell>
        </row>
        <row r="230">
          <cell r="D230" t="str">
            <v>Highway Conflicts &amp; Streetscapes</v>
          </cell>
        </row>
        <row r="231">
          <cell r="D231" t="str">
            <v>Highway Conflicts &amp; Streetscapes</v>
          </cell>
        </row>
        <row r="232">
          <cell r="D232" t="str">
            <v>Lighting Maintenance</v>
          </cell>
        </row>
        <row r="233">
          <cell r="D233" t="str">
            <v>Lighting Maintenance</v>
          </cell>
        </row>
        <row r="234">
          <cell r="D234" t="str">
            <v>Lighting Maintenance</v>
          </cell>
        </row>
        <row r="235">
          <cell r="D235" t="str">
            <v>Lighting Maintenance</v>
          </cell>
        </row>
        <row r="236">
          <cell r="D236" t="str">
            <v>Lighting Maintenance</v>
          </cell>
        </row>
        <row r="237">
          <cell r="D237" t="str">
            <v>Lighting Maintenance</v>
          </cell>
        </row>
        <row r="238">
          <cell r="D238" t="str">
            <v>Lighting Maintenance</v>
          </cell>
        </row>
        <row r="239">
          <cell r="D239" t="str">
            <v>Lighting Maintenance</v>
          </cell>
        </row>
        <row r="240">
          <cell r="D240" t="str">
            <v>Lighting Maintenance</v>
          </cell>
        </row>
        <row r="241">
          <cell r="D241" t="str">
            <v>Restore</v>
          </cell>
        </row>
        <row r="242">
          <cell r="D242" t="str">
            <v>Restore</v>
          </cell>
        </row>
        <row r="243">
          <cell r="D243" t="str">
            <v>Restore</v>
          </cell>
        </row>
        <row r="244">
          <cell r="D244" t="str">
            <v>Restore</v>
          </cell>
        </row>
        <row r="245">
          <cell r="D245" t="str">
            <v>Restore</v>
          </cell>
        </row>
        <row r="246">
          <cell r="D246" t="str">
            <v>Restore</v>
          </cell>
        </row>
        <row r="247">
          <cell r="D247" t="str">
            <v>Restore</v>
          </cell>
        </row>
        <row r="248">
          <cell r="D248" t="str">
            <v>Restore</v>
          </cell>
        </row>
        <row r="249">
          <cell r="D249" t="str">
            <v>Restore</v>
          </cell>
        </row>
        <row r="250">
          <cell r="D250" t="str">
            <v>Restore</v>
          </cell>
        </row>
        <row r="251">
          <cell r="D251" t="str">
            <v>Restore</v>
          </cell>
        </row>
        <row r="252">
          <cell r="D252" t="str">
            <v>Restore</v>
          </cell>
        </row>
        <row r="253">
          <cell r="D253" t="str">
            <v>Restore</v>
          </cell>
        </row>
        <row r="254">
          <cell r="D254" t="str">
            <v>Restore</v>
          </cell>
        </row>
        <row r="255">
          <cell r="D255" t="str">
            <v>Restore</v>
          </cell>
        </row>
        <row r="256">
          <cell r="D256" t="str">
            <v>Restore</v>
          </cell>
        </row>
        <row r="257">
          <cell r="D257" t="str">
            <v>Restore</v>
          </cell>
        </row>
        <row r="258">
          <cell r="D258" t="str">
            <v>Restore</v>
          </cell>
        </row>
        <row r="259">
          <cell r="D259" t="str">
            <v>Restore</v>
          </cell>
        </row>
        <row r="260">
          <cell r="D260" t="str">
            <v>Restore</v>
          </cell>
        </row>
        <row r="261">
          <cell r="D261" t="str">
            <v>Restore</v>
          </cell>
        </row>
        <row r="262">
          <cell r="D262" t="str">
            <v>Restore</v>
          </cell>
        </row>
        <row r="263">
          <cell r="D263" t="str">
            <v>Restore</v>
          </cell>
        </row>
        <row r="264">
          <cell r="D264" t="str">
            <v>Restore</v>
          </cell>
        </row>
        <row r="265">
          <cell r="D265" t="str">
            <v>Restore</v>
          </cell>
        </row>
        <row r="266">
          <cell r="D266" t="str">
            <v>Restore</v>
          </cell>
        </row>
        <row r="267">
          <cell r="D267" t="str">
            <v>Restore</v>
          </cell>
        </row>
        <row r="268">
          <cell r="D268" t="str">
            <v>Indirects &amp; Other</v>
          </cell>
        </row>
        <row r="269">
          <cell r="D269" t="str">
            <v>Indirects &amp; Other</v>
          </cell>
        </row>
        <row r="270">
          <cell r="D270" t="str">
            <v>Indirects &amp; Other</v>
          </cell>
        </row>
        <row r="271">
          <cell r="D271" t="str">
            <v>Indirects &amp; Other</v>
          </cell>
        </row>
        <row r="272">
          <cell r="D272" t="str">
            <v>Indirects &amp; Other</v>
          </cell>
        </row>
        <row r="273">
          <cell r="D273" t="str">
            <v>Indirects &amp; Other</v>
          </cell>
        </row>
        <row r="274">
          <cell r="D274" t="str">
            <v>Indirects &amp; Other</v>
          </cell>
        </row>
        <row r="275">
          <cell r="D275" t="str">
            <v>Indirects &amp; Other</v>
          </cell>
        </row>
        <row r="276">
          <cell r="D276" t="str">
            <v>Indirects &amp; Other</v>
          </cell>
        </row>
        <row r="277">
          <cell r="D277" t="str">
            <v>Indirects &amp; Other</v>
          </cell>
        </row>
        <row r="278">
          <cell r="D278" t="str">
            <v>Indirects &amp; Other</v>
          </cell>
        </row>
        <row r="279">
          <cell r="D279" t="str">
            <v>Indirects &amp; Other</v>
          </cell>
        </row>
        <row r="280">
          <cell r="D280" t="str">
            <v>Indirects &amp; Other</v>
          </cell>
        </row>
        <row r="281">
          <cell r="D281" t="str">
            <v>Indirects &amp; Other</v>
          </cell>
        </row>
        <row r="282">
          <cell r="D282" t="str">
            <v>Indirects &amp; Other</v>
          </cell>
        </row>
        <row r="283">
          <cell r="D283" t="str">
            <v>Indirects &amp; Other</v>
          </cell>
        </row>
        <row r="284">
          <cell r="D284" t="str">
            <v>Indirects &amp; Other</v>
          </cell>
        </row>
        <row r="285">
          <cell r="D285" t="str">
            <v>Indirects &amp; Other</v>
          </cell>
        </row>
        <row r="286">
          <cell r="D286" t="str">
            <v>Indirects &amp; Other</v>
          </cell>
        </row>
        <row r="287">
          <cell r="D287" t="str">
            <v>Indirects &amp; Other</v>
          </cell>
        </row>
        <row r="288">
          <cell r="D288" t="str">
            <v>Indirects &amp; Other</v>
          </cell>
        </row>
        <row r="289">
          <cell r="D289" t="str">
            <v>Indirects &amp; Other</v>
          </cell>
        </row>
        <row r="290">
          <cell r="D290" t="str">
            <v>Indirects &amp; Other</v>
          </cell>
        </row>
        <row r="291">
          <cell r="D291" t="str">
            <v>Indirects &amp; Other</v>
          </cell>
        </row>
        <row r="292">
          <cell r="D292" t="str">
            <v>Indirects &amp; Other</v>
          </cell>
        </row>
        <row r="293">
          <cell r="D293" t="str">
            <v>Indirects &amp; Other</v>
          </cell>
        </row>
        <row r="294">
          <cell r="D294" t="str">
            <v>Indirects &amp; Other</v>
          </cell>
        </row>
        <row r="295">
          <cell r="D295" t="str">
            <v>Indirects &amp; Other</v>
          </cell>
        </row>
        <row r="296">
          <cell r="D296" t="str">
            <v>Indirects &amp; Other</v>
          </cell>
        </row>
        <row r="297">
          <cell r="D297" t="str">
            <v>Indirects &amp; Other</v>
          </cell>
        </row>
        <row r="298">
          <cell r="D298" t="str">
            <v>Indirects &amp; Other</v>
          </cell>
        </row>
        <row r="299">
          <cell r="D299" t="str">
            <v>Indirects &amp; Other</v>
          </cell>
        </row>
        <row r="300">
          <cell r="D300" t="str">
            <v>Indirects &amp; Other</v>
          </cell>
        </row>
        <row r="301">
          <cell r="D301" t="str">
            <v>Indirects &amp; Other</v>
          </cell>
        </row>
        <row r="302">
          <cell r="D302" t="str">
            <v>Indirects &amp; Other</v>
          </cell>
        </row>
        <row r="303">
          <cell r="D303" t="str">
            <v>Indirects &amp; Other</v>
          </cell>
        </row>
        <row r="304">
          <cell r="D304" t="str">
            <v>Indirects &amp; Other</v>
          </cell>
        </row>
        <row r="305">
          <cell r="D305" t="str">
            <v>Indirects &amp; Other</v>
          </cell>
        </row>
        <row r="306">
          <cell r="D306" t="str">
            <v>Indirects &amp; Other</v>
          </cell>
        </row>
        <row r="307">
          <cell r="D307" t="str">
            <v>Indirects &amp; Other</v>
          </cell>
        </row>
        <row r="308">
          <cell r="D308" t="str">
            <v>Indirects &amp; Other</v>
          </cell>
        </row>
        <row r="309">
          <cell r="D309" t="str">
            <v>Indirects &amp; Other</v>
          </cell>
        </row>
        <row r="310">
          <cell r="D310" t="str">
            <v>Indirects &amp; Other</v>
          </cell>
        </row>
        <row r="311">
          <cell r="D311" t="str">
            <v>Indirects &amp; Other</v>
          </cell>
        </row>
        <row r="312">
          <cell r="D312" t="str">
            <v>Indirects &amp; Other</v>
          </cell>
        </row>
        <row r="313">
          <cell r="D313" t="str">
            <v>Indirects &amp; Other</v>
          </cell>
        </row>
        <row r="314">
          <cell r="D314" t="str">
            <v>Indirects &amp; Other</v>
          </cell>
        </row>
        <row r="315">
          <cell r="D315" t="str">
            <v>Region Managed Fund</v>
          </cell>
        </row>
        <row r="316">
          <cell r="D316" t="str">
            <v>Region Managed Fund</v>
          </cell>
        </row>
        <row r="317">
          <cell r="D317" t="str">
            <v>Large Revenue Construction</v>
          </cell>
        </row>
        <row r="318">
          <cell r="D318" t="str">
            <v>Large Revenue Construction</v>
          </cell>
        </row>
        <row r="319">
          <cell r="D319" t="str">
            <v>Large Revenue Construction</v>
          </cell>
        </row>
        <row r="320">
          <cell r="D320" t="str">
            <v>Large Revenue Construction</v>
          </cell>
        </row>
        <row r="321">
          <cell r="D321" t="str">
            <v>Large Revenue Construction</v>
          </cell>
        </row>
        <row r="322">
          <cell r="D322" t="str">
            <v>Large Revenue Construction</v>
          </cell>
        </row>
        <row r="323">
          <cell r="D323" t="str">
            <v>Large Revenue Construction</v>
          </cell>
        </row>
        <row r="324">
          <cell r="D324" t="str">
            <v>Large Revenue Construction</v>
          </cell>
        </row>
        <row r="325">
          <cell r="D325" t="str">
            <v>Large Revenue Construction</v>
          </cell>
        </row>
        <row r="326">
          <cell r="D326" t="str">
            <v>Large Revenue Construction</v>
          </cell>
        </row>
        <row r="327">
          <cell r="D327" t="str">
            <v>Large Revenue Construction</v>
          </cell>
        </row>
        <row r="328">
          <cell r="D328" t="str">
            <v>Large Revenue Construction</v>
          </cell>
        </row>
        <row r="329">
          <cell r="D329" t="str">
            <v>Large Revenue Construction</v>
          </cell>
        </row>
        <row r="330">
          <cell r="D330" t="str">
            <v>Large Revenue Construction</v>
          </cell>
        </row>
        <row r="331">
          <cell r="D331" t="str">
            <v>Large Revenue Construction</v>
          </cell>
        </row>
        <row r="332">
          <cell r="D332" t="str">
            <v>Large Revenue Construction</v>
          </cell>
        </row>
        <row r="333">
          <cell r="D333" t="str">
            <v>Large Revenue Construction</v>
          </cell>
        </row>
        <row r="334">
          <cell r="D334" t="str">
            <v>Large Revenue Construction</v>
          </cell>
        </row>
        <row r="335">
          <cell r="D335" t="str">
            <v>Large Revenue Construction</v>
          </cell>
        </row>
        <row r="336">
          <cell r="D336" t="str">
            <v>Large Revenue Construction</v>
          </cell>
        </row>
        <row r="337">
          <cell r="D337" t="str">
            <v>Large Revenue Construction</v>
          </cell>
        </row>
        <row r="338">
          <cell r="D338" t="str">
            <v>Large Revenue Construction</v>
          </cell>
        </row>
        <row r="339">
          <cell r="D339" t="str">
            <v>Large Revenue Construction</v>
          </cell>
        </row>
        <row r="340">
          <cell r="D340" t="str">
            <v>Large Revenue Construction</v>
          </cell>
        </row>
        <row r="341">
          <cell r="D341" t="str">
            <v>Large Revenue Construction</v>
          </cell>
        </row>
        <row r="342">
          <cell r="D342" t="str">
            <v>Load Growth</v>
          </cell>
        </row>
        <row r="343">
          <cell r="D343" t="str">
            <v>Load Growth</v>
          </cell>
        </row>
        <row r="344">
          <cell r="D344" t="str">
            <v>Load Growth</v>
          </cell>
        </row>
        <row r="345">
          <cell r="D345" t="str">
            <v>Load Growth</v>
          </cell>
        </row>
        <row r="346">
          <cell r="D346" t="str">
            <v>Load Growth</v>
          </cell>
        </row>
        <row r="347">
          <cell r="D347" t="str">
            <v>Load Growth</v>
          </cell>
        </row>
        <row r="348">
          <cell r="D348" t="str">
            <v>Load Growth</v>
          </cell>
        </row>
        <row r="349">
          <cell r="D349" t="str">
            <v>Load Growth</v>
          </cell>
        </row>
        <row r="350">
          <cell r="D350" t="str">
            <v>Load Growth</v>
          </cell>
        </row>
        <row r="351">
          <cell r="D351" t="str">
            <v>Load Growth</v>
          </cell>
        </row>
        <row r="352">
          <cell r="D352" t="str">
            <v>Load Growth</v>
          </cell>
        </row>
        <row r="353">
          <cell r="D353" t="str">
            <v>Load Growth</v>
          </cell>
        </row>
        <row r="354">
          <cell r="D354" t="str">
            <v>Load Growth</v>
          </cell>
        </row>
        <row r="355">
          <cell r="D355" t="str">
            <v>Load Growth</v>
          </cell>
        </row>
        <row r="356">
          <cell r="D356" t="str">
            <v>Load Growth</v>
          </cell>
        </row>
        <row r="357">
          <cell r="D357" t="str">
            <v>Load Growth</v>
          </cell>
        </row>
        <row r="358">
          <cell r="D358" t="str">
            <v>Load Growth</v>
          </cell>
        </row>
        <row r="359">
          <cell r="D359" t="str">
            <v>Load Growth</v>
          </cell>
        </row>
        <row r="360">
          <cell r="D360" t="str">
            <v>Load Growth</v>
          </cell>
        </row>
        <row r="361">
          <cell r="D361" t="str">
            <v>Load Growth</v>
          </cell>
        </row>
        <row r="362">
          <cell r="D362" t="str">
            <v>Load Growth</v>
          </cell>
        </row>
        <row r="363">
          <cell r="D363" t="str">
            <v>Load Growth</v>
          </cell>
        </row>
        <row r="364">
          <cell r="D364" t="str">
            <v>Load Growth</v>
          </cell>
        </row>
        <row r="365">
          <cell r="D365" t="str">
            <v>Load Growth</v>
          </cell>
        </row>
        <row r="366">
          <cell r="D366" t="str">
            <v>Load Growth</v>
          </cell>
        </row>
        <row r="367">
          <cell r="D367" t="str">
            <v>Asset Programs Maintenance</v>
          </cell>
        </row>
        <row r="368">
          <cell r="D368" t="str">
            <v>Asset Programs Maintenance</v>
          </cell>
        </row>
        <row r="369">
          <cell r="D369" t="str">
            <v>Asset Programs Maintenance</v>
          </cell>
        </row>
        <row r="370">
          <cell r="D370" t="str">
            <v>Asset Programs Maintenance</v>
          </cell>
        </row>
        <row r="371">
          <cell r="D371" t="str">
            <v>Asset Programs Maintenance</v>
          </cell>
        </row>
        <row r="372">
          <cell r="D372" t="str">
            <v>Asset Programs Maintenance</v>
          </cell>
        </row>
        <row r="373">
          <cell r="D373" t="str">
            <v>Asset Programs Maintenance</v>
          </cell>
        </row>
        <row r="374">
          <cell r="D374" t="str">
            <v>Asset Programs Maintenance</v>
          </cell>
        </row>
        <row r="375">
          <cell r="D375" t="str">
            <v>Asset Programs Maintenance</v>
          </cell>
        </row>
        <row r="376">
          <cell r="D376" t="str">
            <v>Asset Programs Maintenance</v>
          </cell>
        </row>
        <row r="377">
          <cell r="D377" t="str">
            <v>Asset Programs Maintenance</v>
          </cell>
        </row>
        <row r="378">
          <cell r="D378" t="str">
            <v>Asset Programs Maintenance</v>
          </cell>
        </row>
        <row r="379">
          <cell r="D379" t="str">
            <v>Asset Programs Maintenance</v>
          </cell>
        </row>
        <row r="380">
          <cell r="D380" t="str">
            <v>Asset Programs Maintenance</v>
          </cell>
        </row>
        <row r="381">
          <cell r="D381" t="str">
            <v>Asset Programs Maintenance</v>
          </cell>
        </row>
        <row r="382">
          <cell r="D382" t="str">
            <v>Asset Programs Maintenance</v>
          </cell>
        </row>
        <row r="383">
          <cell r="D383" t="str">
            <v>Asset Programs Maintenance</v>
          </cell>
        </row>
        <row r="384">
          <cell r="D384" t="str">
            <v>Asset Programs Maintenance</v>
          </cell>
        </row>
        <row r="385">
          <cell r="D385" t="str">
            <v>Asset Programs Maintenance</v>
          </cell>
        </row>
        <row r="386">
          <cell r="D386" t="str">
            <v>Asset Programs Maintenance</v>
          </cell>
        </row>
        <row r="387">
          <cell r="D387" t="str">
            <v>Asset Programs Maintenance</v>
          </cell>
        </row>
        <row r="388">
          <cell r="D388" t="str">
            <v>Asset Programs Maintenance</v>
          </cell>
        </row>
        <row r="389">
          <cell r="D389" t="str">
            <v>Asset Programs Maintenance</v>
          </cell>
        </row>
        <row r="390">
          <cell r="D390" t="str">
            <v>Asset Programs Maintenance</v>
          </cell>
        </row>
        <row r="391">
          <cell r="D391" t="str">
            <v>Asset Programs Maintenance</v>
          </cell>
        </row>
        <row r="392">
          <cell r="D392" t="str">
            <v>Asset Programs Maintenance</v>
          </cell>
        </row>
        <row r="393">
          <cell r="D393" t="str">
            <v>Asset Programs Maintenance</v>
          </cell>
        </row>
        <row r="394">
          <cell r="D394" t="str">
            <v>Asset Programs Maintenance</v>
          </cell>
        </row>
        <row r="395">
          <cell r="D395" t="str">
            <v>Asset Programs Maintenance</v>
          </cell>
        </row>
        <row r="396">
          <cell r="D396" t="str">
            <v>Asset Programs Maintenance</v>
          </cell>
        </row>
        <row r="397">
          <cell r="D397" t="str">
            <v>Asset Programs Maintenance</v>
          </cell>
        </row>
        <row r="398">
          <cell r="D398" t="str">
            <v>Asset Programs Maintenance</v>
          </cell>
        </row>
        <row r="399">
          <cell r="D399" t="str">
            <v>Asset Programs Maintenance</v>
          </cell>
        </row>
        <row r="400">
          <cell r="D400" t="str">
            <v>Asset Programs Maintenance</v>
          </cell>
        </row>
        <row r="401">
          <cell r="D401" t="str">
            <v>Region Maintenance</v>
          </cell>
        </row>
        <row r="402">
          <cell r="D402" t="str">
            <v>Region Maintenance</v>
          </cell>
        </row>
        <row r="403">
          <cell r="D403" t="str">
            <v>Region Maintenance</v>
          </cell>
        </row>
        <row r="404">
          <cell r="D404" t="str">
            <v>Region Maintenance</v>
          </cell>
        </row>
        <row r="405">
          <cell r="D405" t="str">
            <v>Region Maintenance</v>
          </cell>
        </row>
        <row r="406">
          <cell r="D406" t="str">
            <v>Region Maintenance</v>
          </cell>
        </row>
        <row r="407">
          <cell r="D407" t="str">
            <v>Region Maintenance</v>
          </cell>
        </row>
        <row r="408">
          <cell r="D408" t="str">
            <v>Region Maintenance</v>
          </cell>
        </row>
        <row r="409">
          <cell r="D409" t="str">
            <v>Region Maintenance</v>
          </cell>
        </row>
        <row r="410">
          <cell r="D410" t="str">
            <v>Region Maintenance</v>
          </cell>
        </row>
        <row r="411">
          <cell r="D411" t="str">
            <v>Region Maintenance</v>
          </cell>
        </row>
        <row r="412">
          <cell r="D412" t="str">
            <v>Region Maintenance</v>
          </cell>
        </row>
        <row r="413">
          <cell r="D413" t="str">
            <v>Region Maintenance</v>
          </cell>
        </row>
        <row r="414">
          <cell r="D414" t="str">
            <v>Region Maintenance</v>
          </cell>
        </row>
        <row r="415">
          <cell r="D415" t="str">
            <v>Region Maintenance</v>
          </cell>
        </row>
        <row r="416">
          <cell r="D416" t="str">
            <v>Region Maintenance</v>
          </cell>
        </row>
        <row r="417">
          <cell r="D417" t="str">
            <v>Region Maintenance</v>
          </cell>
        </row>
        <row r="418">
          <cell r="D418" t="str">
            <v>Region Maintenance</v>
          </cell>
        </row>
        <row r="419">
          <cell r="D419" t="str">
            <v>Region Maintenance</v>
          </cell>
        </row>
        <row r="420">
          <cell r="D420" t="str">
            <v>Region Maintenance</v>
          </cell>
        </row>
        <row r="421">
          <cell r="D421" t="str">
            <v>Region Maintenance</v>
          </cell>
        </row>
        <row r="422">
          <cell r="D422" t="str">
            <v>Region Maintenance</v>
          </cell>
        </row>
        <row r="423">
          <cell r="D423" t="str">
            <v>Region Maintenance</v>
          </cell>
        </row>
        <row r="424">
          <cell r="D424" t="str">
            <v>Region Maintenance</v>
          </cell>
        </row>
        <row r="425">
          <cell r="D425" t="str">
            <v>Region Maintenance</v>
          </cell>
        </row>
        <row r="426">
          <cell r="D426" t="str">
            <v>Region Maintenance</v>
          </cell>
        </row>
        <row r="427">
          <cell r="D427" t="str">
            <v>Region Maintenance</v>
          </cell>
        </row>
        <row r="428">
          <cell r="D428" t="str">
            <v>Region Maintenance</v>
          </cell>
        </row>
        <row r="429">
          <cell r="D429" t="str">
            <v>Region Maintenance</v>
          </cell>
        </row>
        <row r="430">
          <cell r="D430" t="str">
            <v>Region Maintenance</v>
          </cell>
        </row>
        <row r="431">
          <cell r="D431" t="str">
            <v>Region Maintenance</v>
          </cell>
        </row>
        <row r="432">
          <cell r="D432" t="str">
            <v>Region Maintenance</v>
          </cell>
        </row>
        <row r="433">
          <cell r="D433" t="str">
            <v>Region Maintenance</v>
          </cell>
        </row>
        <row r="434">
          <cell r="D434" t="str">
            <v>Region Maintenance</v>
          </cell>
        </row>
        <row r="435">
          <cell r="D435" t="str">
            <v>Region Maintenance</v>
          </cell>
        </row>
        <row r="436">
          <cell r="D436" t="str">
            <v>Region Maintenance</v>
          </cell>
        </row>
        <row r="437">
          <cell r="D437" t="str">
            <v>Region Maintenance</v>
          </cell>
        </row>
        <row r="438">
          <cell r="D438" t="str">
            <v>Region Maintenance</v>
          </cell>
        </row>
        <row r="439">
          <cell r="D439" t="str">
            <v>Region Maintenance</v>
          </cell>
        </row>
        <row r="440">
          <cell r="D440" t="str">
            <v>Region Maintenance</v>
          </cell>
        </row>
        <row r="441">
          <cell r="D441" t="str">
            <v>Region Maintenance</v>
          </cell>
        </row>
        <row r="442">
          <cell r="D442" t="str">
            <v>Region Maintenance</v>
          </cell>
        </row>
        <row r="443">
          <cell r="D443" t="str">
            <v>Region Maintenance</v>
          </cell>
        </row>
        <row r="444">
          <cell r="D444" t="str">
            <v>Region Maintenance</v>
          </cell>
        </row>
        <row r="445">
          <cell r="D445" t="str">
            <v>Region Maintenance</v>
          </cell>
        </row>
        <row r="446">
          <cell r="D446" t="str">
            <v>Region Maintenance</v>
          </cell>
        </row>
        <row r="447">
          <cell r="D447" t="str">
            <v>Region Maintenance</v>
          </cell>
        </row>
        <row r="448">
          <cell r="D448" t="str">
            <v>Region Maintenance</v>
          </cell>
        </row>
        <row r="449">
          <cell r="D449" t="str">
            <v>Region Maintenance</v>
          </cell>
        </row>
        <row r="450">
          <cell r="D450" t="str">
            <v>Region Maintenance</v>
          </cell>
        </row>
        <row r="451">
          <cell r="D451" t="str">
            <v>Region Maintenance</v>
          </cell>
        </row>
        <row r="452">
          <cell r="D452" t="str">
            <v>Region Maintenance</v>
          </cell>
        </row>
        <row r="453">
          <cell r="D453" t="str">
            <v>Region Maintenance</v>
          </cell>
        </row>
        <row r="454">
          <cell r="D454" t="str">
            <v>Region Maintenance</v>
          </cell>
        </row>
        <row r="455">
          <cell r="D455" t="str">
            <v>Region Maintenance</v>
          </cell>
        </row>
        <row r="456">
          <cell r="D456" t="str">
            <v>Region Maintenance</v>
          </cell>
        </row>
        <row r="457">
          <cell r="D457" t="str">
            <v>Region Maintenance</v>
          </cell>
        </row>
        <row r="458">
          <cell r="D458" t="str">
            <v>Region Maintenance</v>
          </cell>
        </row>
        <row r="459">
          <cell r="D459" t="str">
            <v>Region Maintenance</v>
          </cell>
        </row>
        <row r="460">
          <cell r="D460" t="str">
            <v>Region Maintenance</v>
          </cell>
        </row>
        <row r="461">
          <cell r="D461" t="str">
            <v>Region Maintenance</v>
          </cell>
        </row>
        <row r="462">
          <cell r="D462" t="str">
            <v>Region Maintenance</v>
          </cell>
        </row>
        <row r="463">
          <cell r="D463" t="str">
            <v>Region Maintenance</v>
          </cell>
        </row>
        <row r="464">
          <cell r="D464" t="str">
            <v>Region Maintenance</v>
          </cell>
        </row>
        <row r="465">
          <cell r="D465" t="str">
            <v>Region Maintenance</v>
          </cell>
        </row>
        <row r="466">
          <cell r="D466" t="str">
            <v>Region Maintenance</v>
          </cell>
        </row>
        <row r="467">
          <cell r="D467" t="str">
            <v>Region Maintenance</v>
          </cell>
        </row>
        <row r="468">
          <cell r="D468" t="str">
            <v>Region Maintenance</v>
          </cell>
        </row>
        <row r="469">
          <cell r="D469" t="str">
            <v>Region Maintenance</v>
          </cell>
        </row>
        <row r="470">
          <cell r="D470" t="str">
            <v>Region Maintenance</v>
          </cell>
        </row>
        <row r="471">
          <cell r="D471" t="str">
            <v>Region Maintenance</v>
          </cell>
        </row>
        <row r="472">
          <cell r="D472" t="str">
            <v>Region Maintenance</v>
          </cell>
        </row>
        <row r="473">
          <cell r="D473" t="str">
            <v>Region Maintenance</v>
          </cell>
        </row>
        <row r="474">
          <cell r="D474" t="str">
            <v>Region Maintenance</v>
          </cell>
        </row>
        <row r="475">
          <cell r="D475" t="str">
            <v>Region Maintenance</v>
          </cell>
        </row>
        <row r="476">
          <cell r="D476" t="str">
            <v>Region Maintenance</v>
          </cell>
        </row>
        <row r="477">
          <cell r="D477" t="str">
            <v>Region Maintenance</v>
          </cell>
        </row>
        <row r="478">
          <cell r="D478" t="str">
            <v>Region Maintenance</v>
          </cell>
        </row>
        <row r="479">
          <cell r="D479" t="str">
            <v>Region Maintenance</v>
          </cell>
        </row>
        <row r="480">
          <cell r="D480" t="str">
            <v>Region Maintenance</v>
          </cell>
        </row>
        <row r="481">
          <cell r="D481" t="str">
            <v>Region Maintenance</v>
          </cell>
        </row>
        <row r="482">
          <cell r="D482" t="str">
            <v>Region Maintenance</v>
          </cell>
        </row>
        <row r="483">
          <cell r="D483" t="str">
            <v>Highway Conflicts &amp; Streetscapes</v>
          </cell>
        </row>
        <row r="484">
          <cell r="D484" t="str">
            <v>Highway Conflicts &amp; Streetscapes</v>
          </cell>
        </row>
        <row r="485">
          <cell r="D485" t="str">
            <v>Highway Conflicts &amp; Streetscapes</v>
          </cell>
        </row>
        <row r="486">
          <cell r="D486" t="str">
            <v>Highway Conflicts &amp; Streetscapes</v>
          </cell>
        </row>
        <row r="487">
          <cell r="D487" t="str">
            <v>Highway Conflicts &amp; Streetscapes</v>
          </cell>
        </row>
        <row r="488">
          <cell r="D488" t="str">
            <v>Highway Conflicts &amp; Streetscapes</v>
          </cell>
        </row>
        <row r="489">
          <cell r="D489" t="str">
            <v>Highway Conflicts &amp; Streetscapes</v>
          </cell>
        </row>
        <row r="490">
          <cell r="D490" t="str">
            <v>Catalyst 221</v>
          </cell>
        </row>
        <row r="491">
          <cell r="D491" t="str">
            <v>Catalyst 221</v>
          </cell>
        </row>
        <row r="492">
          <cell r="D492" t="str">
            <v>Catalyst 221</v>
          </cell>
        </row>
        <row r="493">
          <cell r="D493" t="str">
            <v>Catalyst 221</v>
          </cell>
        </row>
        <row r="494">
          <cell r="D494" t="str">
            <v>Catalyst 221</v>
          </cell>
        </row>
        <row r="495">
          <cell r="D495" t="str">
            <v>Catalyst 221</v>
          </cell>
        </row>
        <row r="496">
          <cell r="D496" t="str">
            <v>Catalyst 221</v>
          </cell>
        </row>
        <row r="497">
          <cell r="D497" t="str">
            <v>Catalyst 221</v>
          </cell>
        </row>
        <row r="498">
          <cell r="D498" t="str">
            <v>Catalyst 221</v>
          </cell>
        </row>
        <row r="499">
          <cell r="D499" t="str">
            <v>Catalyst 221</v>
          </cell>
        </row>
        <row r="500">
          <cell r="D500" t="str">
            <v>Catalyst 221</v>
          </cell>
        </row>
        <row r="501">
          <cell r="D501" t="str">
            <v>Catalyst 221</v>
          </cell>
        </row>
        <row r="502">
          <cell r="D502" t="str">
            <v>Catalyst 221</v>
          </cell>
        </row>
        <row r="503">
          <cell r="D503" t="str">
            <v>Catalyst 221</v>
          </cell>
        </row>
        <row r="504">
          <cell r="D504" t="str">
            <v>Catalyst 221</v>
          </cell>
        </row>
        <row r="505">
          <cell r="D505" t="str">
            <v>Catalyst 221</v>
          </cell>
        </row>
        <row r="506">
          <cell r="D506" t="str">
            <v>Other Technology Initiatives</v>
          </cell>
        </row>
        <row r="507">
          <cell r="D507" t="str">
            <v>Other Technology Initiatives</v>
          </cell>
        </row>
        <row r="508">
          <cell r="D508" t="str">
            <v>Indirects &amp; Other</v>
          </cell>
        </row>
        <row r="509">
          <cell r="D509" t="str">
            <v>Indirects &amp; Other</v>
          </cell>
        </row>
        <row r="510">
          <cell r="D510" t="str">
            <v>Indirects &amp; Other</v>
          </cell>
        </row>
        <row r="511">
          <cell r="D511" t="str">
            <v>Indirects &amp; Other</v>
          </cell>
        </row>
        <row r="512">
          <cell r="D512" t="str">
            <v>Indirects &amp; Other</v>
          </cell>
        </row>
        <row r="513">
          <cell r="D513" t="str">
            <v>Indirects &amp; Other</v>
          </cell>
        </row>
        <row r="514">
          <cell r="D514" t="str">
            <v>Indirects &amp; Other</v>
          </cell>
        </row>
        <row r="515">
          <cell r="D515" t="str">
            <v>Indirects &amp; Other</v>
          </cell>
        </row>
        <row r="516">
          <cell r="D516" t="str">
            <v>Indirects &amp; Other</v>
          </cell>
        </row>
        <row r="517">
          <cell r="D517" t="str">
            <v>Indirects &amp; Other</v>
          </cell>
        </row>
        <row r="518">
          <cell r="D518" t="str">
            <v>Indirects &amp; Other</v>
          </cell>
        </row>
        <row r="519">
          <cell r="D519" t="str">
            <v>Indirects &amp; Other</v>
          </cell>
        </row>
        <row r="520">
          <cell r="D520" t="str">
            <v>Indirects &amp; Other</v>
          </cell>
        </row>
        <row r="521">
          <cell r="D521" t="str">
            <v>Indirects &amp; Other</v>
          </cell>
        </row>
        <row r="522">
          <cell r="D522" t="str">
            <v>Indirects &amp; Other</v>
          </cell>
        </row>
        <row r="523">
          <cell r="D523" t="str">
            <v>Indirects &amp; Other</v>
          </cell>
        </row>
        <row r="524">
          <cell r="D524" t="str">
            <v>Indirects &amp; Other</v>
          </cell>
        </row>
        <row r="525">
          <cell r="D525" t="str">
            <v>Indirects &amp; Other</v>
          </cell>
        </row>
        <row r="526">
          <cell r="D526" t="str">
            <v>Indirects &amp; Other</v>
          </cell>
        </row>
        <row r="527">
          <cell r="D527" t="str">
            <v>Indirects &amp; Other</v>
          </cell>
        </row>
        <row r="528">
          <cell r="D528" t="str">
            <v>Indirects &amp; Other</v>
          </cell>
        </row>
        <row r="529">
          <cell r="D529" t="str">
            <v>Indirects &amp; Other</v>
          </cell>
        </row>
        <row r="530">
          <cell r="D530" t="str">
            <v>Indirects &amp; Other</v>
          </cell>
        </row>
        <row r="531">
          <cell r="D531" t="str">
            <v>Indirects &amp; Other</v>
          </cell>
        </row>
        <row r="532">
          <cell r="D532" t="str">
            <v>Indirects &amp; Other</v>
          </cell>
        </row>
        <row r="533">
          <cell r="D533" t="str">
            <v>Indirects &amp; Other</v>
          </cell>
        </row>
        <row r="534">
          <cell r="D534" t="str">
            <v>Indirects &amp; Other</v>
          </cell>
        </row>
        <row r="535">
          <cell r="D535" t="str">
            <v>Indirects &amp; Other</v>
          </cell>
        </row>
        <row r="536">
          <cell r="D536" t="str">
            <v>Indirects &amp; Other</v>
          </cell>
        </row>
        <row r="537">
          <cell r="D537" t="str">
            <v>Indirects &amp; Other</v>
          </cell>
        </row>
        <row r="538">
          <cell r="D538" t="str">
            <v>Indirects &amp; Other</v>
          </cell>
        </row>
        <row r="539">
          <cell r="D539" t="str">
            <v>Indirects &amp; Other</v>
          </cell>
        </row>
        <row r="540">
          <cell r="D540" t="str">
            <v>Indirects &amp; Other</v>
          </cell>
        </row>
        <row r="541">
          <cell r="D541" t="str">
            <v>Indirects &amp; Other</v>
          </cell>
        </row>
        <row r="542">
          <cell r="D542" t="str">
            <v>Indirects &amp; Other</v>
          </cell>
        </row>
        <row r="543">
          <cell r="D543" t="str">
            <v>Indirects &amp; Other</v>
          </cell>
        </row>
        <row r="544">
          <cell r="D544" t="str">
            <v>Indirects &amp; Other</v>
          </cell>
        </row>
        <row r="545">
          <cell r="D545" t="str">
            <v>Indirects &amp; Other</v>
          </cell>
        </row>
        <row r="546">
          <cell r="D546" t="str">
            <v>Indirects &amp; Other</v>
          </cell>
        </row>
        <row r="547">
          <cell r="D547" t="str">
            <v>Indirects &amp; Other</v>
          </cell>
        </row>
        <row r="548">
          <cell r="D548" t="str">
            <v>Indirects &amp; Other</v>
          </cell>
        </row>
        <row r="549">
          <cell r="D549" t="str">
            <v>Indirects &amp; Other</v>
          </cell>
        </row>
        <row r="550">
          <cell r="D550" t="str">
            <v>Indirects &amp; Other</v>
          </cell>
        </row>
        <row r="551">
          <cell r="D551" t="str">
            <v>Indirects &amp; Other</v>
          </cell>
        </row>
        <row r="552">
          <cell r="D552" t="str">
            <v>Indirects &amp; Other</v>
          </cell>
        </row>
        <row r="553">
          <cell r="D553" t="str">
            <v>Indirects &amp; Other</v>
          </cell>
        </row>
        <row r="554">
          <cell r="D554" t="str">
            <v>Indirects &amp; Other</v>
          </cell>
        </row>
        <row r="555">
          <cell r="D555" t="str">
            <v>Indirects &amp; Other</v>
          </cell>
        </row>
        <row r="556">
          <cell r="D556" t="str">
            <v>Indirects &amp; Other</v>
          </cell>
        </row>
        <row r="557">
          <cell r="D557" t="str">
            <v>Indirects &amp; Other</v>
          </cell>
        </row>
        <row r="558">
          <cell r="D558" t="str">
            <v>Indirects &amp; Other</v>
          </cell>
        </row>
        <row r="559">
          <cell r="D559" t="str">
            <v>Indirects &amp; Other</v>
          </cell>
        </row>
        <row r="560">
          <cell r="D560" t="str">
            <v>Indirects &amp; Other</v>
          </cell>
        </row>
        <row r="561">
          <cell r="D561" t="str">
            <v>Indirects &amp; Other</v>
          </cell>
        </row>
        <row r="562">
          <cell r="D562" t="str">
            <v>Indirects &amp; Other</v>
          </cell>
        </row>
        <row r="563">
          <cell r="D563" t="str">
            <v>Indirects &amp; Other</v>
          </cell>
        </row>
        <row r="564">
          <cell r="D564" t="str">
            <v>Indirects &amp; Other</v>
          </cell>
        </row>
        <row r="565">
          <cell r="D565" t="str">
            <v>Indirects &amp; Other</v>
          </cell>
        </row>
        <row r="566">
          <cell r="D566" t="str">
            <v>Indirects &amp; Other</v>
          </cell>
        </row>
        <row r="567">
          <cell r="D567" t="str">
            <v>Indirects &amp; Other</v>
          </cell>
        </row>
        <row r="568">
          <cell r="D568" t="str">
            <v>Indirects &amp; Other</v>
          </cell>
        </row>
        <row r="569">
          <cell r="D569" t="str">
            <v>Indirects &amp; Other</v>
          </cell>
        </row>
        <row r="570">
          <cell r="D570" t="str">
            <v>Indirects &amp; Other</v>
          </cell>
        </row>
        <row r="571">
          <cell r="D571" t="str">
            <v>Indirects &amp; Other</v>
          </cell>
        </row>
        <row r="572">
          <cell r="D572" t="str">
            <v>Indirects &amp; Other</v>
          </cell>
        </row>
        <row r="573">
          <cell r="D573" t="str">
            <v>Indirects &amp; Other</v>
          </cell>
        </row>
        <row r="574">
          <cell r="D574" t="str">
            <v>Indirects &amp; Other</v>
          </cell>
        </row>
        <row r="575">
          <cell r="D575" t="str">
            <v>Indirects &amp; Other</v>
          </cell>
        </row>
        <row r="576">
          <cell r="D576" t="str">
            <v>Indirects &amp; Other</v>
          </cell>
        </row>
        <row r="577">
          <cell r="D577" t="str">
            <v>Indirects &amp; Other</v>
          </cell>
        </row>
        <row r="578">
          <cell r="D578" t="str">
            <v>Indirects &amp; Other</v>
          </cell>
        </row>
        <row r="579">
          <cell r="D579" t="str">
            <v>Indirects &amp; Other</v>
          </cell>
        </row>
        <row r="580">
          <cell r="D580" t="str">
            <v>Indirects &amp; Other</v>
          </cell>
        </row>
        <row r="581">
          <cell r="D581" t="str">
            <v>Indirects &amp; Other</v>
          </cell>
        </row>
        <row r="582">
          <cell r="D582" t="str">
            <v>Indirects &amp; Other</v>
          </cell>
        </row>
        <row r="583">
          <cell r="D583" t="str">
            <v>Indirects &amp; Other</v>
          </cell>
        </row>
        <row r="584">
          <cell r="D584" t="str">
            <v>Indirects &amp; Other</v>
          </cell>
        </row>
        <row r="585">
          <cell r="D585" t="str">
            <v>Indirects &amp; Other</v>
          </cell>
        </row>
        <row r="586">
          <cell r="D586" t="str">
            <v>Indirects &amp; Other</v>
          </cell>
        </row>
        <row r="587">
          <cell r="D587" t="str">
            <v>Indirects &amp; Other</v>
          </cell>
        </row>
        <row r="588">
          <cell r="D588" t="str">
            <v>Indirects &amp; Other</v>
          </cell>
        </row>
        <row r="589">
          <cell r="D589" t="str">
            <v>Indirects &amp; Other</v>
          </cell>
        </row>
        <row r="590">
          <cell r="D590" t="str">
            <v>Indirects &amp; Other</v>
          </cell>
        </row>
        <row r="591">
          <cell r="D591" t="str">
            <v>Indirects &amp; Other</v>
          </cell>
        </row>
        <row r="592">
          <cell r="D592" t="str">
            <v>Indirects &amp; Other</v>
          </cell>
        </row>
        <row r="593">
          <cell r="D593" t="str">
            <v>Indirects &amp; Other</v>
          </cell>
        </row>
        <row r="594">
          <cell r="D594" t="str">
            <v>Indirects &amp; Other</v>
          </cell>
        </row>
        <row r="595">
          <cell r="D595" t="str">
            <v>Indirects &amp; Other</v>
          </cell>
        </row>
        <row r="596">
          <cell r="D596" t="str">
            <v>Indirects &amp; Other</v>
          </cell>
        </row>
        <row r="597">
          <cell r="D597" t="str">
            <v>Indirects &amp; Other</v>
          </cell>
        </row>
        <row r="598">
          <cell r="D598" t="str">
            <v>Indirects &amp; Other</v>
          </cell>
        </row>
        <row r="599">
          <cell r="D599" t="str">
            <v>Indirects &amp; Other</v>
          </cell>
        </row>
        <row r="600">
          <cell r="D600" t="str">
            <v>Indirects &amp; Other</v>
          </cell>
        </row>
        <row r="601">
          <cell r="D601" t="str">
            <v>Indirects &amp; Other</v>
          </cell>
        </row>
        <row r="602">
          <cell r="D602" t="str">
            <v>Indirects &amp; Other</v>
          </cell>
        </row>
        <row r="603">
          <cell r="D603" t="str">
            <v>Indirects &amp; Other</v>
          </cell>
        </row>
        <row r="604">
          <cell r="D604" t="str">
            <v>Indirects &amp; Other</v>
          </cell>
        </row>
        <row r="605">
          <cell r="D605" t="str">
            <v>Indirects &amp; Other</v>
          </cell>
        </row>
        <row r="606">
          <cell r="D606" t="str">
            <v>Indirects &amp; Other</v>
          </cell>
        </row>
        <row r="607">
          <cell r="D607" t="str">
            <v>Indirects &amp; Other</v>
          </cell>
        </row>
        <row r="608">
          <cell r="D608" t="str">
            <v>Indirects &amp; Other</v>
          </cell>
        </row>
        <row r="609">
          <cell r="D609" t="str">
            <v>Indirects &amp; Other</v>
          </cell>
        </row>
        <row r="610">
          <cell r="D610" t="str">
            <v>Indirects &amp; Other</v>
          </cell>
        </row>
        <row r="611">
          <cell r="D611" t="str">
            <v>Indirects &amp; Other</v>
          </cell>
        </row>
        <row r="612">
          <cell r="D612" t="str">
            <v>Indirects &amp; Other</v>
          </cell>
        </row>
        <row r="613">
          <cell r="D613" t="str">
            <v>Indirects &amp; Other</v>
          </cell>
        </row>
        <row r="614">
          <cell r="D614" t="str">
            <v>Indirects &amp; Other</v>
          </cell>
        </row>
        <row r="615">
          <cell r="D615" t="str">
            <v>Indirects &amp; Other</v>
          </cell>
        </row>
        <row r="616">
          <cell r="D616" t="str">
            <v>Indirects &amp; Other</v>
          </cell>
        </row>
        <row r="617">
          <cell r="D617" t="str">
            <v>Indirects &amp; Other</v>
          </cell>
        </row>
        <row r="618">
          <cell r="D618" t="str">
            <v>Indirects &amp; Other</v>
          </cell>
        </row>
        <row r="619">
          <cell r="D619" t="str">
            <v>Indirects &amp; Other</v>
          </cell>
        </row>
        <row r="620">
          <cell r="D620" t="str">
            <v>Indirects &amp; Other</v>
          </cell>
        </row>
        <row r="621">
          <cell r="D621" t="str">
            <v>Indirects &amp; Other</v>
          </cell>
        </row>
        <row r="622">
          <cell r="D622" t="str">
            <v>Indirects &amp; Other</v>
          </cell>
        </row>
        <row r="623">
          <cell r="D623" t="str">
            <v>Indirects &amp; Other</v>
          </cell>
        </row>
        <row r="624">
          <cell r="D624" t="str">
            <v>Indirects &amp; Other</v>
          </cell>
        </row>
        <row r="625">
          <cell r="D625" t="str">
            <v>Indirects &amp; Other</v>
          </cell>
        </row>
        <row r="626">
          <cell r="D626" t="str">
            <v>Indirects &amp; Other</v>
          </cell>
        </row>
        <row r="627">
          <cell r="D627" t="str">
            <v>Indirects &amp; Other</v>
          </cell>
        </row>
        <row r="628">
          <cell r="D628" t="str">
            <v>Region Maintenance</v>
          </cell>
        </row>
        <row r="629">
          <cell r="D629" t="str">
            <v>Customer &amp; Market Services</v>
          </cell>
        </row>
        <row r="630">
          <cell r="D630" t="str">
            <v>Customer &amp; Market Services</v>
          </cell>
        </row>
        <row r="631">
          <cell r="D631" t="str">
            <v>Customer &amp; Market Services</v>
          </cell>
        </row>
        <row r="632">
          <cell r="D632" t="str">
            <v>Customer &amp; Market Services</v>
          </cell>
        </row>
        <row r="633">
          <cell r="D633" t="str">
            <v>Customer &amp; Market Services</v>
          </cell>
        </row>
        <row r="634">
          <cell r="D634" t="str">
            <v>Customer &amp; Market Services</v>
          </cell>
        </row>
        <row r="635">
          <cell r="D635" t="str">
            <v>Customer &amp; Market Services</v>
          </cell>
        </row>
        <row r="636">
          <cell r="D636" t="str">
            <v>Customer &amp; Market Services</v>
          </cell>
        </row>
        <row r="637">
          <cell r="D637" t="str">
            <v>Customer &amp; Market Services</v>
          </cell>
        </row>
        <row r="638">
          <cell r="D638" t="str">
            <v>Customer &amp; Market Services</v>
          </cell>
        </row>
        <row r="639">
          <cell r="D639" t="str">
            <v>Customer &amp; Market Services</v>
          </cell>
        </row>
        <row r="640">
          <cell r="D640" t="str">
            <v>Customer &amp; Market Services</v>
          </cell>
        </row>
        <row r="641">
          <cell r="D641" t="str">
            <v>Customer &amp; Market Services</v>
          </cell>
        </row>
        <row r="642">
          <cell r="D642" t="str">
            <v>Customer &amp; Market Services</v>
          </cell>
        </row>
        <row r="643">
          <cell r="D643" t="str">
            <v>Customer &amp; Market Services</v>
          </cell>
        </row>
        <row r="644">
          <cell r="D644" t="str">
            <v>Customer &amp; Market Services</v>
          </cell>
        </row>
        <row r="645">
          <cell r="D645" t="str">
            <v>Customer &amp; Market Services</v>
          </cell>
        </row>
        <row r="646">
          <cell r="D646" t="str">
            <v>Customer &amp; Market Services</v>
          </cell>
        </row>
        <row r="647">
          <cell r="D647" t="str">
            <v>Customer &amp; Market Services</v>
          </cell>
        </row>
        <row r="648">
          <cell r="D648" t="str">
            <v>Customer &amp; Market Services</v>
          </cell>
        </row>
        <row r="649">
          <cell r="D649" t="str">
            <v>Customer &amp; Market Services</v>
          </cell>
        </row>
        <row r="650">
          <cell r="D650" t="str">
            <v>Customer &amp; Market Services</v>
          </cell>
        </row>
        <row r="651">
          <cell r="D651" t="str">
            <v>Customer &amp; Market Services</v>
          </cell>
        </row>
        <row r="652">
          <cell r="D652" t="str">
            <v>Customer &amp; Market Services</v>
          </cell>
        </row>
        <row r="653">
          <cell r="D653" t="str">
            <v>Customer &amp; Market Services</v>
          </cell>
        </row>
        <row r="654">
          <cell r="D654" t="str">
            <v>Customer &amp; Market Services</v>
          </cell>
        </row>
        <row r="655">
          <cell r="D655" t="str">
            <v>Customer &amp; Market Services</v>
          </cell>
        </row>
        <row r="656">
          <cell r="D656" t="str">
            <v>Customer &amp; Market Services</v>
          </cell>
        </row>
        <row r="657">
          <cell r="D657" t="str">
            <v>Customer &amp; Market Services</v>
          </cell>
        </row>
        <row r="658">
          <cell r="D658" t="str">
            <v>Customer &amp; Market Services</v>
          </cell>
        </row>
        <row r="659">
          <cell r="D659" t="str">
            <v>Customer &amp; Market Services</v>
          </cell>
        </row>
        <row r="660">
          <cell r="D660" t="str">
            <v>Customer &amp; Market Services</v>
          </cell>
        </row>
        <row r="661">
          <cell r="D661" t="str">
            <v>Customer &amp; Market Services</v>
          </cell>
        </row>
        <row r="662">
          <cell r="D662" t="str">
            <v>Customer &amp; Market Services</v>
          </cell>
        </row>
        <row r="663">
          <cell r="D663" t="str">
            <v>Customer &amp; Market Services</v>
          </cell>
        </row>
        <row r="664">
          <cell r="D664" t="str">
            <v>Customer &amp; Market Services</v>
          </cell>
        </row>
        <row r="665">
          <cell r="D665" t="str">
            <v>Customer &amp; Market Services</v>
          </cell>
        </row>
        <row r="666">
          <cell r="D666" t="str">
            <v>Customer &amp; Market Services</v>
          </cell>
        </row>
        <row r="667">
          <cell r="D667" t="str">
            <v>Customer &amp; Market Services</v>
          </cell>
        </row>
        <row r="668">
          <cell r="D668" t="str">
            <v>Customer &amp; Market Services</v>
          </cell>
        </row>
        <row r="669">
          <cell r="D669" t="str">
            <v>Customer &amp; Market Services</v>
          </cell>
        </row>
        <row r="670">
          <cell r="D670" t="str">
            <v>Customer &amp; Market Services</v>
          </cell>
        </row>
        <row r="671">
          <cell r="D671" t="str">
            <v>Customer &amp; Market Services</v>
          </cell>
        </row>
        <row r="672">
          <cell r="D672" t="str">
            <v>DSDR</v>
          </cell>
        </row>
        <row r="673">
          <cell r="D673" t="str">
            <v>DSDR</v>
          </cell>
        </row>
        <row r="674">
          <cell r="D674" t="str">
            <v>DSDR</v>
          </cell>
        </row>
        <row r="675">
          <cell r="D675" t="str">
            <v>DSDR</v>
          </cell>
        </row>
        <row r="676">
          <cell r="D676" t="str">
            <v>DSDR</v>
          </cell>
        </row>
        <row r="677">
          <cell r="D677" t="str">
            <v>DSDR</v>
          </cell>
        </row>
        <row r="678">
          <cell r="D678" t="str">
            <v>DSDR</v>
          </cell>
        </row>
        <row r="679">
          <cell r="D679" t="str">
            <v>DSDR</v>
          </cell>
        </row>
        <row r="680">
          <cell r="D680" t="str">
            <v>DSDR</v>
          </cell>
        </row>
        <row r="681">
          <cell r="D681" t="str">
            <v>DSDR</v>
          </cell>
        </row>
        <row r="682">
          <cell r="D682" t="str">
            <v>DSDR</v>
          </cell>
        </row>
        <row r="683">
          <cell r="D683" t="str">
            <v>DSDR</v>
          </cell>
        </row>
        <row r="684">
          <cell r="D684" t="str">
            <v>DSDR</v>
          </cell>
        </row>
        <row r="685">
          <cell r="D685" t="str">
            <v>DSDR</v>
          </cell>
        </row>
        <row r="686">
          <cell r="D686" t="str">
            <v>DSDR</v>
          </cell>
        </row>
        <row r="687">
          <cell r="D687" t="str">
            <v>DSDR</v>
          </cell>
        </row>
        <row r="688">
          <cell r="D688" t="str">
            <v>DSDR</v>
          </cell>
        </row>
        <row r="689">
          <cell r="D689" t="str">
            <v>DSDR</v>
          </cell>
        </row>
        <row r="690">
          <cell r="D690" t="str">
            <v>DSDR</v>
          </cell>
        </row>
        <row r="691">
          <cell r="D691" t="str">
            <v>DSDR</v>
          </cell>
        </row>
        <row r="692">
          <cell r="D692" t="str">
            <v>DSDR</v>
          </cell>
        </row>
        <row r="693">
          <cell r="D693" t="str">
            <v>DSDR</v>
          </cell>
        </row>
        <row r="694">
          <cell r="D694" t="str">
            <v>DSDR</v>
          </cell>
        </row>
        <row r="695">
          <cell r="D695" t="str">
            <v>DSDR</v>
          </cell>
        </row>
        <row r="696">
          <cell r="D696" t="str">
            <v>DSDR</v>
          </cell>
        </row>
        <row r="697">
          <cell r="D697" t="str">
            <v>DSDR</v>
          </cell>
        </row>
        <row r="698">
          <cell r="D698" t="str">
            <v>DSDR</v>
          </cell>
        </row>
        <row r="699">
          <cell r="D699" t="str">
            <v>DSDR</v>
          </cell>
        </row>
        <row r="700">
          <cell r="D700" t="str">
            <v>DSDR</v>
          </cell>
        </row>
        <row r="701">
          <cell r="D701" t="str">
            <v>DSDR</v>
          </cell>
        </row>
        <row r="702">
          <cell r="D702" t="str">
            <v>DSDR</v>
          </cell>
        </row>
        <row r="703">
          <cell r="D703" t="str">
            <v>DSDR</v>
          </cell>
        </row>
        <row r="704">
          <cell r="D704" t="str">
            <v>DSDR</v>
          </cell>
        </row>
        <row r="705">
          <cell r="D705" t="str">
            <v>DSDR</v>
          </cell>
        </row>
        <row r="706">
          <cell r="D706" t="str">
            <v>DSDR</v>
          </cell>
        </row>
        <row r="707">
          <cell r="D707" t="str">
            <v>DSDR</v>
          </cell>
        </row>
        <row r="708">
          <cell r="D708" t="str">
            <v>DSDR</v>
          </cell>
        </row>
        <row r="709">
          <cell r="D709" t="str">
            <v>DSDR</v>
          </cell>
        </row>
        <row r="710">
          <cell r="D710" t="str">
            <v>DSDR</v>
          </cell>
        </row>
        <row r="711">
          <cell r="D711" t="str">
            <v>DSDR</v>
          </cell>
        </row>
        <row r="712">
          <cell r="D712" t="str">
            <v>DSDR</v>
          </cell>
        </row>
        <row r="713">
          <cell r="D713" t="str">
            <v>DSDR</v>
          </cell>
        </row>
        <row r="714">
          <cell r="D714" t="str">
            <v>DSDR</v>
          </cell>
        </row>
        <row r="715">
          <cell r="D715" t="str">
            <v>DSDR</v>
          </cell>
        </row>
        <row r="716">
          <cell r="D716" t="str">
            <v>DSDR</v>
          </cell>
        </row>
        <row r="717">
          <cell r="D717" t="str">
            <v>DSDR</v>
          </cell>
        </row>
        <row r="718">
          <cell r="D718" t="str">
            <v>DSDR</v>
          </cell>
        </row>
        <row r="719">
          <cell r="D719" t="str">
            <v>DSDR</v>
          </cell>
        </row>
        <row r="720">
          <cell r="D720" t="str">
            <v>DSDR</v>
          </cell>
        </row>
        <row r="721">
          <cell r="D721" t="str">
            <v>DSDR</v>
          </cell>
        </row>
        <row r="722">
          <cell r="D722" t="str">
            <v>DSDR</v>
          </cell>
        </row>
        <row r="723">
          <cell r="D723" t="str">
            <v>DSDR</v>
          </cell>
        </row>
        <row r="724">
          <cell r="D724" t="str">
            <v>DSDR</v>
          </cell>
        </row>
        <row r="725">
          <cell r="D725" t="str">
            <v>DSDR</v>
          </cell>
        </row>
        <row r="726">
          <cell r="D726" t="str">
            <v>DSDR</v>
          </cell>
        </row>
        <row r="727">
          <cell r="D727" t="str">
            <v>DSDR</v>
          </cell>
        </row>
        <row r="728">
          <cell r="D728" t="str">
            <v>DSDR</v>
          </cell>
        </row>
        <row r="729">
          <cell r="D729" t="str">
            <v>DSDR</v>
          </cell>
        </row>
        <row r="730">
          <cell r="D730" t="str">
            <v>DSDR</v>
          </cell>
        </row>
        <row r="731">
          <cell r="D731" t="str">
            <v>DSDR</v>
          </cell>
        </row>
        <row r="732">
          <cell r="D732" t="str">
            <v>DSDR</v>
          </cell>
        </row>
        <row r="733">
          <cell r="D733" t="str">
            <v>DSDR</v>
          </cell>
        </row>
        <row r="734">
          <cell r="D734" t="str">
            <v>DSDR</v>
          </cell>
        </row>
        <row r="735">
          <cell r="D735" t="str">
            <v>DSDR</v>
          </cell>
        </row>
        <row r="736">
          <cell r="D736" t="str">
            <v>DSDR</v>
          </cell>
        </row>
        <row r="737">
          <cell r="D737" t="str">
            <v>DSDR</v>
          </cell>
        </row>
        <row r="738">
          <cell r="D738" t="str">
            <v>DSDR</v>
          </cell>
        </row>
        <row r="739">
          <cell r="D739" t="str">
            <v>Region Maintenance</v>
          </cell>
        </row>
        <row r="740">
          <cell r="D740" t="str">
            <v>Region Maintenance</v>
          </cell>
        </row>
        <row r="741">
          <cell r="D741" t="str">
            <v>Region Maintenance</v>
          </cell>
        </row>
        <row r="742">
          <cell r="D742" t="str">
            <v>Region Maintenance</v>
          </cell>
        </row>
        <row r="743">
          <cell r="D743" t="str">
            <v>Indirects &amp; Other</v>
          </cell>
        </row>
        <row r="744">
          <cell r="D744" t="str">
            <v>Indirects &amp; Other</v>
          </cell>
        </row>
        <row r="745">
          <cell r="D745" t="str">
            <v>Indirects &amp; Other</v>
          </cell>
        </row>
        <row r="746">
          <cell r="D746" t="str">
            <v>Indirects &amp; Other</v>
          </cell>
        </row>
        <row r="747">
          <cell r="D747" t="str">
            <v>Indirects &amp; Other</v>
          </cell>
        </row>
        <row r="748">
          <cell r="D748" t="str">
            <v>Indirects &amp; Other</v>
          </cell>
        </row>
        <row r="749">
          <cell r="D749" t="str">
            <v>Indirects &amp; Other</v>
          </cell>
        </row>
        <row r="750">
          <cell r="D750" t="str">
            <v>Indirects &amp; Other</v>
          </cell>
        </row>
        <row r="751">
          <cell r="D751" t="str">
            <v>Indirects &amp; Other</v>
          </cell>
        </row>
        <row r="752">
          <cell r="D752" t="str">
            <v>Indirects &amp; Other</v>
          </cell>
        </row>
        <row r="753">
          <cell r="D753" t="str">
            <v>EDC Major Storm</v>
          </cell>
        </row>
        <row r="754">
          <cell r="D754" t="str">
            <v>EDC Major Storm</v>
          </cell>
        </row>
        <row r="755">
          <cell r="D755" t="str">
            <v>EDC Major Storm</v>
          </cell>
        </row>
        <row r="756">
          <cell r="D756" t="str">
            <v>EDC Major Storm</v>
          </cell>
        </row>
        <row r="757">
          <cell r="D757" t="str">
            <v>EDC Major Storm</v>
          </cell>
        </row>
        <row r="758">
          <cell r="D758" t="str">
            <v>EDC Major Storm</v>
          </cell>
        </row>
        <row r="759">
          <cell r="D759" t="str">
            <v>EDC Major Storm</v>
          </cell>
        </row>
        <row r="760">
          <cell r="D760" t="str">
            <v>EDC Major Storm</v>
          </cell>
        </row>
        <row r="761">
          <cell r="D761" t="str">
            <v>EDC Major Storm</v>
          </cell>
        </row>
        <row r="762">
          <cell r="D762" t="str">
            <v>EDC Major Storm</v>
          </cell>
        </row>
        <row r="763">
          <cell r="D763" t="str">
            <v>EDC Major Storm</v>
          </cell>
        </row>
        <row r="764">
          <cell r="D764" t="str">
            <v>EDC Major Storm</v>
          </cell>
        </row>
        <row r="765">
          <cell r="D765" t="str">
            <v>EDC Major Storm</v>
          </cell>
        </row>
        <row r="766">
          <cell r="D766" t="str">
            <v>EDC Major Storm</v>
          </cell>
        </row>
        <row r="767">
          <cell r="D767" t="str">
            <v>EDC Major Storm</v>
          </cell>
        </row>
        <row r="768">
          <cell r="D768" t="str">
            <v>EDC Major Storm</v>
          </cell>
        </row>
        <row r="769">
          <cell r="D769" t="str">
            <v>EDC Major Storm</v>
          </cell>
        </row>
        <row r="770">
          <cell r="D770" t="str">
            <v>EDC Major Storm</v>
          </cell>
        </row>
        <row r="771">
          <cell r="D771" t="str">
            <v>EDC Major Storm</v>
          </cell>
        </row>
        <row r="772">
          <cell r="D772" t="str">
            <v>EDC Major Storm</v>
          </cell>
        </row>
        <row r="773">
          <cell r="D773" t="str">
            <v>EDC Major Storm</v>
          </cell>
        </row>
        <row r="774">
          <cell r="D774" t="str">
            <v>Transformer &amp; Meter Purchases</v>
          </cell>
        </row>
        <row r="775">
          <cell r="D775" t="str">
            <v>Transformer &amp; Meter Purchases</v>
          </cell>
        </row>
        <row r="776">
          <cell r="D776" t="str">
            <v>Transformer &amp; Meter Purchases</v>
          </cell>
        </row>
        <row r="777">
          <cell r="D777" t="str">
            <v>Transformer &amp; Meter Purchases</v>
          </cell>
        </row>
        <row r="778">
          <cell r="D778" t="str">
            <v>Large Revenue Construction</v>
          </cell>
        </row>
        <row r="779">
          <cell r="D779" t="str">
            <v>Large Revenue Construction</v>
          </cell>
        </row>
        <row r="780">
          <cell r="D780" t="str">
            <v>Large Revenue Construction</v>
          </cell>
        </row>
        <row r="781">
          <cell r="D781" t="str">
            <v>Large Revenue Construction</v>
          </cell>
        </row>
        <row r="782">
          <cell r="D782" t="str">
            <v>Large Revenue Construction</v>
          </cell>
        </row>
        <row r="783">
          <cell r="D783" t="str">
            <v>Revenue Construction - Residential</v>
          </cell>
        </row>
        <row r="784">
          <cell r="D784" t="str">
            <v>Revenue Construction - Residential</v>
          </cell>
        </row>
        <row r="785">
          <cell r="D785" t="str">
            <v>Revenue Construction - Residential</v>
          </cell>
        </row>
        <row r="786">
          <cell r="D786" t="str">
            <v>Revenue Construction - Residential</v>
          </cell>
        </row>
        <row r="787">
          <cell r="D787" t="str">
            <v>Revenue Construction - Residential</v>
          </cell>
        </row>
        <row r="788">
          <cell r="D788" t="str">
            <v>Revenue Construction - Residential</v>
          </cell>
        </row>
        <row r="789">
          <cell r="D789" t="str">
            <v>Revenue Construction - Residential</v>
          </cell>
        </row>
        <row r="790">
          <cell r="D790" t="str">
            <v>Revenue Construction - Residential</v>
          </cell>
        </row>
        <row r="791">
          <cell r="D791" t="str">
            <v>Revenue Construction - Residential</v>
          </cell>
        </row>
        <row r="792">
          <cell r="D792" t="str">
            <v>Revenue Construction - Residential</v>
          </cell>
        </row>
        <row r="793">
          <cell r="D793" t="str">
            <v>Revenue Construction - Lighting</v>
          </cell>
        </row>
        <row r="794">
          <cell r="D794" t="str">
            <v>Revenue Construction - Lighting</v>
          </cell>
        </row>
        <row r="795">
          <cell r="D795" t="str">
            <v>Revenue Construction - Lighting</v>
          </cell>
        </row>
        <row r="796">
          <cell r="D796" t="str">
            <v>Revenue Construction - Lighting</v>
          </cell>
        </row>
        <row r="797">
          <cell r="D797" t="str">
            <v>Revenue Construction - Lighting</v>
          </cell>
        </row>
        <row r="798">
          <cell r="D798" t="str">
            <v>Revenue Construction - Lighting</v>
          </cell>
        </row>
        <row r="799">
          <cell r="D799" t="str">
            <v>Revenue Construction - Lighting</v>
          </cell>
        </row>
        <row r="800">
          <cell r="D800" t="str">
            <v>Revenue Construction - Lighting</v>
          </cell>
        </row>
        <row r="801">
          <cell r="D801" t="str">
            <v>Revenue Construction - Lighting</v>
          </cell>
        </row>
        <row r="802">
          <cell r="D802" t="str">
            <v>Revenue Construction - Lighting</v>
          </cell>
        </row>
        <row r="803">
          <cell r="D803" t="str">
            <v>Revenue Construction - Lighting</v>
          </cell>
        </row>
        <row r="804">
          <cell r="D804" t="str">
            <v>Revenue Construction - C&amp;I</v>
          </cell>
        </row>
        <row r="805">
          <cell r="D805" t="str">
            <v>Revenue Construction - C&amp;I</v>
          </cell>
        </row>
        <row r="806">
          <cell r="D806" t="str">
            <v>Revenue Construction - C&amp;I</v>
          </cell>
        </row>
        <row r="807">
          <cell r="D807" t="str">
            <v>Revenue Construction - C&amp;I</v>
          </cell>
        </row>
        <row r="808">
          <cell r="D808" t="str">
            <v>Revenue Construction - C&amp;I</v>
          </cell>
        </row>
        <row r="809">
          <cell r="D809" t="str">
            <v>Revenue Construction - C&amp;I</v>
          </cell>
        </row>
        <row r="810">
          <cell r="D810" t="str">
            <v>Revenue Construction - C&amp;I</v>
          </cell>
        </row>
        <row r="811">
          <cell r="D811" t="str">
            <v>Revenue Construction - C&amp;I</v>
          </cell>
        </row>
        <row r="812">
          <cell r="D812" t="str">
            <v>Revenue Construction - C&amp;I</v>
          </cell>
        </row>
        <row r="813">
          <cell r="D813" t="str">
            <v>Revenue Construction - C&amp;I</v>
          </cell>
        </row>
        <row r="814">
          <cell r="D814" t="str">
            <v>Revenue Burdens</v>
          </cell>
        </row>
        <row r="815">
          <cell r="D815" t="str">
            <v>Revenue Burdens</v>
          </cell>
        </row>
        <row r="816">
          <cell r="D816" t="str">
            <v>Revenue Burdens</v>
          </cell>
        </row>
        <row r="817">
          <cell r="D817" t="str">
            <v>Revenue Burdens</v>
          </cell>
        </row>
        <row r="818">
          <cell r="D818" t="str">
            <v>Revenue Burdens</v>
          </cell>
        </row>
        <row r="819">
          <cell r="D819" t="str">
            <v>Revenue Burdens</v>
          </cell>
        </row>
        <row r="820">
          <cell r="D820" t="str">
            <v>Revenue Burdens</v>
          </cell>
        </row>
        <row r="821">
          <cell r="D821" t="str">
            <v>Revenue Burdens</v>
          </cell>
        </row>
        <row r="822">
          <cell r="D822" t="str">
            <v>Revenue Burdens</v>
          </cell>
        </row>
        <row r="823">
          <cell r="D823" t="str">
            <v>Revenue Burdens</v>
          </cell>
        </row>
        <row r="824">
          <cell r="D824" t="str">
            <v>Revenue Burdens</v>
          </cell>
        </row>
        <row r="825">
          <cell r="D825" t="str">
            <v>Revenue Burdens</v>
          </cell>
        </row>
        <row r="826">
          <cell r="D826" t="str">
            <v>Region Maintenance</v>
          </cell>
        </row>
        <row r="827">
          <cell r="D827" t="str">
            <v>Region Maintenance</v>
          </cell>
        </row>
        <row r="828">
          <cell r="D828" t="str">
            <v>Region Maintenance</v>
          </cell>
        </row>
        <row r="829">
          <cell r="D829" t="str">
            <v>Region Maintenance</v>
          </cell>
        </row>
        <row r="830">
          <cell r="D830" t="str">
            <v>Region Maintenance</v>
          </cell>
        </row>
        <row r="831">
          <cell r="D831" t="str">
            <v>Region Maintenance</v>
          </cell>
        </row>
        <row r="832">
          <cell r="D832" t="str">
            <v>Region Maintenance</v>
          </cell>
        </row>
        <row r="833">
          <cell r="D833" t="str">
            <v>Region Maintenance</v>
          </cell>
        </row>
        <row r="834">
          <cell r="D834" t="str">
            <v>Region Maintenance</v>
          </cell>
        </row>
        <row r="835">
          <cell r="D835" t="str">
            <v>Region Maintenance</v>
          </cell>
        </row>
        <row r="836">
          <cell r="D836" t="str">
            <v>Region Maintenance</v>
          </cell>
        </row>
        <row r="837">
          <cell r="D837" t="str">
            <v>Region Maintenance</v>
          </cell>
        </row>
        <row r="838">
          <cell r="D838" t="str">
            <v>Region Maintenance</v>
          </cell>
        </row>
        <row r="839">
          <cell r="D839" t="str">
            <v>Region Maintenance</v>
          </cell>
        </row>
        <row r="840">
          <cell r="D840" t="str">
            <v>Region Maintenance</v>
          </cell>
        </row>
        <row r="841">
          <cell r="D841" t="str">
            <v>Region Maintenance</v>
          </cell>
        </row>
        <row r="842">
          <cell r="D842" t="str">
            <v>Region Maintenance</v>
          </cell>
        </row>
        <row r="843">
          <cell r="D843" t="str">
            <v>Region Maintenance</v>
          </cell>
        </row>
        <row r="844">
          <cell r="D844" t="str">
            <v>Region Maintenance</v>
          </cell>
        </row>
        <row r="845">
          <cell r="D845" t="str">
            <v>Region Maintenance</v>
          </cell>
        </row>
        <row r="846">
          <cell r="D846" t="str">
            <v>Region Maintenance</v>
          </cell>
        </row>
        <row r="847">
          <cell r="D847" t="str">
            <v>Region Maintenance</v>
          </cell>
        </row>
        <row r="848">
          <cell r="D848" t="str">
            <v>Region Maintenance</v>
          </cell>
        </row>
        <row r="849">
          <cell r="D849" t="str">
            <v>Region Maintenance</v>
          </cell>
        </row>
        <row r="850">
          <cell r="D850" t="str">
            <v>Region Maintenance</v>
          </cell>
        </row>
        <row r="851">
          <cell r="D851" t="str">
            <v>Region Maintenance</v>
          </cell>
        </row>
        <row r="852">
          <cell r="D852" t="str">
            <v>Region Maintenance</v>
          </cell>
        </row>
        <row r="853">
          <cell r="D853" t="str">
            <v>Region Maintenance</v>
          </cell>
        </row>
        <row r="854">
          <cell r="D854" t="str">
            <v>Region Maintenance</v>
          </cell>
        </row>
        <row r="855">
          <cell r="D855" t="str">
            <v>Region Maintenance</v>
          </cell>
        </row>
        <row r="856">
          <cell r="D856" t="str">
            <v>Region Maintenance</v>
          </cell>
        </row>
        <row r="857">
          <cell r="D857" t="str">
            <v>Region Maintenance</v>
          </cell>
        </row>
        <row r="858">
          <cell r="D858" t="str">
            <v>Region Maintenance</v>
          </cell>
        </row>
        <row r="859">
          <cell r="D859" t="str">
            <v>Region Maintenance</v>
          </cell>
        </row>
        <row r="860">
          <cell r="D860" t="str">
            <v>Region Maintenance</v>
          </cell>
        </row>
        <row r="861">
          <cell r="D861" t="str">
            <v>Region Maintenance</v>
          </cell>
        </row>
        <row r="862">
          <cell r="D862" t="str">
            <v>Region Maintenance</v>
          </cell>
        </row>
        <row r="863">
          <cell r="D863" t="str">
            <v>Region Maintenance</v>
          </cell>
        </row>
        <row r="864">
          <cell r="D864" t="str">
            <v>Region Maintenance</v>
          </cell>
        </row>
        <row r="865">
          <cell r="D865" t="str">
            <v>Region Maintenance</v>
          </cell>
        </row>
        <row r="866">
          <cell r="D866" t="str">
            <v>Highway Conflicts &amp; Streetscapes</v>
          </cell>
        </row>
        <row r="867">
          <cell r="D867" t="str">
            <v>Highway Conflicts &amp; Streetscapes</v>
          </cell>
        </row>
        <row r="868">
          <cell r="D868" t="str">
            <v>Highway Conflicts &amp; Streetscapes</v>
          </cell>
        </row>
        <row r="869">
          <cell r="D869" t="str">
            <v>Highway Conflicts &amp; Streetscapes</v>
          </cell>
        </row>
        <row r="870">
          <cell r="D870" t="str">
            <v>Highway Conflicts &amp; Streetscapes</v>
          </cell>
        </row>
        <row r="871">
          <cell r="D871" t="str">
            <v>Highway Conflicts &amp; Streetscapes</v>
          </cell>
        </row>
        <row r="872">
          <cell r="D872" t="str">
            <v>Highway Conflicts &amp; Streetscapes</v>
          </cell>
        </row>
        <row r="873">
          <cell r="D873" t="str">
            <v>Highway Conflicts &amp; Streetscapes</v>
          </cell>
        </row>
        <row r="874">
          <cell r="D874" t="str">
            <v>Highway Conflicts &amp; Streetscapes</v>
          </cell>
        </row>
        <row r="875">
          <cell r="D875" t="str">
            <v>Lighting Maintenance</v>
          </cell>
        </row>
        <row r="876">
          <cell r="D876" t="str">
            <v>Lighting Maintenance</v>
          </cell>
        </row>
        <row r="877">
          <cell r="D877" t="str">
            <v>Lighting Maintenance</v>
          </cell>
        </row>
        <row r="878">
          <cell r="D878" t="str">
            <v>Lighting Maintenance</v>
          </cell>
        </row>
        <row r="879">
          <cell r="D879" t="str">
            <v>Lighting Maintenance</v>
          </cell>
        </row>
        <row r="880">
          <cell r="D880" t="str">
            <v>Lighting Maintenance</v>
          </cell>
        </row>
        <row r="881">
          <cell r="D881" t="str">
            <v>Lighting Maintenance</v>
          </cell>
        </row>
        <row r="882">
          <cell r="D882" t="str">
            <v>Lighting Maintenance</v>
          </cell>
        </row>
        <row r="883">
          <cell r="D883" t="str">
            <v>Lighting Maintenance</v>
          </cell>
        </row>
        <row r="884">
          <cell r="D884" t="str">
            <v>Restore</v>
          </cell>
        </row>
        <row r="885">
          <cell r="D885" t="str">
            <v>Restore</v>
          </cell>
        </row>
        <row r="886">
          <cell r="D886" t="str">
            <v>Restore</v>
          </cell>
        </row>
        <row r="887">
          <cell r="D887" t="str">
            <v>Restore</v>
          </cell>
        </row>
        <row r="888">
          <cell r="D888" t="str">
            <v>Restore</v>
          </cell>
        </row>
        <row r="889">
          <cell r="D889" t="str">
            <v>Restore</v>
          </cell>
        </row>
        <row r="890">
          <cell r="D890" t="str">
            <v>Restore</v>
          </cell>
        </row>
        <row r="891">
          <cell r="D891" t="str">
            <v>Restore</v>
          </cell>
        </row>
        <row r="892">
          <cell r="D892" t="str">
            <v>Restore</v>
          </cell>
        </row>
        <row r="893">
          <cell r="D893" t="str">
            <v>Restore</v>
          </cell>
        </row>
        <row r="894">
          <cell r="D894" t="str">
            <v>Restore</v>
          </cell>
        </row>
        <row r="895">
          <cell r="D895" t="str">
            <v>Restore</v>
          </cell>
        </row>
        <row r="896">
          <cell r="D896" t="str">
            <v>Restore</v>
          </cell>
        </row>
        <row r="897">
          <cell r="D897" t="str">
            <v>Restore</v>
          </cell>
        </row>
        <row r="898">
          <cell r="D898" t="str">
            <v>Restore</v>
          </cell>
        </row>
        <row r="899">
          <cell r="D899" t="str">
            <v>Restore</v>
          </cell>
        </row>
        <row r="900">
          <cell r="D900" t="str">
            <v>Restore</v>
          </cell>
        </row>
        <row r="901">
          <cell r="D901" t="str">
            <v>Restore</v>
          </cell>
        </row>
        <row r="902">
          <cell r="D902" t="str">
            <v>Indirects &amp; Other</v>
          </cell>
        </row>
        <row r="903">
          <cell r="D903" t="str">
            <v>Indirects &amp; Other</v>
          </cell>
        </row>
        <row r="904">
          <cell r="D904" t="str">
            <v>Indirects &amp; Other</v>
          </cell>
        </row>
        <row r="905">
          <cell r="D905" t="str">
            <v>Indirects &amp; Other</v>
          </cell>
        </row>
        <row r="906">
          <cell r="D906" t="str">
            <v>Indirects &amp; Other</v>
          </cell>
        </row>
        <row r="907">
          <cell r="D907" t="str">
            <v>Indirects &amp; Other</v>
          </cell>
        </row>
        <row r="908">
          <cell r="D908" t="str">
            <v>Indirects &amp; Other</v>
          </cell>
        </row>
        <row r="909">
          <cell r="D909" t="str">
            <v>Indirects &amp; Other</v>
          </cell>
        </row>
        <row r="910">
          <cell r="D910" t="str">
            <v>Indirects &amp; Other</v>
          </cell>
        </row>
        <row r="911">
          <cell r="D911" t="str">
            <v>Indirects &amp; Other</v>
          </cell>
        </row>
        <row r="912">
          <cell r="D912" t="str">
            <v>Indirects &amp; Other</v>
          </cell>
        </row>
        <row r="913">
          <cell r="D913" t="str">
            <v>Indirects &amp; Other</v>
          </cell>
        </row>
        <row r="914">
          <cell r="D914" t="str">
            <v>Indirects &amp; Other</v>
          </cell>
        </row>
        <row r="915">
          <cell r="D915" t="str">
            <v>Indirects &amp; Other</v>
          </cell>
        </row>
        <row r="916">
          <cell r="D916" t="str">
            <v>Indirects &amp; Other</v>
          </cell>
        </row>
        <row r="917">
          <cell r="D917" t="str">
            <v>Indirects &amp; Other</v>
          </cell>
        </row>
        <row r="918">
          <cell r="D918" t="str">
            <v>Indirects &amp; Other</v>
          </cell>
        </row>
        <row r="919">
          <cell r="D919" t="str">
            <v>Indirects &amp; Other</v>
          </cell>
        </row>
        <row r="920">
          <cell r="D920" t="str">
            <v>Indirects &amp; Other</v>
          </cell>
        </row>
        <row r="921">
          <cell r="D921" t="str">
            <v>Indirects &amp; Other</v>
          </cell>
        </row>
        <row r="922">
          <cell r="D922" t="str">
            <v>Indirects &amp; Other</v>
          </cell>
        </row>
        <row r="923">
          <cell r="D923" t="str">
            <v>Region Managed Fund</v>
          </cell>
        </row>
        <row r="924">
          <cell r="D924" t="str">
            <v>Region Managed Fund</v>
          </cell>
        </row>
        <row r="925">
          <cell r="D925" t="str">
            <v>Transformer &amp; Meter Purchases</v>
          </cell>
        </row>
        <row r="926">
          <cell r="D926" t="str">
            <v>Transformer &amp; Meter Purchases</v>
          </cell>
        </row>
        <row r="927">
          <cell r="D927" t="str">
            <v>Transformer &amp; Meter Purchases</v>
          </cell>
        </row>
        <row r="928">
          <cell r="D928" t="str">
            <v>Transformer &amp; Meter Purchases</v>
          </cell>
        </row>
        <row r="929">
          <cell r="D929" t="str">
            <v>Transformer &amp; Meter Purchases</v>
          </cell>
        </row>
        <row r="930">
          <cell r="D930" t="str">
            <v>Transformer &amp; Meter Purchases</v>
          </cell>
        </row>
        <row r="931">
          <cell r="D931" t="str">
            <v>Transformer &amp; Meter Purchases</v>
          </cell>
        </row>
        <row r="932">
          <cell r="D932" t="str">
            <v>Transformer &amp; Meter Purchases</v>
          </cell>
        </row>
        <row r="933">
          <cell r="D933" t="str">
            <v>Large Revenue Construction</v>
          </cell>
        </row>
        <row r="934">
          <cell r="D934" t="str">
            <v>Large Revenue Construction</v>
          </cell>
        </row>
        <row r="935">
          <cell r="D935" t="str">
            <v>Large Revenue Construction</v>
          </cell>
        </row>
        <row r="936">
          <cell r="D936" t="str">
            <v>Large Revenue Construction</v>
          </cell>
        </row>
        <row r="937">
          <cell r="D937" t="str">
            <v>Large Revenue Construction</v>
          </cell>
        </row>
        <row r="938">
          <cell r="D938" t="str">
            <v>Large Revenue Construction</v>
          </cell>
        </row>
        <row r="939">
          <cell r="D939" t="str">
            <v>Large Revenue Construction</v>
          </cell>
        </row>
        <row r="940">
          <cell r="D940" t="str">
            <v>Large Revenue Construction</v>
          </cell>
        </row>
        <row r="941">
          <cell r="D941" t="str">
            <v>Large Revenue Construction</v>
          </cell>
        </row>
        <row r="942">
          <cell r="D942" t="str">
            <v>Large Revenue Construction</v>
          </cell>
        </row>
        <row r="943">
          <cell r="D943" t="str">
            <v>Large Revenue Construction</v>
          </cell>
        </row>
        <row r="944">
          <cell r="D944" t="str">
            <v>Large Revenue Construction</v>
          </cell>
        </row>
        <row r="945">
          <cell r="D945" t="str">
            <v>Large Revenue Construction</v>
          </cell>
        </row>
        <row r="946">
          <cell r="D946" t="str">
            <v>Large Revenue Construction</v>
          </cell>
        </row>
        <row r="947">
          <cell r="D947" t="str">
            <v>Large Revenue Construction</v>
          </cell>
        </row>
        <row r="948">
          <cell r="D948" t="str">
            <v>Large Revenue Construction</v>
          </cell>
        </row>
        <row r="949">
          <cell r="D949" t="str">
            <v>Large Revenue Construction</v>
          </cell>
        </row>
        <row r="950">
          <cell r="D950" t="str">
            <v>Large Revenue Construction</v>
          </cell>
        </row>
        <row r="951">
          <cell r="D951" t="str">
            <v>Large Revenue Construction</v>
          </cell>
        </row>
        <row r="952">
          <cell r="D952" t="str">
            <v>Large Revenue Construction</v>
          </cell>
        </row>
        <row r="953">
          <cell r="D953" t="str">
            <v>Large Revenue Construction</v>
          </cell>
        </row>
        <row r="954">
          <cell r="D954" t="str">
            <v>Large Revenue Construction</v>
          </cell>
        </row>
        <row r="955">
          <cell r="D955" t="str">
            <v>Large Revenue Construction</v>
          </cell>
        </row>
        <row r="956">
          <cell r="D956" t="str">
            <v>Large Revenue Construction</v>
          </cell>
        </row>
        <row r="957">
          <cell r="D957" t="str">
            <v>Large Revenue Construction</v>
          </cell>
        </row>
        <row r="958">
          <cell r="D958" t="str">
            <v>Large Revenue Construction</v>
          </cell>
        </row>
        <row r="959">
          <cell r="D959" t="str">
            <v>Large Revenue Construction</v>
          </cell>
        </row>
        <row r="960">
          <cell r="D960" t="str">
            <v>Large Revenue Construction</v>
          </cell>
        </row>
        <row r="961">
          <cell r="D961" t="str">
            <v>Large Revenue Construction</v>
          </cell>
        </row>
        <row r="962">
          <cell r="D962" t="str">
            <v>Large Revenue Construction</v>
          </cell>
        </row>
        <row r="963">
          <cell r="D963" t="str">
            <v>Large Revenue Construction</v>
          </cell>
        </row>
        <row r="964">
          <cell r="D964" t="str">
            <v>Large Revenue Construction</v>
          </cell>
        </row>
        <row r="965">
          <cell r="D965" t="str">
            <v>Large Revenue Construction</v>
          </cell>
        </row>
        <row r="966">
          <cell r="D966" t="str">
            <v>Large Revenue Construction</v>
          </cell>
        </row>
        <row r="967">
          <cell r="D967" t="str">
            <v>Large Revenue Construction</v>
          </cell>
        </row>
        <row r="968">
          <cell r="D968" t="str">
            <v>Large Revenue Construction</v>
          </cell>
        </row>
        <row r="969">
          <cell r="D969" t="str">
            <v>Large Revenue Construction</v>
          </cell>
        </row>
        <row r="970">
          <cell r="D970" t="str">
            <v>Large Revenue Construction</v>
          </cell>
        </row>
        <row r="971">
          <cell r="D971" t="str">
            <v>Large Revenue Construction</v>
          </cell>
        </row>
        <row r="972">
          <cell r="D972" t="str">
            <v>Large Revenue Construction</v>
          </cell>
        </row>
        <row r="973">
          <cell r="D973" t="str">
            <v>Large Revenue Construction</v>
          </cell>
        </row>
        <row r="974">
          <cell r="D974" t="str">
            <v>Large Revenue Construction</v>
          </cell>
        </row>
        <row r="975">
          <cell r="D975" t="str">
            <v>Large Revenue Construction</v>
          </cell>
        </row>
        <row r="976">
          <cell r="D976" t="str">
            <v>Large Revenue Construction</v>
          </cell>
        </row>
        <row r="977">
          <cell r="D977" t="str">
            <v>Large Revenue Construction</v>
          </cell>
        </row>
        <row r="978">
          <cell r="D978" t="str">
            <v>Large Revenue Construction</v>
          </cell>
        </row>
        <row r="979">
          <cell r="D979" t="str">
            <v>Large Revenue Construction</v>
          </cell>
        </row>
        <row r="980">
          <cell r="D980" t="str">
            <v>Large Revenue Construction</v>
          </cell>
        </row>
        <row r="981">
          <cell r="D981" t="str">
            <v>Large Revenue Construction</v>
          </cell>
        </row>
        <row r="982">
          <cell r="D982" t="str">
            <v>Large Revenue Construction</v>
          </cell>
        </row>
        <row r="983">
          <cell r="D983" t="str">
            <v>Large Revenue Construction</v>
          </cell>
        </row>
        <row r="984">
          <cell r="D984" t="str">
            <v>Large Revenue Construction</v>
          </cell>
        </row>
        <row r="985">
          <cell r="D985" t="str">
            <v>Large Revenue Construction</v>
          </cell>
        </row>
        <row r="986">
          <cell r="D986" t="str">
            <v>Large Revenue Construction</v>
          </cell>
        </row>
        <row r="987">
          <cell r="D987" t="str">
            <v>Large Revenue Construction</v>
          </cell>
        </row>
        <row r="988">
          <cell r="D988" t="str">
            <v>Large Revenue Construction</v>
          </cell>
        </row>
        <row r="989">
          <cell r="D989" t="str">
            <v>Large Revenue Construction</v>
          </cell>
        </row>
        <row r="990">
          <cell r="D990" t="str">
            <v>Large Revenue Construction</v>
          </cell>
        </row>
        <row r="991">
          <cell r="D991" t="str">
            <v>Large Revenue Construction</v>
          </cell>
        </row>
        <row r="992">
          <cell r="D992" t="str">
            <v>Large Revenue Construction</v>
          </cell>
        </row>
        <row r="993">
          <cell r="D993" t="str">
            <v>Large Revenue Construction</v>
          </cell>
        </row>
        <row r="994">
          <cell r="D994" t="str">
            <v>Large Revenue Construction</v>
          </cell>
        </row>
        <row r="995">
          <cell r="D995" t="str">
            <v>Large Revenue Construction</v>
          </cell>
        </row>
        <row r="996">
          <cell r="D996" t="str">
            <v>Large Revenue Construction</v>
          </cell>
        </row>
        <row r="997">
          <cell r="D997" t="str">
            <v>Large Revenue Construction</v>
          </cell>
        </row>
        <row r="998">
          <cell r="D998" t="str">
            <v>Large Revenue Construction</v>
          </cell>
        </row>
        <row r="999">
          <cell r="D999" t="str">
            <v>Large Revenue Construction</v>
          </cell>
        </row>
        <row r="1000">
          <cell r="D1000" t="str">
            <v>Large Revenue Construction</v>
          </cell>
        </row>
        <row r="1001">
          <cell r="D1001" t="str">
            <v>Large Revenue Construction</v>
          </cell>
        </row>
        <row r="1002">
          <cell r="D1002" t="str">
            <v>Large Revenue Construction</v>
          </cell>
        </row>
        <row r="1003">
          <cell r="D1003" t="str">
            <v>Large Revenue Construction</v>
          </cell>
        </row>
        <row r="1004">
          <cell r="D1004" t="str">
            <v>Large Revenue Construction</v>
          </cell>
        </row>
        <row r="1005">
          <cell r="D1005" t="str">
            <v>Large Revenue Construction</v>
          </cell>
        </row>
        <row r="1006">
          <cell r="D1006" t="str">
            <v>Large Revenue Construction</v>
          </cell>
        </row>
        <row r="1007">
          <cell r="D1007" t="str">
            <v>Large Revenue Construction</v>
          </cell>
        </row>
        <row r="1008">
          <cell r="D1008" t="str">
            <v>Large Revenue Construction</v>
          </cell>
        </row>
        <row r="1009">
          <cell r="D1009" t="str">
            <v>Large Revenue Construction</v>
          </cell>
        </row>
        <row r="1010">
          <cell r="D1010" t="str">
            <v>Large Revenue Construction</v>
          </cell>
        </row>
        <row r="1011">
          <cell r="D1011" t="str">
            <v>Large Revenue Construction</v>
          </cell>
        </row>
        <row r="1012">
          <cell r="D1012" t="str">
            <v>Load Growth</v>
          </cell>
        </row>
        <row r="1013">
          <cell r="D1013" t="str">
            <v>Load Growth</v>
          </cell>
        </row>
        <row r="1014">
          <cell r="D1014" t="str">
            <v>Load Growth</v>
          </cell>
        </row>
        <row r="1015">
          <cell r="D1015" t="str">
            <v>Load Growth</v>
          </cell>
        </row>
        <row r="1016">
          <cell r="D1016" t="str">
            <v>Load Growth</v>
          </cell>
        </row>
        <row r="1017">
          <cell r="D1017" t="str">
            <v>Load Growth</v>
          </cell>
        </row>
        <row r="1018">
          <cell r="D1018" t="str">
            <v>Load Growth</v>
          </cell>
        </row>
        <row r="1019">
          <cell r="D1019" t="str">
            <v>Load Growth</v>
          </cell>
        </row>
        <row r="1020">
          <cell r="D1020" t="str">
            <v>Load Growth</v>
          </cell>
        </row>
        <row r="1021">
          <cell r="D1021" t="str">
            <v>Load Growth</v>
          </cell>
        </row>
        <row r="1022">
          <cell r="D1022" t="str">
            <v>Load Growth</v>
          </cell>
        </row>
        <row r="1023">
          <cell r="D1023" t="str">
            <v>Load Growth</v>
          </cell>
        </row>
        <row r="1024">
          <cell r="D1024" t="str">
            <v>Load Growth</v>
          </cell>
        </row>
        <row r="1025">
          <cell r="D1025" t="str">
            <v>Load Growth</v>
          </cell>
        </row>
        <row r="1026">
          <cell r="D1026" t="str">
            <v>Load Growth</v>
          </cell>
        </row>
        <row r="1027">
          <cell r="D1027" t="str">
            <v>Load Growth</v>
          </cell>
        </row>
        <row r="1028">
          <cell r="D1028" t="str">
            <v>Load Growth</v>
          </cell>
        </row>
        <row r="1029">
          <cell r="D1029" t="str">
            <v>Load Growth</v>
          </cell>
        </row>
        <row r="1030">
          <cell r="D1030" t="str">
            <v>Load Growth</v>
          </cell>
        </row>
        <row r="1031">
          <cell r="D1031" t="str">
            <v>Load Growth</v>
          </cell>
        </row>
        <row r="1032">
          <cell r="D1032" t="str">
            <v>Load Growth</v>
          </cell>
        </row>
        <row r="1033">
          <cell r="D1033" t="str">
            <v>Load Growth</v>
          </cell>
        </row>
        <row r="1034">
          <cell r="D1034" t="str">
            <v>Load Growth</v>
          </cell>
        </row>
        <row r="1035">
          <cell r="D1035" t="str">
            <v>Load Growth</v>
          </cell>
        </row>
        <row r="1036">
          <cell r="D1036" t="str">
            <v>Load Growth</v>
          </cell>
        </row>
        <row r="1037">
          <cell r="D1037" t="str">
            <v>Load Growth</v>
          </cell>
        </row>
        <row r="1038">
          <cell r="D1038" t="str">
            <v>Load Growth</v>
          </cell>
        </row>
        <row r="1039">
          <cell r="D1039" t="str">
            <v>Load Growth</v>
          </cell>
        </row>
        <row r="1040">
          <cell r="D1040" t="str">
            <v>Load Growth</v>
          </cell>
        </row>
        <row r="1041">
          <cell r="D1041" t="str">
            <v>Load Growth</v>
          </cell>
        </row>
        <row r="1042">
          <cell r="D1042" t="str">
            <v>Load Growth</v>
          </cell>
        </row>
        <row r="1043">
          <cell r="D1043" t="str">
            <v>Load Growth</v>
          </cell>
        </row>
        <row r="1044">
          <cell r="D1044" t="str">
            <v>Load Growth</v>
          </cell>
        </row>
        <row r="1045">
          <cell r="D1045" t="str">
            <v>Load Growth</v>
          </cell>
        </row>
        <row r="1046">
          <cell r="D1046" t="str">
            <v>Load Growth</v>
          </cell>
        </row>
        <row r="1047">
          <cell r="D1047" t="str">
            <v>Load Growth</v>
          </cell>
        </row>
        <row r="1048">
          <cell r="D1048" t="str">
            <v>Load Growth</v>
          </cell>
        </row>
        <row r="1049">
          <cell r="D1049" t="str">
            <v>Load Growth</v>
          </cell>
        </row>
        <row r="1050">
          <cell r="D1050" t="str">
            <v>Load Growth</v>
          </cell>
        </row>
        <row r="1051">
          <cell r="D1051" t="str">
            <v>Load Growth</v>
          </cell>
        </row>
        <row r="1052">
          <cell r="D1052" t="str">
            <v>Load Growth</v>
          </cell>
        </row>
        <row r="1053">
          <cell r="D1053" t="str">
            <v>Load Growth</v>
          </cell>
        </row>
        <row r="1054">
          <cell r="D1054" t="str">
            <v>Load Growth</v>
          </cell>
        </row>
        <row r="1055">
          <cell r="D1055" t="str">
            <v>Load Growth</v>
          </cell>
        </row>
        <row r="1056">
          <cell r="D1056" t="str">
            <v>Load Growth</v>
          </cell>
        </row>
        <row r="1057">
          <cell r="D1057" t="str">
            <v>Load Growth</v>
          </cell>
        </row>
        <row r="1058">
          <cell r="D1058" t="str">
            <v>Load Growth</v>
          </cell>
        </row>
        <row r="1059">
          <cell r="D1059" t="str">
            <v>Load Growth</v>
          </cell>
        </row>
        <row r="1060">
          <cell r="D1060" t="str">
            <v>Load Growth</v>
          </cell>
        </row>
        <row r="1061">
          <cell r="D1061" t="str">
            <v>Load Growth</v>
          </cell>
        </row>
        <row r="1062">
          <cell r="D1062" t="str">
            <v>Load Growth</v>
          </cell>
        </row>
        <row r="1063">
          <cell r="D1063" t="str">
            <v>Load Growth</v>
          </cell>
        </row>
        <row r="1064">
          <cell r="D1064" t="str">
            <v>Load Growth</v>
          </cell>
        </row>
        <row r="1065">
          <cell r="D1065" t="str">
            <v>Load Growth</v>
          </cell>
        </row>
        <row r="1066">
          <cell r="D1066" t="str">
            <v>Load Growth</v>
          </cell>
        </row>
        <row r="1067">
          <cell r="D1067" t="str">
            <v>Load Growth</v>
          </cell>
        </row>
        <row r="1068">
          <cell r="D1068" t="str">
            <v>Load Growth</v>
          </cell>
        </row>
        <row r="1069">
          <cell r="D1069" t="str">
            <v>Load Growth</v>
          </cell>
        </row>
        <row r="1070">
          <cell r="D1070" t="str">
            <v>Load Growth</v>
          </cell>
        </row>
        <row r="1071">
          <cell r="D1071" t="str">
            <v>Asset Programs Maintenance</v>
          </cell>
        </row>
        <row r="1072">
          <cell r="D1072" t="str">
            <v>Asset Programs Maintenance</v>
          </cell>
        </row>
        <row r="1073">
          <cell r="D1073" t="str">
            <v>Asset Programs Maintenance</v>
          </cell>
        </row>
        <row r="1074">
          <cell r="D1074" t="str">
            <v>Asset Programs Maintenance</v>
          </cell>
        </row>
        <row r="1075">
          <cell r="D1075" t="str">
            <v>Asset Programs Maintenance</v>
          </cell>
        </row>
        <row r="1076">
          <cell r="D1076" t="str">
            <v>Asset Programs Maintenance</v>
          </cell>
        </row>
        <row r="1077">
          <cell r="D1077" t="str">
            <v>Asset Programs Maintenance</v>
          </cell>
        </row>
        <row r="1078">
          <cell r="D1078" t="str">
            <v>Asset Programs Maintenance</v>
          </cell>
        </row>
        <row r="1079">
          <cell r="D1079" t="str">
            <v>Asset Programs Maintenance</v>
          </cell>
        </row>
        <row r="1080">
          <cell r="D1080" t="str">
            <v>Asset Programs Maintenance</v>
          </cell>
        </row>
        <row r="1081">
          <cell r="D1081" t="str">
            <v>Asset Programs Maintenance</v>
          </cell>
        </row>
        <row r="1082">
          <cell r="D1082" t="str">
            <v>Asset Programs Maintenance</v>
          </cell>
        </row>
        <row r="1083">
          <cell r="D1083" t="str">
            <v>Asset Programs Maintenance</v>
          </cell>
        </row>
        <row r="1084">
          <cell r="D1084" t="str">
            <v>Asset Programs Maintenance</v>
          </cell>
        </row>
        <row r="1085">
          <cell r="D1085" t="str">
            <v>Asset Programs Maintenance</v>
          </cell>
        </row>
        <row r="1086">
          <cell r="D1086" t="str">
            <v>Asset Programs Maintenance</v>
          </cell>
        </row>
        <row r="1087">
          <cell r="D1087" t="str">
            <v>Asset Programs Maintenance</v>
          </cell>
        </row>
        <row r="1088">
          <cell r="D1088" t="str">
            <v>Asset Programs Maintenance</v>
          </cell>
        </row>
        <row r="1089">
          <cell r="D1089" t="str">
            <v>Asset Programs Maintenance</v>
          </cell>
        </row>
        <row r="1090">
          <cell r="D1090" t="str">
            <v>Asset Programs Maintenance</v>
          </cell>
        </row>
        <row r="1091">
          <cell r="D1091" t="str">
            <v>Asset Programs Maintenance</v>
          </cell>
        </row>
        <row r="1092">
          <cell r="D1092" t="str">
            <v>Asset Programs Maintenance</v>
          </cell>
        </row>
        <row r="1093">
          <cell r="D1093" t="str">
            <v>Asset Programs Maintenance</v>
          </cell>
        </row>
        <row r="1094">
          <cell r="D1094" t="str">
            <v>Asset Programs Maintenance</v>
          </cell>
        </row>
        <row r="1095">
          <cell r="D1095" t="str">
            <v>Asset Programs Maintenance</v>
          </cell>
        </row>
        <row r="1096">
          <cell r="D1096" t="str">
            <v>Asset Programs Maintenance</v>
          </cell>
        </row>
        <row r="1097">
          <cell r="D1097" t="str">
            <v>Asset Programs Maintenance</v>
          </cell>
        </row>
        <row r="1098">
          <cell r="D1098" t="str">
            <v>Asset Programs Maintenance</v>
          </cell>
        </row>
        <row r="1099">
          <cell r="D1099" t="str">
            <v>Asset Programs Maintenance</v>
          </cell>
        </row>
        <row r="1100">
          <cell r="D1100" t="str">
            <v>Asset Programs Maintenance</v>
          </cell>
        </row>
        <row r="1101">
          <cell r="D1101" t="str">
            <v>Asset Programs Maintenance</v>
          </cell>
        </row>
        <row r="1102">
          <cell r="D1102" t="str">
            <v>Asset Programs Maintenance</v>
          </cell>
        </row>
        <row r="1103">
          <cell r="D1103" t="str">
            <v>Asset Programs Maintenance</v>
          </cell>
        </row>
        <row r="1104">
          <cell r="D1104" t="str">
            <v>Asset Programs Maintenance</v>
          </cell>
        </row>
        <row r="1105">
          <cell r="D1105" t="str">
            <v>Asset Programs Maintenance</v>
          </cell>
        </row>
        <row r="1106">
          <cell r="D1106" t="str">
            <v>Asset Programs Maintenance</v>
          </cell>
        </row>
        <row r="1107">
          <cell r="D1107" t="str">
            <v>Asset Programs Maintenance</v>
          </cell>
        </row>
        <row r="1108">
          <cell r="D1108" t="str">
            <v>Asset Programs Maintenance</v>
          </cell>
        </row>
        <row r="1109">
          <cell r="D1109" t="str">
            <v>Asset Programs Maintenance</v>
          </cell>
        </row>
        <row r="1110">
          <cell r="D1110" t="str">
            <v>Asset Programs Maintenance</v>
          </cell>
        </row>
        <row r="1111">
          <cell r="D1111" t="str">
            <v>Asset Programs Maintenance</v>
          </cell>
        </row>
        <row r="1112">
          <cell r="D1112" t="str">
            <v>Asset Programs Maintenance</v>
          </cell>
        </row>
        <row r="1113">
          <cell r="D1113" t="str">
            <v>Asset Programs Maintenance</v>
          </cell>
        </row>
        <row r="1114">
          <cell r="D1114" t="str">
            <v>Asset Programs Maintenance</v>
          </cell>
        </row>
        <row r="1115">
          <cell r="D1115" t="str">
            <v>Asset Programs Maintenance</v>
          </cell>
        </row>
        <row r="1116">
          <cell r="D1116" t="str">
            <v>Asset Programs Maintenance</v>
          </cell>
        </row>
        <row r="1117">
          <cell r="D1117" t="str">
            <v>Asset Programs Maintenance</v>
          </cell>
        </row>
        <row r="1118">
          <cell r="D1118" t="str">
            <v>Asset Programs Maintenance</v>
          </cell>
        </row>
        <row r="1119">
          <cell r="D1119" t="str">
            <v>Asset Programs Maintenance</v>
          </cell>
        </row>
        <row r="1120">
          <cell r="D1120" t="str">
            <v>Asset Programs Maintenance</v>
          </cell>
        </row>
        <row r="1121">
          <cell r="D1121" t="str">
            <v>Asset Programs Maintenance</v>
          </cell>
        </row>
        <row r="1122">
          <cell r="D1122" t="str">
            <v>Asset Programs Maintenance</v>
          </cell>
        </row>
        <row r="1123">
          <cell r="D1123" t="str">
            <v>Region Maintenance</v>
          </cell>
        </row>
        <row r="1124">
          <cell r="D1124" t="str">
            <v>Region Maintenance</v>
          </cell>
        </row>
        <row r="1125">
          <cell r="D1125" t="str">
            <v>Region Maintenance</v>
          </cell>
        </row>
        <row r="1126">
          <cell r="D1126" t="str">
            <v>Region Maintenance</v>
          </cell>
        </row>
        <row r="1127">
          <cell r="D1127" t="str">
            <v>Region Maintenance</v>
          </cell>
        </row>
        <row r="1128">
          <cell r="D1128" t="str">
            <v>Region Maintenance</v>
          </cell>
        </row>
        <row r="1129">
          <cell r="D1129" t="str">
            <v>Region Maintenance</v>
          </cell>
        </row>
        <row r="1130">
          <cell r="D1130" t="str">
            <v>Region Maintenance</v>
          </cell>
        </row>
        <row r="1131">
          <cell r="D1131" t="str">
            <v>Highway Conflicts &amp; Streetscapes</v>
          </cell>
        </row>
        <row r="1132">
          <cell r="D1132" t="str">
            <v>Highway Conflicts &amp; Streetscapes</v>
          </cell>
        </row>
        <row r="1133">
          <cell r="D1133" t="str">
            <v>Highway Conflicts &amp; Streetscapes</v>
          </cell>
        </row>
        <row r="1134">
          <cell r="D1134" t="str">
            <v>Highway Conflicts &amp; Streetscapes</v>
          </cell>
        </row>
        <row r="1135">
          <cell r="D1135" t="str">
            <v>Highway Conflicts &amp; Streetscapes</v>
          </cell>
        </row>
        <row r="1136">
          <cell r="D1136" t="str">
            <v>Highway Conflicts &amp; Streetscapes</v>
          </cell>
        </row>
        <row r="1137">
          <cell r="D1137" t="str">
            <v>Highway Conflicts &amp; Streetscapes</v>
          </cell>
        </row>
        <row r="1138">
          <cell r="D1138" t="str">
            <v>Highway Conflicts &amp; Streetscapes</v>
          </cell>
        </row>
        <row r="1139">
          <cell r="D1139" t="str">
            <v>Highway Conflicts &amp; Streetscapes</v>
          </cell>
        </row>
        <row r="1140">
          <cell r="D1140" t="str">
            <v>Highway Conflicts &amp; Streetscapes</v>
          </cell>
        </row>
        <row r="1141">
          <cell r="D1141" t="str">
            <v>Highway Conflicts &amp; Streetscapes</v>
          </cell>
        </row>
        <row r="1142">
          <cell r="D1142" t="str">
            <v>Catalyst 221</v>
          </cell>
        </row>
        <row r="1143">
          <cell r="D1143" t="str">
            <v>Catalyst 221</v>
          </cell>
        </row>
        <row r="1144">
          <cell r="D1144" t="str">
            <v>Catalyst 221</v>
          </cell>
        </row>
        <row r="1145">
          <cell r="D1145" t="str">
            <v>Catalyst 221</v>
          </cell>
        </row>
        <row r="1146">
          <cell r="D1146" t="str">
            <v>Catalyst 221</v>
          </cell>
        </row>
        <row r="1147">
          <cell r="D1147" t="str">
            <v>Catalyst 221</v>
          </cell>
        </row>
        <row r="1148">
          <cell r="D1148" t="str">
            <v>Catalyst 221</v>
          </cell>
        </row>
        <row r="1149">
          <cell r="D1149" t="str">
            <v>Catalyst 221</v>
          </cell>
        </row>
        <row r="1150">
          <cell r="D1150" t="str">
            <v>Catalyst 221</v>
          </cell>
        </row>
        <row r="1151">
          <cell r="D1151" t="str">
            <v>Catalyst 221</v>
          </cell>
        </row>
        <row r="1152">
          <cell r="D1152" t="str">
            <v>Catalyst 221</v>
          </cell>
        </row>
        <row r="1153">
          <cell r="D1153" t="str">
            <v>Catalyst 221</v>
          </cell>
        </row>
        <row r="1154">
          <cell r="D1154" t="str">
            <v>Other Technology Initiatives</v>
          </cell>
        </row>
        <row r="1155">
          <cell r="D1155" t="str">
            <v>Other Technology Initiatives</v>
          </cell>
        </row>
        <row r="1156">
          <cell r="D1156" t="str">
            <v>Other Technology Initiatives</v>
          </cell>
        </row>
        <row r="1157">
          <cell r="D1157" t="str">
            <v>Other Technology Initiatives</v>
          </cell>
        </row>
        <row r="1158">
          <cell r="D1158" t="str">
            <v>Indirects &amp; Other</v>
          </cell>
        </row>
        <row r="1159">
          <cell r="D1159" t="str">
            <v>Indirects &amp; Other</v>
          </cell>
        </row>
        <row r="1160">
          <cell r="D1160" t="str">
            <v>Indirects &amp; Other</v>
          </cell>
        </row>
        <row r="1161">
          <cell r="D1161" t="str">
            <v>Indirects &amp; Other</v>
          </cell>
        </row>
        <row r="1162">
          <cell r="D1162" t="str">
            <v>Indirects &amp; Other</v>
          </cell>
        </row>
        <row r="1163">
          <cell r="D1163" t="str">
            <v>Indirects &amp; Other</v>
          </cell>
        </row>
        <row r="1164">
          <cell r="D1164" t="str">
            <v>Indirects &amp; Other</v>
          </cell>
        </row>
        <row r="1165">
          <cell r="D1165" t="str">
            <v>Indirects &amp; Other</v>
          </cell>
        </row>
        <row r="1166">
          <cell r="D1166" t="str">
            <v>Indirects &amp; Other</v>
          </cell>
        </row>
        <row r="1167">
          <cell r="D1167" t="str">
            <v>Indirects &amp; Other</v>
          </cell>
        </row>
        <row r="1168">
          <cell r="D1168" t="str">
            <v>Indirects &amp; Other</v>
          </cell>
        </row>
        <row r="1169">
          <cell r="D1169" t="str">
            <v>Indirects &amp; Other</v>
          </cell>
        </row>
        <row r="1170">
          <cell r="D1170" t="str">
            <v>Indirects &amp; Other</v>
          </cell>
        </row>
        <row r="1171">
          <cell r="D1171" t="str">
            <v>Indirects &amp; Other</v>
          </cell>
        </row>
        <row r="1172">
          <cell r="D1172" t="str">
            <v>Indirects &amp; Other</v>
          </cell>
        </row>
        <row r="1173">
          <cell r="D1173" t="str">
            <v>Indirects &amp; Other</v>
          </cell>
        </row>
        <row r="1174">
          <cell r="D1174" t="str">
            <v>Indirects &amp; Other</v>
          </cell>
        </row>
        <row r="1175">
          <cell r="D1175" t="str">
            <v>Indirects &amp; Other</v>
          </cell>
        </row>
        <row r="1176">
          <cell r="D1176" t="str">
            <v>Indirects &amp; Other</v>
          </cell>
        </row>
        <row r="1177">
          <cell r="D1177" t="str">
            <v>Indirects &amp; Other</v>
          </cell>
        </row>
        <row r="1178">
          <cell r="D1178" t="str">
            <v>Indirects &amp; Other</v>
          </cell>
        </row>
        <row r="1179">
          <cell r="D1179" t="str">
            <v>Indirects &amp; Other</v>
          </cell>
        </row>
        <row r="1180">
          <cell r="D1180" t="str">
            <v>Indirects &amp; Other</v>
          </cell>
        </row>
        <row r="1181">
          <cell r="D1181" t="str">
            <v>Indirects &amp; Other</v>
          </cell>
        </row>
        <row r="1182">
          <cell r="D1182" t="str">
            <v>Indirects &amp; Other</v>
          </cell>
        </row>
        <row r="1183">
          <cell r="D1183" t="str">
            <v>Indirects &amp; Other</v>
          </cell>
        </row>
        <row r="1184">
          <cell r="D1184" t="str">
            <v>Indirects &amp; Other</v>
          </cell>
        </row>
        <row r="1185">
          <cell r="D1185" t="str">
            <v>Indirects &amp; Other</v>
          </cell>
        </row>
        <row r="1186">
          <cell r="D1186" t="str">
            <v>Indirects &amp; Other</v>
          </cell>
        </row>
        <row r="1187">
          <cell r="D1187" t="str">
            <v>Indirects &amp; Other</v>
          </cell>
        </row>
        <row r="1188">
          <cell r="D1188" t="str">
            <v>Indirects &amp; Other</v>
          </cell>
        </row>
        <row r="1189">
          <cell r="D1189" t="str">
            <v>Indirects &amp; Other</v>
          </cell>
        </row>
        <row r="1190">
          <cell r="D1190" t="str">
            <v>Indirects &amp; Other</v>
          </cell>
        </row>
        <row r="1191">
          <cell r="D1191" t="str">
            <v>Indirects &amp; Other</v>
          </cell>
        </row>
        <row r="1192">
          <cell r="D1192" t="str">
            <v>Indirects &amp; Other</v>
          </cell>
        </row>
        <row r="1193">
          <cell r="D1193" t="str">
            <v>Indirects &amp; Other</v>
          </cell>
        </row>
        <row r="1194">
          <cell r="D1194" t="str">
            <v>Indirects &amp; Other</v>
          </cell>
        </row>
        <row r="1195">
          <cell r="D1195" t="str">
            <v>Indirects &amp; Other</v>
          </cell>
        </row>
        <row r="1196">
          <cell r="D1196" t="str">
            <v>Indirects &amp; Other</v>
          </cell>
        </row>
        <row r="1197">
          <cell r="D1197" t="str">
            <v>Indirects &amp; Other</v>
          </cell>
        </row>
        <row r="1198">
          <cell r="D1198" t="str">
            <v>Indirects &amp; Other</v>
          </cell>
        </row>
        <row r="1199">
          <cell r="D1199" t="str">
            <v>Indirects &amp; Other</v>
          </cell>
        </row>
        <row r="1200">
          <cell r="D1200" t="str">
            <v>Indirects &amp; Other</v>
          </cell>
        </row>
        <row r="1201">
          <cell r="D1201" t="str">
            <v>Indirects &amp; Other</v>
          </cell>
        </row>
        <row r="1202">
          <cell r="D1202" t="str">
            <v>Indirects &amp; Other</v>
          </cell>
        </row>
        <row r="1203">
          <cell r="D1203" t="str">
            <v>Indirects &amp; Other</v>
          </cell>
        </row>
        <row r="1204">
          <cell r="D1204" t="str">
            <v>Indirects &amp; Other</v>
          </cell>
        </row>
        <row r="1205">
          <cell r="D1205" t="str">
            <v>EDC Managed Account</v>
          </cell>
        </row>
        <row r="1206">
          <cell r="D1206" t="str">
            <v>Wayne County</v>
          </cell>
        </row>
        <row r="1207">
          <cell r="D1207" t="str">
            <v>Wayne County</v>
          </cell>
        </row>
        <row r="1208">
          <cell r="D1208" t="str">
            <v>Wayne County</v>
          </cell>
        </row>
        <row r="1209">
          <cell r="D1209" t="str">
            <v>Wayne County</v>
          </cell>
        </row>
        <row r="1210">
          <cell r="D1210" t="str">
            <v>Wayne County</v>
          </cell>
        </row>
        <row r="1211">
          <cell r="D1211" t="str">
            <v>Wayne County</v>
          </cell>
        </row>
        <row r="1212">
          <cell r="D1212" t="str">
            <v>Wayne County</v>
          </cell>
        </row>
        <row r="1213">
          <cell r="D1213" t="str">
            <v>Wayne County</v>
          </cell>
        </row>
        <row r="1214">
          <cell r="D1214" t="str">
            <v>Wayne County</v>
          </cell>
        </row>
        <row r="1215">
          <cell r="D1215" t="str">
            <v>DSDR</v>
          </cell>
        </row>
        <row r="1216">
          <cell r="D1216" t="str">
            <v>DSDR</v>
          </cell>
        </row>
        <row r="1217">
          <cell r="D1217" t="str">
            <v>DSDR</v>
          </cell>
        </row>
        <row r="1218">
          <cell r="D1218" t="str">
            <v>Region Managed Fund</v>
          </cell>
        </row>
        <row r="1219">
          <cell r="D1219" t="str">
            <v>Feeder Segmentation</v>
          </cell>
        </row>
        <row r="1220">
          <cell r="D1220" t="str">
            <v>Feeder Segmentation</v>
          </cell>
        </row>
        <row r="1221">
          <cell r="D1221" t="str">
            <v>Feeder Segmentation</v>
          </cell>
        </row>
        <row r="1222">
          <cell r="D1222" t="str">
            <v>Feeder Segmentation</v>
          </cell>
        </row>
        <row r="1223">
          <cell r="D1223" t="str">
            <v>Feeder Segmentation</v>
          </cell>
        </row>
        <row r="1224">
          <cell r="D1224" t="str">
            <v>Feeder Segmentation</v>
          </cell>
        </row>
        <row r="1225">
          <cell r="D1225" t="str">
            <v>Feeder Segmentation</v>
          </cell>
        </row>
        <row r="1226">
          <cell r="D1226" t="str">
            <v>Customer &amp; Market Services</v>
          </cell>
        </row>
        <row r="1227">
          <cell r="D1227" t="str">
            <v>Customer &amp; Market Services</v>
          </cell>
        </row>
        <row r="1228">
          <cell r="D1228" t="str">
            <v>Customer &amp; Market Services</v>
          </cell>
        </row>
        <row r="1229">
          <cell r="D1229" t="str">
            <v>Customer &amp; Market Services</v>
          </cell>
        </row>
        <row r="1230">
          <cell r="D1230" t="str">
            <v>Customer &amp; Market Services</v>
          </cell>
        </row>
        <row r="1231">
          <cell r="D1231" t="str">
            <v>Customer &amp; Market Services</v>
          </cell>
        </row>
        <row r="1232">
          <cell r="D1232" t="str">
            <v>Customer &amp; Market Services</v>
          </cell>
        </row>
        <row r="1233">
          <cell r="D1233" t="str">
            <v>DSDR</v>
          </cell>
        </row>
        <row r="1234">
          <cell r="D1234" t="str">
            <v>DSDR</v>
          </cell>
        </row>
        <row r="1235">
          <cell r="D1235" t="str">
            <v>DSDR</v>
          </cell>
        </row>
        <row r="1236">
          <cell r="D1236" t="str">
            <v>DSDR</v>
          </cell>
        </row>
        <row r="1237">
          <cell r="D1237" t="str">
            <v>DSDR</v>
          </cell>
        </row>
        <row r="1238">
          <cell r="D1238" t="str">
            <v>DSDR</v>
          </cell>
        </row>
        <row r="1239">
          <cell r="D1239" t="str">
            <v>DSDR</v>
          </cell>
        </row>
        <row r="1240">
          <cell r="D1240" t="str">
            <v>DSDR</v>
          </cell>
        </row>
        <row r="1241">
          <cell r="D1241" t="str">
            <v>DSDR</v>
          </cell>
        </row>
        <row r="1242">
          <cell r="D1242" t="str">
            <v>DSDR</v>
          </cell>
        </row>
        <row r="1243">
          <cell r="D1243" t="str">
            <v>DSDR</v>
          </cell>
        </row>
        <row r="1244">
          <cell r="D1244" t="str">
            <v>DSDR</v>
          </cell>
        </row>
        <row r="1245">
          <cell r="D1245" t="str">
            <v>DSDR</v>
          </cell>
        </row>
        <row r="1246">
          <cell r="D1246" t="str">
            <v>DSDR</v>
          </cell>
        </row>
        <row r="1247">
          <cell r="D1247" t="str">
            <v>DSDR</v>
          </cell>
        </row>
        <row r="1248">
          <cell r="D1248" t="str">
            <v>DSDR</v>
          </cell>
        </row>
        <row r="1249">
          <cell r="D1249" t="str">
            <v>DSDR</v>
          </cell>
        </row>
        <row r="1250">
          <cell r="D1250" t="str">
            <v>DSDR</v>
          </cell>
        </row>
        <row r="1251">
          <cell r="D1251" t="str">
            <v>DSDR</v>
          </cell>
        </row>
        <row r="1252">
          <cell r="D1252" t="str">
            <v>DSDR</v>
          </cell>
        </row>
        <row r="1253">
          <cell r="D1253" t="str">
            <v>DSDR</v>
          </cell>
        </row>
        <row r="1254">
          <cell r="D1254" t="str">
            <v>DSDR</v>
          </cell>
        </row>
        <row r="1255">
          <cell r="D1255" t="str">
            <v>DSDR</v>
          </cell>
        </row>
        <row r="1256">
          <cell r="D1256" t="str">
            <v>DSDR</v>
          </cell>
        </row>
        <row r="1257">
          <cell r="D1257" t="str">
            <v>DSDR</v>
          </cell>
        </row>
        <row r="1258">
          <cell r="D1258" t="str">
            <v>DSDR</v>
          </cell>
        </row>
        <row r="1259">
          <cell r="D1259" t="str">
            <v>DSDR</v>
          </cell>
        </row>
        <row r="1260">
          <cell r="D1260" t="str">
            <v>DSDR</v>
          </cell>
        </row>
        <row r="1261">
          <cell r="D1261" t="str">
            <v>DSDR</v>
          </cell>
        </row>
        <row r="1262">
          <cell r="D1262" t="str">
            <v>DSDR</v>
          </cell>
        </row>
        <row r="1263">
          <cell r="D1263" t="str">
            <v>DSDR</v>
          </cell>
        </row>
        <row r="1264">
          <cell r="D1264" t="str">
            <v>DSDR</v>
          </cell>
        </row>
        <row r="1265">
          <cell r="D1265" t="str">
            <v>DSDR</v>
          </cell>
        </row>
        <row r="1266">
          <cell r="D1266" t="str">
            <v>DSDR</v>
          </cell>
        </row>
        <row r="1267">
          <cell r="D1267" t="str">
            <v>DSDR</v>
          </cell>
        </row>
        <row r="1268">
          <cell r="D1268" t="str">
            <v>DSDR</v>
          </cell>
        </row>
        <row r="1269">
          <cell r="D1269" t="str">
            <v>DSDR</v>
          </cell>
        </row>
        <row r="1270">
          <cell r="D1270" t="str">
            <v>DSDR</v>
          </cell>
        </row>
        <row r="1271">
          <cell r="D1271" t="str">
            <v>DSDR</v>
          </cell>
        </row>
        <row r="1272">
          <cell r="D1272" t="str">
            <v>DSDR</v>
          </cell>
        </row>
        <row r="1273">
          <cell r="D1273" t="str">
            <v>DSDR</v>
          </cell>
        </row>
        <row r="1274">
          <cell r="D1274" t="str">
            <v>DSDR</v>
          </cell>
        </row>
        <row r="1275">
          <cell r="D1275" t="str">
            <v>DSDR</v>
          </cell>
        </row>
        <row r="1276">
          <cell r="D1276" t="str">
            <v>DSDR</v>
          </cell>
        </row>
        <row r="1277">
          <cell r="D1277" t="str">
            <v>DSDR</v>
          </cell>
        </row>
        <row r="1278">
          <cell r="D1278" t="str">
            <v>DSDR</v>
          </cell>
        </row>
        <row r="1279">
          <cell r="D1279" t="str">
            <v>DSDR</v>
          </cell>
        </row>
        <row r="1280">
          <cell r="D1280" t="str">
            <v>DSDR</v>
          </cell>
        </row>
        <row r="1281">
          <cell r="D1281" t="str">
            <v>DSDR</v>
          </cell>
        </row>
        <row r="1282">
          <cell r="D1282" t="str">
            <v>DSDR</v>
          </cell>
        </row>
        <row r="1283">
          <cell r="D1283" t="str">
            <v>DSDR</v>
          </cell>
        </row>
        <row r="1284">
          <cell r="D1284" t="str">
            <v>DSDR</v>
          </cell>
        </row>
        <row r="1285">
          <cell r="D1285" t="str">
            <v>DSDR</v>
          </cell>
        </row>
        <row r="1286">
          <cell r="D1286" t="str">
            <v>DSDR</v>
          </cell>
        </row>
        <row r="1287">
          <cell r="D1287" t="str">
            <v>DSDR</v>
          </cell>
        </row>
        <row r="1288">
          <cell r="D1288" t="str">
            <v>DSDR</v>
          </cell>
        </row>
        <row r="1289">
          <cell r="D1289" t="str">
            <v>DSDR</v>
          </cell>
        </row>
        <row r="1290">
          <cell r="D1290" t="str">
            <v>Revenue Construction - Lighting</v>
          </cell>
        </row>
        <row r="1291">
          <cell r="D1291" t="str">
            <v>Revenue Construction - Lighting</v>
          </cell>
        </row>
        <row r="1292">
          <cell r="D1292" t="str">
            <v>Revenue Burdens</v>
          </cell>
        </row>
        <row r="1293">
          <cell r="D1293" t="str">
            <v>Region Managed Fund</v>
          </cell>
        </row>
        <row r="1294">
          <cell r="D1294" t="str">
            <v>Region Maintenance</v>
          </cell>
        </row>
        <row r="1295">
          <cell r="D1295" t="str">
            <v>Region Maintenance</v>
          </cell>
        </row>
        <row r="1296">
          <cell r="D1296" t="str">
            <v>Florida C&amp;MS</v>
          </cell>
        </row>
        <row r="1297">
          <cell r="D1297" t="str">
            <v>Florida C&amp;MS</v>
          </cell>
        </row>
        <row r="1298">
          <cell r="D1298" t="str">
            <v>Florida C&amp;MS</v>
          </cell>
        </row>
        <row r="1299">
          <cell r="D1299" t="str">
            <v>Florida C&amp;MS</v>
          </cell>
        </row>
        <row r="1300">
          <cell r="D1300" t="str">
            <v>Florida C&amp;MS</v>
          </cell>
        </row>
        <row r="1301">
          <cell r="D1301" t="str">
            <v>Florida C&amp;MS</v>
          </cell>
        </row>
        <row r="1302">
          <cell r="D1302" t="str">
            <v>Florida C&amp;MS</v>
          </cell>
        </row>
        <row r="1303">
          <cell r="D1303" t="str">
            <v>Florida C&amp;MS</v>
          </cell>
        </row>
        <row r="1304">
          <cell r="D1304" t="str">
            <v>Florida C&amp;MS</v>
          </cell>
        </row>
        <row r="1305">
          <cell r="D1305" t="str">
            <v>Florida C&amp;MS</v>
          </cell>
        </row>
        <row r="1306">
          <cell r="D1306" t="str">
            <v>Florida C&amp;MS</v>
          </cell>
        </row>
        <row r="1307">
          <cell r="D1307" t="str">
            <v>Florida C&amp;MS</v>
          </cell>
        </row>
        <row r="1308">
          <cell r="D1308" t="str">
            <v>Florida C&amp;MS</v>
          </cell>
        </row>
        <row r="1309">
          <cell r="D1309" t="str">
            <v>Florida C&amp;MS</v>
          </cell>
        </row>
        <row r="1310">
          <cell r="D1310" t="str">
            <v>Florida C&amp;MS</v>
          </cell>
        </row>
        <row r="1311">
          <cell r="D1311" t="str">
            <v>Florida C&amp;MS</v>
          </cell>
        </row>
        <row r="1312">
          <cell r="D1312" t="str">
            <v>Florida C&amp;MS</v>
          </cell>
        </row>
        <row r="1313">
          <cell r="D1313" t="str">
            <v>Florida C&amp;MS</v>
          </cell>
        </row>
        <row r="1314">
          <cell r="D1314" t="str">
            <v>Florida C&amp;MS</v>
          </cell>
        </row>
        <row r="1315">
          <cell r="D1315" t="str">
            <v>Florida C&amp;MS</v>
          </cell>
        </row>
        <row r="1316">
          <cell r="D1316" t="str">
            <v>Florida C&amp;MS</v>
          </cell>
        </row>
        <row r="1317">
          <cell r="D1317" t="str">
            <v>Florida C&amp;MS</v>
          </cell>
        </row>
        <row r="1318">
          <cell r="D1318" t="str">
            <v>Florida C&amp;MS</v>
          </cell>
        </row>
        <row r="1319">
          <cell r="D1319" t="str">
            <v>Florida C&amp;MS</v>
          </cell>
        </row>
        <row r="1320">
          <cell r="D1320" t="str">
            <v>Florida C&amp;MS</v>
          </cell>
        </row>
        <row r="1321">
          <cell r="D1321" t="str">
            <v>Florida C&amp;MS</v>
          </cell>
        </row>
        <row r="1322">
          <cell r="D1322" t="str">
            <v>Florida C&amp;MS</v>
          </cell>
        </row>
        <row r="1323">
          <cell r="D1323" t="str">
            <v>Florida C&amp;MS</v>
          </cell>
        </row>
        <row r="1324">
          <cell r="D1324" t="str">
            <v>Florida C&amp;MS</v>
          </cell>
        </row>
        <row r="1325">
          <cell r="D1325" t="str">
            <v>Florida C&amp;MS</v>
          </cell>
        </row>
        <row r="1326">
          <cell r="D1326" t="str">
            <v>Florida C&amp;MS</v>
          </cell>
        </row>
        <row r="1327">
          <cell r="D1327" t="str">
            <v>Florida C&amp;MS</v>
          </cell>
        </row>
        <row r="1328">
          <cell r="D1328" t="str">
            <v>Florida C&amp;MS</v>
          </cell>
        </row>
        <row r="1329">
          <cell r="D1329" t="str">
            <v>Florida C&amp;MS</v>
          </cell>
        </row>
        <row r="1330">
          <cell r="D1330" t="str">
            <v>Florida C&amp;MS</v>
          </cell>
        </row>
        <row r="1331">
          <cell r="D1331" t="str">
            <v>Florida C&amp;MS</v>
          </cell>
        </row>
        <row r="1332">
          <cell r="D1332" t="str">
            <v>Florida C&amp;MS</v>
          </cell>
        </row>
        <row r="1333">
          <cell r="D1333" t="str">
            <v>Florida C&amp;MS</v>
          </cell>
        </row>
        <row r="1334">
          <cell r="D1334" t="str">
            <v>Region Maintenance</v>
          </cell>
        </row>
        <row r="1335">
          <cell r="D1335" t="str">
            <v>Region Maintenance</v>
          </cell>
        </row>
        <row r="1336">
          <cell r="D1336" t="str">
            <v>Florida C&amp;MS</v>
          </cell>
        </row>
        <row r="1337">
          <cell r="D1337" t="str">
            <v>Florida C&amp;MS</v>
          </cell>
        </row>
        <row r="1338">
          <cell r="D1338" t="str">
            <v>Florida C&amp;MS</v>
          </cell>
        </row>
        <row r="1339">
          <cell r="D1339" t="str">
            <v>Florida C&amp;MS</v>
          </cell>
        </row>
      </sheetData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>
        <row r="1">
          <cell r="D1">
            <v>0</v>
          </cell>
        </row>
      </sheetData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</sheetDataSet>
  </externalBook>
</externalLink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D2923B-307E-43D7-B605-AE1EDEBA3F4D}">
  <sheetPr>
    <tabColor theme="9" tint="0.59999389629810485"/>
    <pageSetUpPr fitToPage="1"/>
  </sheetPr>
  <dimension ref="A1:C13"/>
  <sheetViews>
    <sheetView tabSelected="1" view="pageLayout" zoomScaleNormal="110" workbookViewId="0">
      <selection activeCell="B17" sqref="B17"/>
    </sheetView>
  </sheetViews>
  <sheetFormatPr defaultColWidth="8.6640625" defaultRowHeight="13.2" x14ac:dyDescent="0.25"/>
  <cols>
    <col min="1" max="1" width="47.44140625" style="18" customWidth="1"/>
    <col min="2" max="2" width="25.5546875" style="18" customWidth="1"/>
    <col min="3" max="3" width="24" style="18" customWidth="1"/>
    <col min="4" max="16384" width="8.6640625" style="18"/>
  </cols>
  <sheetData>
    <row r="1" spans="1:3" ht="15.6" x14ac:dyDescent="0.3">
      <c r="A1" s="16" t="s">
        <v>284</v>
      </c>
      <c r="B1" s="17" t="s">
        <v>0</v>
      </c>
      <c r="C1" s="17" t="s">
        <v>12</v>
      </c>
    </row>
    <row r="2" spans="1:3" x14ac:dyDescent="0.25">
      <c r="A2" s="18" t="s">
        <v>285</v>
      </c>
      <c r="B2" s="19" t="s">
        <v>271</v>
      </c>
      <c r="C2" s="19" t="str">
        <f>B2</f>
        <v>July 2023 - September 2024</v>
      </c>
    </row>
    <row r="3" spans="1:3" ht="14.4" x14ac:dyDescent="0.3">
      <c r="A3" s="20" t="s">
        <v>278</v>
      </c>
      <c r="B3" s="21">
        <f>SUM(B4:B6)</f>
        <v>11230562.842999995</v>
      </c>
      <c r="C3" s="22">
        <f>SUM(C4:C6)</f>
        <v>84862.05</v>
      </c>
    </row>
    <row r="4" spans="1:3" ht="14.4" x14ac:dyDescent="0.3">
      <c r="A4" s="4" t="s">
        <v>280</v>
      </c>
      <c r="B4" s="23">
        <f>'9(a) Response Pt 2'!G13</f>
        <v>345875.28</v>
      </c>
      <c r="C4" s="24">
        <f>'9(a) Response Pt 2'!P13</f>
        <v>28695.46</v>
      </c>
    </row>
    <row r="5" spans="1:3" ht="14.4" x14ac:dyDescent="0.3">
      <c r="A5" s="4" t="s">
        <v>281</v>
      </c>
      <c r="B5" s="23">
        <f>'9(a) Response Pt 2'!G56</f>
        <v>2956689.3329999992</v>
      </c>
      <c r="C5" s="24">
        <f>'9(a) Response Pt 2'!P56</f>
        <v>49844.200000000004</v>
      </c>
    </row>
    <row r="6" spans="1:3" ht="14.4" x14ac:dyDescent="0.3">
      <c r="A6" s="4" t="s">
        <v>279</v>
      </c>
      <c r="B6" s="23">
        <f>'9(a) Response Pt 2'!G264</f>
        <v>7927998.2299999958</v>
      </c>
      <c r="C6" s="24">
        <f>'9(a) Response Pt 2'!P264</f>
        <v>6322.39</v>
      </c>
    </row>
    <row r="8" spans="1:3" x14ac:dyDescent="0.25">
      <c r="A8" s="5" t="s">
        <v>282</v>
      </c>
      <c r="B8" s="25"/>
    </row>
    <row r="9" spans="1:3" x14ac:dyDescent="0.25">
      <c r="A9" s="5" t="s">
        <v>283</v>
      </c>
    </row>
    <row r="10" spans="1:3" x14ac:dyDescent="0.25">
      <c r="A10" s="26"/>
    </row>
    <row r="11" spans="1:3" x14ac:dyDescent="0.25">
      <c r="A11" s="26"/>
    </row>
    <row r="13" spans="1:3" x14ac:dyDescent="0.25">
      <c r="A13" s="27"/>
    </row>
  </sheetData>
  <pageMargins left="1" right="0.7" top="1.5" bottom="0.75" header="0.75" footer="0.3"/>
  <pageSetup scale="89" orientation="portrait" r:id="rId1"/>
  <headerFooter>
    <oddHeader>&amp;R&amp;"Times New Roman,Bold"KyPSC Case No. 2024-00354
STAFF-DR-01-009 Attachment
Page &amp;P of &amp;N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2D6154-987E-458A-96F5-CF1A991E8BC2}">
  <sheetPr>
    <pageSetUpPr fitToPage="1"/>
  </sheetPr>
  <dimension ref="B2:Q266"/>
  <sheetViews>
    <sheetView showGridLines="0" view="pageLayout" zoomScaleNormal="100" workbookViewId="0">
      <selection activeCell="B23" sqref="B23"/>
    </sheetView>
  </sheetViews>
  <sheetFormatPr defaultRowHeight="14.4" x14ac:dyDescent="0.3"/>
  <cols>
    <col min="2" max="2" width="32.33203125" bestFit="1" customWidth="1"/>
    <col min="3" max="3" width="51.6640625" bestFit="1" customWidth="1"/>
    <col min="4" max="4" width="15.44140625" style="1" bestFit="1" customWidth="1"/>
    <col min="5" max="6" width="13.44140625" style="1" bestFit="1" customWidth="1"/>
    <col min="7" max="7" width="19.88671875" style="1" bestFit="1" customWidth="1"/>
    <col min="8" max="8" width="14" style="1" bestFit="1" customWidth="1"/>
    <col min="9" max="9" width="13.44140625" style="1" bestFit="1" customWidth="1"/>
    <col min="10" max="10" width="14" style="1" bestFit="1" customWidth="1"/>
    <col min="11" max="11" width="13.44140625" style="1" bestFit="1" customWidth="1"/>
    <col min="12" max="12" width="14" style="1" bestFit="1" customWidth="1"/>
    <col min="13" max="13" width="13" style="1" bestFit="1" customWidth="1"/>
    <col min="14" max="14" width="13.44140625" style="1" bestFit="1" customWidth="1"/>
    <col min="15" max="15" width="14" style="1" bestFit="1" customWidth="1"/>
    <col min="16" max="16" width="14.5546875" style="1" customWidth="1"/>
  </cols>
  <sheetData>
    <row r="2" spans="2:16" ht="15" thickBot="1" x14ac:dyDescent="0.35">
      <c r="B2" t="s">
        <v>293</v>
      </c>
    </row>
    <row r="3" spans="2:16" ht="15" thickBot="1" x14ac:dyDescent="0.35">
      <c r="D3" s="33" t="s">
        <v>275</v>
      </c>
      <c r="E3" s="34"/>
      <c r="F3" s="35"/>
      <c r="H3" s="33" t="s">
        <v>276</v>
      </c>
      <c r="I3" s="34"/>
      <c r="J3" s="34"/>
      <c r="K3" s="34"/>
      <c r="L3" s="34"/>
      <c r="M3" s="34"/>
      <c r="N3" s="34"/>
      <c r="O3" s="35"/>
    </row>
    <row r="4" spans="2:16" x14ac:dyDescent="0.3">
      <c r="B4" s="2" t="s">
        <v>277</v>
      </c>
      <c r="C4" s="2" t="s">
        <v>272</v>
      </c>
      <c r="D4" s="3" t="s">
        <v>1</v>
      </c>
      <c r="E4" s="3" t="s">
        <v>2</v>
      </c>
      <c r="F4" s="3" t="s">
        <v>3</v>
      </c>
      <c r="G4" s="3" t="s">
        <v>273</v>
      </c>
      <c r="H4" s="3" t="s">
        <v>5</v>
      </c>
      <c r="I4" s="3" t="s">
        <v>6</v>
      </c>
      <c r="J4" s="3" t="s">
        <v>7</v>
      </c>
      <c r="K4" s="3" t="s">
        <v>244</v>
      </c>
      <c r="L4" s="3" t="s">
        <v>8</v>
      </c>
      <c r="M4" s="3" t="s">
        <v>9</v>
      </c>
      <c r="N4" s="3" t="s">
        <v>10</v>
      </c>
      <c r="O4" s="3" t="s">
        <v>11</v>
      </c>
      <c r="P4" s="3" t="s">
        <v>274</v>
      </c>
    </row>
    <row r="5" spans="2:16" x14ac:dyDescent="0.3">
      <c r="B5" t="s">
        <v>280</v>
      </c>
      <c r="C5" t="s">
        <v>13</v>
      </c>
      <c r="E5" s="1">
        <v>57812.01</v>
      </c>
      <c r="G5" s="1">
        <f>SUM(D5:F5)</f>
        <v>57812.01</v>
      </c>
      <c r="I5" s="1">
        <v>4151.26</v>
      </c>
      <c r="P5" s="1">
        <f>SUM(H5:O5)</f>
        <v>4151.26</v>
      </c>
    </row>
    <row r="6" spans="2:16" x14ac:dyDescent="0.3">
      <c r="B6" t="s">
        <v>280</v>
      </c>
      <c r="C6" t="s">
        <v>245</v>
      </c>
      <c r="G6" s="1">
        <f t="shared" ref="G6:G71" si="0">SUM(D6:F6)</f>
        <v>0</v>
      </c>
      <c r="I6" s="1">
        <v>306.64999999999998</v>
      </c>
      <c r="P6" s="1">
        <f t="shared" ref="P6:P71" si="1">SUM(H6:O6)</f>
        <v>306.64999999999998</v>
      </c>
    </row>
    <row r="7" spans="2:16" x14ac:dyDescent="0.3">
      <c r="B7" t="s">
        <v>280</v>
      </c>
      <c r="C7" t="s">
        <v>246</v>
      </c>
      <c r="E7" s="1">
        <v>58307.3</v>
      </c>
      <c r="G7" s="1">
        <f t="shared" si="0"/>
        <v>58307.3</v>
      </c>
      <c r="I7" s="1">
        <v>4871.55</v>
      </c>
      <c r="O7" s="1">
        <v>128.03</v>
      </c>
      <c r="P7" s="1">
        <f t="shared" si="1"/>
        <v>4999.58</v>
      </c>
    </row>
    <row r="8" spans="2:16" x14ac:dyDescent="0.3">
      <c r="B8" t="s">
        <v>280</v>
      </c>
      <c r="C8" t="s">
        <v>247</v>
      </c>
      <c r="G8" s="1">
        <f t="shared" si="0"/>
        <v>0</v>
      </c>
      <c r="I8" s="1">
        <v>314.42</v>
      </c>
      <c r="P8" s="1">
        <f t="shared" si="1"/>
        <v>314.42</v>
      </c>
    </row>
    <row r="9" spans="2:16" x14ac:dyDescent="0.3">
      <c r="B9" t="s">
        <v>280</v>
      </c>
      <c r="C9" t="s">
        <v>248</v>
      </c>
      <c r="E9" s="1">
        <v>55555.37</v>
      </c>
      <c r="G9" s="1">
        <f t="shared" si="0"/>
        <v>55555.37</v>
      </c>
      <c r="H9" s="1">
        <v>202.32</v>
      </c>
      <c r="I9" s="1">
        <v>4446.21</v>
      </c>
      <c r="O9" s="1">
        <v>128.02000000000001</v>
      </c>
      <c r="P9" s="1">
        <f t="shared" si="1"/>
        <v>4776.55</v>
      </c>
    </row>
    <row r="10" spans="2:16" x14ac:dyDescent="0.3">
      <c r="B10" t="s">
        <v>280</v>
      </c>
      <c r="C10" t="s">
        <v>249</v>
      </c>
      <c r="E10" s="1">
        <v>81083.56</v>
      </c>
      <c r="G10" s="1">
        <f t="shared" si="0"/>
        <v>81083.56</v>
      </c>
      <c r="I10" s="1">
        <v>6230.28</v>
      </c>
      <c r="O10" s="1">
        <v>146.54</v>
      </c>
      <c r="P10" s="1">
        <f t="shared" si="1"/>
        <v>6376.82</v>
      </c>
    </row>
    <row r="11" spans="2:16" x14ac:dyDescent="0.3">
      <c r="B11" t="s">
        <v>280</v>
      </c>
      <c r="C11" t="s">
        <v>250</v>
      </c>
      <c r="E11" s="1">
        <v>15126.4</v>
      </c>
      <c r="G11" s="1">
        <f t="shared" si="0"/>
        <v>15126.4</v>
      </c>
      <c r="I11" s="1">
        <v>925.02</v>
      </c>
      <c r="P11" s="1">
        <f t="shared" si="1"/>
        <v>925.02</v>
      </c>
    </row>
    <row r="12" spans="2:16" x14ac:dyDescent="0.3">
      <c r="B12" t="s">
        <v>280</v>
      </c>
      <c r="C12" t="s">
        <v>14</v>
      </c>
      <c r="D12" s="1">
        <v>6474.9</v>
      </c>
      <c r="E12" s="1">
        <v>71515.740000000005</v>
      </c>
      <c r="G12" s="1">
        <f t="shared" si="0"/>
        <v>77990.64</v>
      </c>
      <c r="I12" s="1">
        <v>6717.13</v>
      </c>
      <c r="O12" s="1">
        <v>128.03</v>
      </c>
      <c r="P12" s="1">
        <f t="shared" si="1"/>
        <v>6845.16</v>
      </c>
    </row>
    <row r="13" spans="2:16" s="28" customFormat="1" x14ac:dyDescent="0.3">
      <c r="B13" s="29" t="s">
        <v>289</v>
      </c>
      <c r="C13" s="29"/>
      <c r="D13" s="30">
        <f>SUM(D5:D12)</f>
        <v>6474.9</v>
      </c>
      <c r="E13" s="30">
        <f t="shared" ref="E13:G13" si="2">SUM(E5:E12)</f>
        <v>339400.38</v>
      </c>
      <c r="F13" s="30">
        <f t="shared" si="2"/>
        <v>0</v>
      </c>
      <c r="G13" s="30">
        <f t="shared" si="2"/>
        <v>345875.28</v>
      </c>
      <c r="H13" s="30">
        <f t="shared" ref="H13" si="3">SUM(H5:H12)</f>
        <v>202.32</v>
      </c>
      <c r="I13" s="30">
        <f t="shared" ref="I13" si="4">SUM(I5:I12)</f>
        <v>27962.52</v>
      </c>
      <c r="J13" s="30">
        <f t="shared" ref="J13" si="5">SUM(J5:J12)</f>
        <v>0</v>
      </c>
      <c r="K13" s="30">
        <f t="shared" ref="K13" si="6">SUM(K5:K12)</f>
        <v>0</v>
      </c>
      <c r="L13" s="30">
        <f t="shared" ref="L13" si="7">SUM(L5:L12)</f>
        <v>0</v>
      </c>
      <c r="M13" s="30">
        <f t="shared" ref="M13" si="8">SUM(M5:M12)</f>
        <v>0</v>
      </c>
      <c r="N13" s="30">
        <f t="shared" ref="N13" si="9">SUM(N5:N12)</f>
        <v>0</v>
      </c>
      <c r="O13" s="30">
        <f t="shared" ref="O13" si="10">SUM(O5:O12)</f>
        <v>530.62</v>
      </c>
      <c r="P13" s="30">
        <f t="shared" ref="P13" si="11">SUM(P5:P12)</f>
        <v>28695.46</v>
      </c>
    </row>
    <row r="14" spans="2:16" x14ac:dyDescent="0.3">
      <c r="B14" t="s">
        <v>281</v>
      </c>
      <c r="C14" t="s">
        <v>251</v>
      </c>
      <c r="D14" s="1">
        <v>82453.97</v>
      </c>
      <c r="G14" s="1">
        <f t="shared" si="0"/>
        <v>82453.97</v>
      </c>
      <c r="P14" s="1">
        <f t="shared" si="1"/>
        <v>0</v>
      </c>
    </row>
    <row r="15" spans="2:16" x14ac:dyDescent="0.3">
      <c r="B15" t="s">
        <v>281</v>
      </c>
      <c r="C15" t="s">
        <v>252</v>
      </c>
      <c r="D15" s="1">
        <v>46994.792999999998</v>
      </c>
      <c r="G15" s="1">
        <f t="shared" si="0"/>
        <v>46994.792999999998</v>
      </c>
      <c r="P15" s="1">
        <f t="shared" si="1"/>
        <v>0</v>
      </c>
    </row>
    <row r="16" spans="2:16" x14ac:dyDescent="0.3">
      <c r="B16" t="s">
        <v>281</v>
      </c>
      <c r="C16" t="s">
        <v>15</v>
      </c>
      <c r="D16" s="1">
        <v>-7.86</v>
      </c>
      <c r="F16" s="1">
        <v>7.86</v>
      </c>
      <c r="G16" s="1">
        <f t="shared" si="0"/>
        <v>0</v>
      </c>
      <c r="P16" s="1">
        <f t="shared" si="1"/>
        <v>0</v>
      </c>
    </row>
    <row r="17" spans="2:16" x14ac:dyDescent="0.3">
      <c r="B17" t="s">
        <v>281</v>
      </c>
      <c r="C17" t="s">
        <v>253</v>
      </c>
      <c r="D17" s="1">
        <v>21134.2</v>
      </c>
      <c r="G17" s="1">
        <f t="shared" si="0"/>
        <v>21134.2</v>
      </c>
      <c r="P17" s="1">
        <f t="shared" si="1"/>
        <v>0</v>
      </c>
    </row>
    <row r="18" spans="2:16" x14ac:dyDescent="0.3">
      <c r="B18" t="s">
        <v>281</v>
      </c>
      <c r="C18" t="s">
        <v>254</v>
      </c>
      <c r="D18" s="1">
        <v>64295.53</v>
      </c>
      <c r="G18" s="1">
        <f t="shared" si="0"/>
        <v>64295.53</v>
      </c>
      <c r="P18" s="1">
        <f t="shared" si="1"/>
        <v>0</v>
      </c>
    </row>
    <row r="19" spans="2:16" x14ac:dyDescent="0.3">
      <c r="B19" t="s">
        <v>281</v>
      </c>
      <c r="C19" t="s">
        <v>255</v>
      </c>
      <c r="D19" s="1">
        <v>114330.4</v>
      </c>
      <c r="G19" s="1">
        <f t="shared" si="0"/>
        <v>114330.4</v>
      </c>
      <c r="P19" s="1">
        <f t="shared" si="1"/>
        <v>0</v>
      </c>
    </row>
    <row r="20" spans="2:16" x14ac:dyDescent="0.3">
      <c r="B20" t="s">
        <v>281</v>
      </c>
      <c r="C20" t="s">
        <v>256</v>
      </c>
      <c r="D20" s="1">
        <v>92707.4</v>
      </c>
      <c r="G20" s="1">
        <f t="shared" si="0"/>
        <v>92707.4</v>
      </c>
      <c r="P20" s="1">
        <f t="shared" si="1"/>
        <v>0</v>
      </c>
    </row>
    <row r="21" spans="2:16" x14ac:dyDescent="0.3">
      <c r="B21" t="s">
        <v>281</v>
      </c>
      <c r="C21" t="s">
        <v>257</v>
      </c>
      <c r="D21" s="1">
        <v>862184.73</v>
      </c>
      <c r="G21" s="1">
        <f t="shared" si="0"/>
        <v>862184.73</v>
      </c>
      <c r="P21" s="1">
        <f t="shared" si="1"/>
        <v>0</v>
      </c>
    </row>
    <row r="22" spans="2:16" x14ac:dyDescent="0.3">
      <c r="B22" t="s">
        <v>281</v>
      </c>
      <c r="C22" t="s">
        <v>16</v>
      </c>
      <c r="D22" s="1">
        <v>-1634.87</v>
      </c>
      <c r="G22" s="1">
        <f t="shared" si="0"/>
        <v>-1634.87</v>
      </c>
      <c r="P22" s="1">
        <f t="shared" si="1"/>
        <v>0</v>
      </c>
    </row>
    <row r="23" spans="2:16" x14ac:dyDescent="0.3">
      <c r="B23" t="s">
        <v>281</v>
      </c>
      <c r="C23" t="s">
        <v>17</v>
      </c>
      <c r="G23" s="1">
        <f t="shared" si="0"/>
        <v>0</v>
      </c>
      <c r="I23" s="1">
        <v>4998.26</v>
      </c>
      <c r="P23" s="1">
        <f t="shared" si="1"/>
        <v>4998.26</v>
      </c>
    </row>
    <row r="24" spans="2:16" x14ac:dyDescent="0.3">
      <c r="B24" t="s">
        <v>281</v>
      </c>
      <c r="C24" t="s">
        <v>18</v>
      </c>
      <c r="D24" s="1">
        <v>14451.62</v>
      </c>
      <c r="G24" s="1">
        <f t="shared" si="0"/>
        <v>14451.62</v>
      </c>
      <c r="P24" s="1">
        <f t="shared" si="1"/>
        <v>0</v>
      </c>
    </row>
    <row r="25" spans="2:16" x14ac:dyDescent="0.3">
      <c r="B25" t="s">
        <v>281</v>
      </c>
      <c r="C25" t="s">
        <v>258</v>
      </c>
      <c r="D25" s="1">
        <v>22708.74</v>
      </c>
      <c r="G25" s="1">
        <f t="shared" si="0"/>
        <v>22708.74</v>
      </c>
      <c r="P25" s="1">
        <f t="shared" si="1"/>
        <v>0</v>
      </c>
    </row>
    <row r="26" spans="2:16" x14ac:dyDescent="0.3">
      <c r="B26" t="s">
        <v>281</v>
      </c>
      <c r="C26" t="s">
        <v>19</v>
      </c>
      <c r="D26" s="1">
        <v>109504.4</v>
      </c>
      <c r="G26" s="1">
        <f t="shared" si="0"/>
        <v>109504.4</v>
      </c>
      <c r="P26" s="1">
        <f t="shared" si="1"/>
        <v>0</v>
      </c>
    </row>
    <row r="27" spans="2:16" x14ac:dyDescent="0.3">
      <c r="B27" t="s">
        <v>281</v>
      </c>
      <c r="C27" t="s">
        <v>259</v>
      </c>
      <c r="D27" s="1">
        <v>8735.16</v>
      </c>
      <c r="G27" s="1">
        <f t="shared" si="0"/>
        <v>8735.16</v>
      </c>
      <c r="P27" s="1">
        <f t="shared" si="1"/>
        <v>0</v>
      </c>
    </row>
    <row r="28" spans="2:16" x14ac:dyDescent="0.3">
      <c r="B28" t="s">
        <v>281</v>
      </c>
      <c r="C28" t="s">
        <v>260</v>
      </c>
      <c r="D28" s="1">
        <v>867.99</v>
      </c>
      <c r="G28" s="1">
        <f t="shared" si="0"/>
        <v>867.99</v>
      </c>
      <c r="P28" s="1">
        <f t="shared" si="1"/>
        <v>0</v>
      </c>
    </row>
    <row r="29" spans="2:16" x14ac:dyDescent="0.3">
      <c r="B29" t="s">
        <v>281</v>
      </c>
      <c r="C29" t="s">
        <v>20</v>
      </c>
      <c r="G29" s="1">
        <f t="shared" si="0"/>
        <v>0</v>
      </c>
      <c r="I29" s="1">
        <v>19.25</v>
      </c>
      <c r="P29" s="1">
        <f t="shared" si="1"/>
        <v>19.25</v>
      </c>
    </row>
    <row r="30" spans="2:16" x14ac:dyDescent="0.3">
      <c r="B30" t="s">
        <v>281</v>
      </c>
      <c r="C30" t="s">
        <v>21</v>
      </c>
      <c r="D30" s="1">
        <v>-109.61</v>
      </c>
      <c r="G30" s="1">
        <f t="shared" si="0"/>
        <v>-109.61</v>
      </c>
      <c r="P30" s="1">
        <f t="shared" si="1"/>
        <v>0</v>
      </c>
    </row>
    <row r="31" spans="2:16" x14ac:dyDescent="0.3">
      <c r="B31" t="s">
        <v>281</v>
      </c>
      <c r="C31" t="s">
        <v>261</v>
      </c>
      <c r="F31" s="1">
        <v>488.02</v>
      </c>
      <c r="G31" s="1">
        <f t="shared" si="0"/>
        <v>488.02</v>
      </c>
      <c r="P31" s="1">
        <f t="shared" si="1"/>
        <v>0</v>
      </c>
    </row>
    <row r="32" spans="2:16" x14ac:dyDescent="0.3">
      <c r="B32" t="s">
        <v>281</v>
      </c>
      <c r="C32" t="s">
        <v>262</v>
      </c>
      <c r="D32" s="1">
        <v>-3084.17</v>
      </c>
      <c r="G32" s="1">
        <f t="shared" si="0"/>
        <v>-3084.17</v>
      </c>
      <c r="J32" s="1">
        <v>-710.93</v>
      </c>
      <c r="P32" s="1">
        <f t="shared" si="1"/>
        <v>-710.93</v>
      </c>
    </row>
    <row r="33" spans="2:16" x14ac:dyDescent="0.3">
      <c r="B33" t="s">
        <v>281</v>
      </c>
      <c r="C33" t="s">
        <v>22</v>
      </c>
      <c r="D33" s="1">
        <v>101406.43</v>
      </c>
      <c r="G33" s="1">
        <f t="shared" si="0"/>
        <v>101406.43</v>
      </c>
      <c r="M33" s="1">
        <v>60.46</v>
      </c>
      <c r="P33" s="1">
        <f t="shared" si="1"/>
        <v>60.46</v>
      </c>
    </row>
    <row r="34" spans="2:16" x14ac:dyDescent="0.3">
      <c r="B34" t="s">
        <v>281</v>
      </c>
      <c r="C34" t="s">
        <v>23</v>
      </c>
      <c r="D34" s="1">
        <v>49644.38</v>
      </c>
      <c r="G34" s="1">
        <f t="shared" si="0"/>
        <v>49644.38</v>
      </c>
      <c r="P34" s="1">
        <f t="shared" si="1"/>
        <v>0</v>
      </c>
    </row>
    <row r="35" spans="2:16" x14ac:dyDescent="0.3">
      <c r="B35" t="s">
        <v>281</v>
      </c>
      <c r="C35" t="s">
        <v>24</v>
      </c>
      <c r="D35" s="1">
        <v>15992.79</v>
      </c>
      <c r="G35" s="1">
        <f t="shared" si="0"/>
        <v>15992.79</v>
      </c>
      <c r="P35" s="1">
        <f t="shared" si="1"/>
        <v>0</v>
      </c>
    </row>
    <row r="36" spans="2:16" x14ac:dyDescent="0.3">
      <c r="B36" t="s">
        <v>281</v>
      </c>
      <c r="C36" t="s">
        <v>25</v>
      </c>
      <c r="D36" s="1">
        <v>51095.03</v>
      </c>
      <c r="G36" s="1">
        <f t="shared" si="0"/>
        <v>51095.03</v>
      </c>
      <c r="P36" s="1">
        <f t="shared" si="1"/>
        <v>0</v>
      </c>
    </row>
    <row r="37" spans="2:16" x14ac:dyDescent="0.3">
      <c r="B37" t="s">
        <v>281</v>
      </c>
      <c r="C37" t="s">
        <v>26</v>
      </c>
      <c r="D37" s="1">
        <v>-50252.63</v>
      </c>
      <c r="G37" s="1">
        <f t="shared" si="0"/>
        <v>-50252.63</v>
      </c>
      <c r="P37" s="1">
        <f t="shared" si="1"/>
        <v>0</v>
      </c>
    </row>
    <row r="38" spans="2:16" x14ac:dyDescent="0.3">
      <c r="B38" t="s">
        <v>281</v>
      </c>
      <c r="C38" t="s">
        <v>27</v>
      </c>
      <c r="D38" s="1">
        <v>248354.28</v>
      </c>
      <c r="G38" s="1">
        <f t="shared" si="0"/>
        <v>248354.28</v>
      </c>
      <c r="P38" s="1">
        <f t="shared" si="1"/>
        <v>0</v>
      </c>
    </row>
    <row r="39" spans="2:16" x14ac:dyDescent="0.3">
      <c r="B39" t="s">
        <v>281</v>
      </c>
      <c r="C39" t="s">
        <v>28</v>
      </c>
      <c r="D39" s="1">
        <v>37460.269999999997</v>
      </c>
      <c r="G39" s="1">
        <f t="shared" si="0"/>
        <v>37460.269999999997</v>
      </c>
      <c r="P39" s="1">
        <f t="shared" si="1"/>
        <v>0</v>
      </c>
    </row>
    <row r="40" spans="2:16" x14ac:dyDescent="0.3">
      <c r="B40" t="s">
        <v>281</v>
      </c>
      <c r="C40" t="s">
        <v>29</v>
      </c>
      <c r="D40" s="1">
        <v>335470.61</v>
      </c>
      <c r="F40" s="1">
        <v>7226.07</v>
      </c>
      <c r="G40" s="1">
        <f t="shared" si="0"/>
        <v>342696.68</v>
      </c>
      <c r="N40" s="1">
        <v>12.86</v>
      </c>
      <c r="P40" s="1">
        <f t="shared" si="1"/>
        <v>12.86</v>
      </c>
    </row>
    <row r="41" spans="2:16" x14ac:dyDescent="0.3">
      <c r="B41" t="s">
        <v>281</v>
      </c>
      <c r="C41" t="s">
        <v>30</v>
      </c>
      <c r="D41" s="1">
        <v>1006.61</v>
      </c>
      <c r="G41" s="1">
        <f t="shared" si="0"/>
        <v>1006.61</v>
      </c>
      <c r="I41" s="1">
        <v>39.11</v>
      </c>
      <c r="O41" s="1">
        <v>7.26</v>
      </c>
      <c r="P41" s="1">
        <f t="shared" si="1"/>
        <v>46.37</v>
      </c>
    </row>
    <row r="42" spans="2:16" x14ac:dyDescent="0.3">
      <c r="B42" t="s">
        <v>281</v>
      </c>
      <c r="C42" t="s">
        <v>31</v>
      </c>
      <c r="D42" s="1">
        <v>36212.03</v>
      </c>
      <c r="G42" s="1">
        <f t="shared" si="0"/>
        <v>36212.03</v>
      </c>
      <c r="P42" s="1">
        <f t="shared" si="1"/>
        <v>0</v>
      </c>
    </row>
    <row r="43" spans="2:16" x14ac:dyDescent="0.3">
      <c r="B43" t="s">
        <v>281</v>
      </c>
      <c r="C43" t="s">
        <v>263</v>
      </c>
      <c r="D43" s="1">
        <v>-31600.85</v>
      </c>
      <c r="E43" s="1">
        <v>574702.51</v>
      </c>
      <c r="G43" s="1">
        <f t="shared" si="0"/>
        <v>543101.66</v>
      </c>
      <c r="I43" s="1">
        <v>28946.03</v>
      </c>
      <c r="L43" s="1">
        <v>-1</v>
      </c>
      <c r="M43" s="1">
        <v>-44.84</v>
      </c>
      <c r="O43" s="1">
        <v>486.99</v>
      </c>
      <c r="P43" s="1">
        <f t="shared" si="1"/>
        <v>29387.18</v>
      </c>
    </row>
    <row r="44" spans="2:16" x14ac:dyDescent="0.3">
      <c r="B44" t="s">
        <v>281</v>
      </c>
      <c r="C44" t="s">
        <v>32</v>
      </c>
      <c r="D44" s="1">
        <v>0</v>
      </c>
      <c r="E44" s="1">
        <v>0</v>
      </c>
      <c r="G44" s="1">
        <f t="shared" si="0"/>
        <v>0</v>
      </c>
      <c r="I44" s="1">
        <v>-0.02</v>
      </c>
      <c r="P44" s="1">
        <f t="shared" si="1"/>
        <v>-0.02</v>
      </c>
    </row>
    <row r="45" spans="2:16" x14ac:dyDescent="0.3">
      <c r="B45" t="s">
        <v>281</v>
      </c>
      <c r="C45" t="s">
        <v>33</v>
      </c>
      <c r="D45" s="1">
        <v>-0.01</v>
      </c>
      <c r="E45" s="1">
        <v>0.01</v>
      </c>
      <c r="G45" s="1">
        <f t="shared" si="0"/>
        <v>0</v>
      </c>
      <c r="P45" s="1">
        <f t="shared" si="1"/>
        <v>0</v>
      </c>
    </row>
    <row r="46" spans="2:16" x14ac:dyDescent="0.3">
      <c r="B46" t="s">
        <v>281</v>
      </c>
      <c r="C46" t="s">
        <v>264</v>
      </c>
      <c r="G46" s="1">
        <f t="shared" si="0"/>
        <v>0</v>
      </c>
      <c r="I46" s="1">
        <v>-0.44</v>
      </c>
      <c r="P46" s="1">
        <f t="shared" si="1"/>
        <v>-0.44</v>
      </c>
    </row>
    <row r="47" spans="2:16" x14ac:dyDescent="0.3">
      <c r="B47" t="s">
        <v>281</v>
      </c>
      <c r="C47" t="s">
        <v>265</v>
      </c>
      <c r="D47" s="1">
        <v>-7.7</v>
      </c>
      <c r="E47" s="1">
        <v>116587.25</v>
      </c>
      <c r="G47" s="1">
        <f t="shared" si="0"/>
        <v>116579.55</v>
      </c>
      <c r="I47" s="1">
        <v>13427.11</v>
      </c>
      <c r="K47" s="1">
        <v>0.18</v>
      </c>
      <c r="O47" s="1">
        <v>213.94</v>
      </c>
      <c r="P47" s="1">
        <f t="shared" si="1"/>
        <v>13641.230000000001</v>
      </c>
    </row>
    <row r="48" spans="2:16" x14ac:dyDescent="0.3">
      <c r="B48" t="s">
        <v>281</v>
      </c>
      <c r="C48" t="s">
        <v>266</v>
      </c>
      <c r="E48" s="1">
        <v>7874.77</v>
      </c>
      <c r="G48" s="1">
        <f t="shared" si="0"/>
        <v>7874.77</v>
      </c>
      <c r="I48" s="1">
        <v>221.98</v>
      </c>
      <c r="O48" s="1">
        <v>36.520000000000003</v>
      </c>
      <c r="P48" s="1">
        <f t="shared" si="1"/>
        <v>258.5</v>
      </c>
    </row>
    <row r="49" spans="2:17" x14ac:dyDescent="0.3">
      <c r="B49" t="s">
        <v>281</v>
      </c>
      <c r="C49" t="s">
        <v>267</v>
      </c>
      <c r="E49" s="1">
        <v>52.71</v>
      </c>
      <c r="G49" s="1">
        <f t="shared" si="0"/>
        <v>52.71</v>
      </c>
      <c r="I49" s="1">
        <v>8.42</v>
      </c>
      <c r="O49" s="1">
        <v>0.93</v>
      </c>
      <c r="P49" s="1">
        <f t="shared" si="1"/>
        <v>9.35</v>
      </c>
    </row>
    <row r="50" spans="2:17" x14ac:dyDescent="0.3">
      <c r="B50" t="s">
        <v>281</v>
      </c>
      <c r="C50" t="s">
        <v>268</v>
      </c>
      <c r="E50" s="1">
        <v>122.96</v>
      </c>
      <c r="G50" s="1">
        <f t="shared" si="0"/>
        <v>122.96</v>
      </c>
      <c r="I50" s="1">
        <v>8.69</v>
      </c>
      <c r="O50" s="1">
        <v>0.25</v>
      </c>
      <c r="P50" s="1">
        <f t="shared" si="1"/>
        <v>8.94</v>
      </c>
    </row>
    <row r="51" spans="2:17" x14ac:dyDescent="0.3">
      <c r="B51" t="s">
        <v>281</v>
      </c>
      <c r="C51" t="s">
        <v>269</v>
      </c>
      <c r="E51" s="1">
        <v>2.27</v>
      </c>
      <c r="G51" s="1">
        <f t="shared" si="0"/>
        <v>2.27</v>
      </c>
      <c r="I51" s="1">
        <v>3.47</v>
      </c>
      <c r="O51" s="1">
        <v>0.6</v>
      </c>
      <c r="P51" s="1">
        <f t="shared" si="1"/>
        <v>4.07</v>
      </c>
    </row>
    <row r="52" spans="2:17" x14ac:dyDescent="0.3">
      <c r="B52" t="s">
        <v>281</v>
      </c>
      <c r="C52" t="s">
        <v>34</v>
      </c>
      <c r="D52" s="1">
        <v>-13590.3</v>
      </c>
      <c r="E52" s="1">
        <v>32313.93</v>
      </c>
      <c r="G52" s="1">
        <f t="shared" si="0"/>
        <v>18723.63</v>
      </c>
      <c r="I52" s="1">
        <v>2093.06</v>
      </c>
      <c r="O52" s="1">
        <v>-8.01</v>
      </c>
      <c r="P52" s="1">
        <f t="shared" si="1"/>
        <v>2085.0499999999997</v>
      </c>
    </row>
    <row r="53" spans="2:17" x14ac:dyDescent="0.3">
      <c r="B53" t="s">
        <v>281</v>
      </c>
      <c r="C53" t="s">
        <v>35</v>
      </c>
      <c r="G53" s="1">
        <f t="shared" si="0"/>
        <v>0</v>
      </c>
      <c r="I53" s="1">
        <v>3.67</v>
      </c>
      <c r="P53" s="1">
        <f t="shared" si="1"/>
        <v>3.67</v>
      </c>
    </row>
    <row r="54" spans="2:17" x14ac:dyDescent="0.3">
      <c r="B54" t="s">
        <v>281</v>
      </c>
      <c r="C54" t="s">
        <v>36</v>
      </c>
      <c r="G54" s="1">
        <f t="shared" si="0"/>
        <v>0</v>
      </c>
      <c r="I54" s="1">
        <v>10.199999999999999</v>
      </c>
      <c r="M54" s="1">
        <v>10.199999999999999</v>
      </c>
      <c r="P54" s="1">
        <f t="shared" si="1"/>
        <v>20.399999999999999</v>
      </c>
    </row>
    <row r="55" spans="2:17" x14ac:dyDescent="0.3">
      <c r="B55" t="s">
        <v>281</v>
      </c>
      <c r="C55" t="s">
        <v>270</v>
      </c>
      <c r="D55" s="1">
        <v>-4846.88</v>
      </c>
      <c r="E55" s="1">
        <v>5434.49</v>
      </c>
      <c r="G55" s="1">
        <f t="shared" si="0"/>
        <v>587.60999999999967</v>
      </c>
      <c r="P55" s="1">
        <f t="shared" si="1"/>
        <v>0</v>
      </c>
    </row>
    <row r="56" spans="2:17" x14ac:dyDescent="0.3">
      <c r="B56" s="29" t="s">
        <v>290</v>
      </c>
      <c r="C56" s="29"/>
      <c r="D56" s="30">
        <f>SUM(D14:D55)</f>
        <v>2211876.4829999995</v>
      </c>
      <c r="E56" s="30">
        <f t="shared" ref="E56:P56" si="12">SUM(E14:E55)</f>
        <v>737090.9</v>
      </c>
      <c r="F56" s="30">
        <f t="shared" si="12"/>
        <v>7721.95</v>
      </c>
      <c r="G56" s="30">
        <f t="shared" si="12"/>
        <v>2956689.3329999992</v>
      </c>
      <c r="H56" s="30">
        <f t="shared" si="12"/>
        <v>0</v>
      </c>
      <c r="I56" s="30">
        <f t="shared" si="12"/>
        <v>49778.79</v>
      </c>
      <c r="J56" s="30">
        <f t="shared" si="12"/>
        <v>-710.93</v>
      </c>
      <c r="K56" s="30">
        <f t="shared" si="12"/>
        <v>0.18</v>
      </c>
      <c r="L56" s="30">
        <f t="shared" si="12"/>
        <v>-1</v>
      </c>
      <c r="M56" s="30">
        <f t="shared" si="12"/>
        <v>25.819999999999997</v>
      </c>
      <c r="N56" s="30">
        <f t="shared" si="12"/>
        <v>12.86</v>
      </c>
      <c r="O56" s="30">
        <f t="shared" si="12"/>
        <v>738.48</v>
      </c>
      <c r="P56" s="30">
        <f t="shared" si="12"/>
        <v>49844.200000000004</v>
      </c>
      <c r="Q56" s="28"/>
    </row>
    <row r="57" spans="2:17" x14ac:dyDescent="0.3">
      <c r="B57" t="s">
        <v>279</v>
      </c>
      <c r="C57" t="s">
        <v>37</v>
      </c>
      <c r="D57" s="1">
        <v>-259</v>
      </c>
      <c r="F57" s="1">
        <v>258.81</v>
      </c>
      <c r="G57" s="1">
        <f t="shared" si="0"/>
        <v>-0.18999999999999773</v>
      </c>
      <c r="P57" s="1">
        <f t="shared" si="1"/>
        <v>0</v>
      </c>
    </row>
    <row r="58" spans="2:17" x14ac:dyDescent="0.3">
      <c r="B58" t="s">
        <v>279</v>
      </c>
      <c r="C58" t="s">
        <v>76</v>
      </c>
      <c r="D58" s="1">
        <v>1038.92</v>
      </c>
      <c r="F58" s="1">
        <v>263.54000000000002</v>
      </c>
      <c r="G58" s="1">
        <f t="shared" si="0"/>
        <v>1302.46</v>
      </c>
      <c r="P58" s="1">
        <f t="shared" si="1"/>
        <v>0</v>
      </c>
    </row>
    <row r="59" spans="2:17" x14ac:dyDescent="0.3">
      <c r="B59" t="s">
        <v>279</v>
      </c>
      <c r="C59" t="s">
        <v>38</v>
      </c>
      <c r="D59" s="1">
        <v>372267.45</v>
      </c>
      <c r="F59" s="1">
        <v>31899.14</v>
      </c>
      <c r="G59" s="1">
        <f t="shared" si="0"/>
        <v>404166.59</v>
      </c>
      <c r="P59" s="1">
        <f t="shared" si="1"/>
        <v>0</v>
      </c>
    </row>
    <row r="60" spans="2:17" x14ac:dyDescent="0.3">
      <c r="B60" t="s">
        <v>279</v>
      </c>
      <c r="C60" t="s">
        <v>77</v>
      </c>
      <c r="D60" s="1">
        <v>51202.559999999998</v>
      </c>
      <c r="G60" s="1">
        <f t="shared" si="0"/>
        <v>51202.559999999998</v>
      </c>
      <c r="P60" s="1">
        <f t="shared" si="1"/>
        <v>0</v>
      </c>
    </row>
    <row r="61" spans="2:17" x14ac:dyDescent="0.3">
      <c r="B61" t="s">
        <v>279</v>
      </c>
      <c r="C61" t="s">
        <v>78</v>
      </c>
      <c r="D61" s="1">
        <v>31591.919999999998</v>
      </c>
      <c r="F61" s="1">
        <v>12575.15</v>
      </c>
      <c r="G61" s="1">
        <f t="shared" si="0"/>
        <v>44167.07</v>
      </c>
      <c r="P61" s="1">
        <f t="shared" si="1"/>
        <v>0</v>
      </c>
    </row>
    <row r="62" spans="2:17" x14ac:dyDescent="0.3">
      <c r="B62" t="s">
        <v>279</v>
      </c>
      <c r="C62" t="s">
        <v>79</v>
      </c>
      <c r="D62" s="1">
        <v>1.39</v>
      </c>
      <c r="F62" s="1">
        <v>8332.99</v>
      </c>
      <c r="G62" s="1">
        <f t="shared" si="0"/>
        <v>8334.3799999999992</v>
      </c>
      <c r="P62" s="1">
        <f t="shared" si="1"/>
        <v>0</v>
      </c>
    </row>
    <row r="63" spans="2:17" x14ac:dyDescent="0.3">
      <c r="B63" t="s">
        <v>279</v>
      </c>
      <c r="C63" t="s">
        <v>80</v>
      </c>
      <c r="D63" s="1">
        <v>10475.83</v>
      </c>
      <c r="G63" s="1">
        <f t="shared" si="0"/>
        <v>10475.83</v>
      </c>
      <c r="P63" s="1">
        <f t="shared" si="1"/>
        <v>0</v>
      </c>
    </row>
    <row r="64" spans="2:17" x14ac:dyDescent="0.3">
      <c r="B64" t="s">
        <v>279</v>
      </c>
      <c r="C64" t="s">
        <v>81</v>
      </c>
      <c r="D64" s="1">
        <v>94350.34</v>
      </c>
      <c r="F64" s="1">
        <v>548.05999999999995</v>
      </c>
      <c r="G64" s="1">
        <f t="shared" si="0"/>
        <v>94898.4</v>
      </c>
      <c r="P64" s="1">
        <f t="shared" si="1"/>
        <v>0</v>
      </c>
    </row>
    <row r="65" spans="2:16" x14ac:dyDescent="0.3">
      <c r="B65" t="s">
        <v>279</v>
      </c>
      <c r="C65" t="s">
        <v>39</v>
      </c>
      <c r="D65" s="1">
        <v>-35.47</v>
      </c>
      <c r="F65" s="1">
        <v>-0.61</v>
      </c>
      <c r="G65" s="1">
        <f t="shared" si="0"/>
        <v>-36.08</v>
      </c>
      <c r="J65" s="1">
        <v>206.54</v>
      </c>
      <c r="O65" s="1">
        <v>-1.64</v>
      </c>
      <c r="P65" s="1">
        <f t="shared" si="1"/>
        <v>204.9</v>
      </c>
    </row>
    <row r="66" spans="2:16" x14ac:dyDescent="0.3">
      <c r="B66" t="s">
        <v>279</v>
      </c>
      <c r="C66" t="s">
        <v>82</v>
      </c>
      <c r="D66" s="1">
        <v>128754.9</v>
      </c>
      <c r="F66" s="1">
        <v>11976.43</v>
      </c>
      <c r="G66" s="1">
        <f t="shared" si="0"/>
        <v>140731.32999999999</v>
      </c>
      <c r="P66" s="1">
        <f t="shared" si="1"/>
        <v>0</v>
      </c>
    </row>
    <row r="67" spans="2:16" x14ac:dyDescent="0.3">
      <c r="B67" t="s">
        <v>279</v>
      </c>
      <c r="C67" t="s">
        <v>83</v>
      </c>
      <c r="D67" s="1">
        <v>68131.740000000005</v>
      </c>
      <c r="F67" s="1">
        <v>6838.38</v>
      </c>
      <c r="G67" s="1">
        <f t="shared" si="0"/>
        <v>74970.12000000001</v>
      </c>
      <c r="P67" s="1">
        <f t="shared" si="1"/>
        <v>0</v>
      </c>
    </row>
    <row r="68" spans="2:16" x14ac:dyDescent="0.3">
      <c r="B68" t="s">
        <v>279</v>
      </c>
      <c r="C68" t="s">
        <v>84</v>
      </c>
      <c r="D68" s="1">
        <v>44632.79</v>
      </c>
      <c r="F68" s="1">
        <v>370.39</v>
      </c>
      <c r="G68" s="1">
        <f t="shared" si="0"/>
        <v>45003.18</v>
      </c>
      <c r="P68" s="1">
        <f t="shared" si="1"/>
        <v>0</v>
      </c>
    </row>
    <row r="69" spans="2:16" x14ac:dyDescent="0.3">
      <c r="B69" t="s">
        <v>279</v>
      </c>
      <c r="C69" t="s">
        <v>72</v>
      </c>
      <c r="D69" s="1">
        <v>-20701.12</v>
      </c>
      <c r="F69" s="1">
        <v>-3653.14</v>
      </c>
      <c r="G69" s="1">
        <f t="shared" si="0"/>
        <v>-24354.26</v>
      </c>
      <c r="P69" s="1">
        <f t="shared" si="1"/>
        <v>0</v>
      </c>
    </row>
    <row r="70" spans="2:16" x14ac:dyDescent="0.3">
      <c r="B70" t="s">
        <v>279</v>
      </c>
      <c r="C70" t="s">
        <v>40</v>
      </c>
      <c r="D70" s="1">
        <v>220549.74</v>
      </c>
      <c r="F70" s="1">
        <v>62908.29</v>
      </c>
      <c r="G70" s="1">
        <f t="shared" si="0"/>
        <v>283458.02999999997</v>
      </c>
      <c r="P70" s="1">
        <f t="shared" si="1"/>
        <v>0</v>
      </c>
    </row>
    <row r="71" spans="2:16" x14ac:dyDescent="0.3">
      <c r="B71" t="s">
        <v>279</v>
      </c>
      <c r="C71" t="s">
        <v>41</v>
      </c>
      <c r="D71" s="1">
        <v>-8275.57</v>
      </c>
      <c r="F71" s="1">
        <v>33683.78</v>
      </c>
      <c r="G71" s="1">
        <f t="shared" si="0"/>
        <v>25408.21</v>
      </c>
      <c r="P71" s="1">
        <f t="shared" si="1"/>
        <v>0</v>
      </c>
    </row>
    <row r="72" spans="2:16" x14ac:dyDescent="0.3">
      <c r="B72" t="s">
        <v>279</v>
      </c>
      <c r="C72" t="s">
        <v>42</v>
      </c>
      <c r="D72" s="1">
        <v>-37776.51</v>
      </c>
      <c r="F72" s="1">
        <v>42651.45</v>
      </c>
      <c r="G72" s="1">
        <f t="shared" ref="G72:G135" si="13">SUM(D72:F72)</f>
        <v>4874.9399999999951</v>
      </c>
      <c r="P72" s="1">
        <f t="shared" ref="P72:P135" si="14">SUM(H72:O72)</f>
        <v>0</v>
      </c>
    </row>
    <row r="73" spans="2:16" x14ac:dyDescent="0.3">
      <c r="B73" t="s">
        <v>279</v>
      </c>
      <c r="C73" t="s">
        <v>43</v>
      </c>
      <c r="D73" s="1">
        <v>824.58</v>
      </c>
      <c r="F73" s="1">
        <v>-824.94</v>
      </c>
      <c r="G73" s="1">
        <f t="shared" si="13"/>
        <v>-0.36000000000001364</v>
      </c>
      <c r="P73" s="1">
        <f t="shared" si="14"/>
        <v>0</v>
      </c>
    </row>
    <row r="74" spans="2:16" x14ac:dyDescent="0.3">
      <c r="B74" t="s">
        <v>279</v>
      </c>
      <c r="C74" t="s">
        <v>44</v>
      </c>
      <c r="D74" s="1">
        <v>-190.27</v>
      </c>
      <c r="F74" s="1">
        <v>190.27</v>
      </c>
      <c r="G74" s="1">
        <f t="shared" si="13"/>
        <v>0</v>
      </c>
      <c r="P74" s="1">
        <f t="shared" si="14"/>
        <v>0</v>
      </c>
    </row>
    <row r="75" spans="2:16" x14ac:dyDescent="0.3">
      <c r="B75" t="s">
        <v>279</v>
      </c>
      <c r="C75" t="s">
        <v>45</v>
      </c>
      <c r="D75" s="1">
        <v>132.72999999999999</v>
      </c>
      <c r="F75" s="1">
        <v>-132.72999999999999</v>
      </c>
      <c r="G75" s="1">
        <f t="shared" si="13"/>
        <v>0</v>
      </c>
      <c r="P75" s="1">
        <f t="shared" si="14"/>
        <v>0</v>
      </c>
    </row>
    <row r="76" spans="2:16" x14ac:dyDescent="0.3">
      <c r="B76" t="s">
        <v>279</v>
      </c>
      <c r="C76" t="s">
        <v>46</v>
      </c>
      <c r="D76" s="1">
        <v>-1676.42</v>
      </c>
      <c r="F76" s="1">
        <v>1676.42</v>
      </c>
      <c r="G76" s="1">
        <f t="shared" si="13"/>
        <v>0</v>
      </c>
      <c r="P76" s="1">
        <f t="shared" si="14"/>
        <v>0</v>
      </c>
    </row>
    <row r="77" spans="2:16" x14ac:dyDescent="0.3">
      <c r="B77" t="s">
        <v>279</v>
      </c>
      <c r="C77" t="s">
        <v>47</v>
      </c>
      <c r="D77" s="1">
        <v>646.15</v>
      </c>
      <c r="G77" s="1">
        <f t="shared" si="13"/>
        <v>646.15</v>
      </c>
      <c r="P77" s="1">
        <f t="shared" si="14"/>
        <v>0</v>
      </c>
    </row>
    <row r="78" spans="2:16" x14ac:dyDescent="0.3">
      <c r="B78" t="s">
        <v>279</v>
      </c>
      <c r="C78" t="s">
        <v>48</v>
      </c>
      <c r="D78" s="1">
        <v>-2378.13</v>
      </c>
      <c r="F78" s="1">
        <v>2378.13</v>
      </c>
      <c r="G78" s="1">
        <f t="shared" si="13"/>
        <v>0</v>
      </c>
      <c r="P78" s="1">
        <f t="shared" si="14"/>
        <v>0</v>
      </c>
    </row>
    <row r="79" spans="2:16" x14ac:dyDescent="0.3">
      <c r="B79" t="s">
        <v>279</v>
      </c>
      <c r="C79" t="s">
        <v>49</v>
      </c>
      <c r="D79" s="1">
        <v>49897.93</v>
      </c>
      <c r="G79" s="1">
        <f t="shared" si="13"/>
        <v>49897.93</v>
      </c>
      <c r="P79" s="1">
        <f t="shared" si="14"/>
        <v>0</v>
      </c>
    </row>
    <row r="80" spans="2:16" x14ac:dyDescent="0.3">
      <c r="B80" t="s">
        <v>279</v>
      </c>
      <c r="C80" t="s">
        <v>50</v>
      </c>
      <c r="D80" s="1">
        <v>679.71</v>
      </c>
      <c r="G80" s="1">
        <f t="shared" si="13"/>
        <v>679.71</v>
      </c>
      <c r="P80" s="1">
        <f t="shared" si="14"/>
        <v>0</v>
      </c>
    </row>
    <row r="81" spans="2:16" x14ac:dyDescent="0.3">
      <c r="B81" t="s">
        <v>279</v>
      </c>
      <c r="C81" t="s">
        <v>51</v>
      </c>
      <c r="D81" s="1">
        <v>636.14</v>
      </c>
      <c r="G81" s="1">
        <f t="shared" si="13"/>
        <v>636.14</v>
      </c>
      <c r="P81" s="1">
        <f t="shared" si="14"/>
        <v>0</v>
      </c>
    </row>
    <row r="82" spans="2:16" x14ac:dyDescent="0.3">
      <c r="B82" t="s">
        <v>279</v>
      </c>
      <c r="C82" t="s">
        <v>52</v>
      </c>
      <c r="D82" s="1">
        <v>550.63</v>
      </c>
      <c r="G82" s="1">
        <f t="shared" si="13"/>
        <v>550.63</v>
      </c>
      <c r="P82" s="1">
        <f t="shared" si="14"/>
        <v>0</v>
      </c>
    </row>
    <row r="83" spans="2:16" x14ac:dyDescent="0.3">
      <c r="B83" t="s">
        <v>279</v>
      </c>
      <c r="C83" t="s">
        <v>85</v>
      </c>
      <c r="D83" s="1">
        <v>77717.89</v>
      </c>
      <c r="G83" s="1">
        <f t="shared" si="13"/>
        <v>77717.89</v>
      </c>
      <c r="J83" s="1">
        <v>123.36</v>
      </c>
      <c r="O83" s="1">
        <v>34.590000000000003</v>
      </c>
      <c r="P83" s="1">
        <f t="shared" si="14"/>
        <v>157.94999999999999</v>
      </c>
    </row>
    <row r="84" spans="2:16" x14ac:dyDescent="0.3">
      <c r="B84" t="s">
        <v>279</v>
      </c>
      <c r="C84" t="s">
        <v>86</v>
      </c>
      <c r="D84" s="1">
        <v>1175.28</v>
      </c>
      <c r="G84" s="1">
        <f t="shared" si="13"/>
        <v>1175.28</v>
      </c>
      <c r="P84" s="1">
        <f t="shared" si="14"/>
        <v>0</v>
      </c>
    </row>
    <row r="85" spans="2:16" x14ac:dyDescent="0.3">
      <c r="B85" t="s">
        <v>279</v>
      </c>
      <c r="C85" t="s">
        <v>87</v>
      </c>
      <c r="D85" s="1">
        <v>1103.5</v>
      </c>
      <c r="G85" s="1">
        <f t="shared" si="13"/>
        <v>1103.5</v>
      </c>
      <c r="P85" s="1">
        <f t="shared" si="14"/>
        <v>0</v>
      </c>
    </row>
    <row r="86" spans="2:16" x14ac:dyDescent="0.3">
      <c r="B86" t="s">
        <v>279</v>
      </c>
      <c r="C86" t="s">
        <v>88</v>
      </c>
      <c r="D86" s="1">
        <v>1905.65</v>
      </c>
      <c r="G86" s="1">
        <f t="shared" si="13"/>
        <v>1905.65</v>
      </c>
      <c r="P86" s="1">
        <f t="shared" si="14"/>
        <v>0</v>
      </c>
    </row>
    <row r="87" spans="2:16" x14ac:dyDescent="0.3">
      <c r="B87" t="s">
        <v>279</v>
      </c>
      <c r="C87" t="s">
        <v>89</v>
      </c>
      <c r="D87" s="1">
        <v>1644.21</v>
      </c>
      <c r="G87" s="1">
        <f t="shared" si="13"/>
        <v>1644.21</v>
      </c>
      <c r="P87" s="1">
        <f t="shared" si="14"/>
        <v>0</v>
      </c>
    </row>
    <row r="88" spans="2:16" x14ac:dyDescent="0.3">
      <c r="B88" t="s">
        <v>279</v>
      </c>
      <c r="C88" t="s">
        <v>90</v>
      </c>
      <c r="D88" s="1">
        <v>948.93</v>
      </c>
      <c r="G88" s="1">
        <f t="shared" si="13"/>
        <v>948.93</v>
      </c>
      <c r="P88" s="1">
        <f t="shared" si="14"/>
        <v>0</v>
      </c>
    </row>
    <row r="89" spans="2:16" x14ac:dyDescent="0.3">
      <c r="B89" t="s">
        <v>279</v>
      </c>
      <c r="C89" t="s">
        <v>91</v>
      </c>
      <c r="D89" s="1">
        <v>1081.06</v>
      </c>
      <c r="G89" s="1">
        <f t="shared" si="13"/>
        <v>1081.06</v>
      </c>
      <c r="P89" s="1">
        <f t="shared" si="14"/>
        <v>0</v>
      </c>
    </row>
    <row r="90" spans="2:16" x14ac:dyDescent="0.3">
      <c r="B90" t="s">
        <v>279</v>
      </c>
      <c r="C90" t="s">
        <v>92</v>
      </c>
      <c r="D90" s="1">
        <v>1001.26</v>
      </c>
      <c r="G90" s="1">
        <f t="shared" si="13"/>
        <v>1001.26</v>
      </c>
      <c r="P90" s="1">
        <f t="shared" si="14"/>
        <v>0</v>
      </c>
    </row>
    <row r="91" spans="2:16" x14ac:dyDescent="0.3">
      <c r="B91" t="s">
        <v>279</v>
      </c>
      <c r="C91" t="s">
        <v>93</v>
      </c>
      <c r="D91" s="1">
        <v>1222.0899999999999</v>
      </c>
      <c r="G91" s="1">
        <f t="shared" si="13"/>
        <v>1222.0899999999999</v>
      </c>
      <c r="P91" s="1">
        <f t="shared" si="14"/>
        <v>0</v>
      </c>
    </row>
    <row r="92" spans="2:16" x14ac:dyDescent="0.3">
      <c r="B92" t="s">
        <v>279</v>
      </c>
      <c r="C92" t="s">
        <v>94</v>
      </c>
      <c r="D92" s="1">
        <v>1250.32</v>
      </c>
      <c r="G92" s="1">
        <f t="shared" si="13"/>
        <v>1250.32</v>
      </c>
      <c r="P92" s="1">
        <f t="shared" si="14"/>
        <v>0</v>
      </c>
    </row>
    <row r="93" spans="2:16" x14ac:dyDescent="0.3">
      <c r="B93" t="s">
        <v>279</v>
      </c>
      <c r="C93" t="s">
        <v>95</v>
      </c>
      <c r="D93" s="1">
        <v>1167.75</v>
      </c>
      <c r="G93" s="1">
        <f t="shared" si="13"/>
        <v>1167.75</v>
      </c>
      <c r="P93" s="1">
        <f t="shared" si="14"/>
        <v>0</v>
      </c>
    </row>
    <row r="94" spans="2:16" x14ac:dyDescent="0.3">
      <c r="B94" t="s">
        <v>279</v>
      </c>
      <c r="C94" t="s">
        <v>96</v>
      </c>
      <c r="D94" s="1">
        <v>577.24</v>
      </c>
      <c r="G94" s="1">
        <f t="shared" si="13"/>
        <v>577.24</v>
      </c>
      <c r="P94" s="1">
        <f t="shared" si="14"/>
        <v>0</v>
      </c>
    </row>
    <row r="95" spans="2:16" x14ac:dyDescent="0.3">
      <c r="B95" t="s">
        <v>279</v>
      </c>
      <c r="C95" t="s">
        <v>97</v>
      </c>
      <c r="D95" s="1">
        <v>1039.3800000000001</v>
      </c>
      <c r="G95" s="1">
        <f t="shared" si="13"/>
        <v>1039.3800000000001</v>
      </c>
      <c r="P95" s="1">
        <f t="shared" si="14"/>
        <v>0</v>
      </c>
    </row>
    <row r="96" spans="2:16" x14ac:dyDescent="0.3">
      <c r="B96" t="s">
        <v>279</v>
      </c>
      <c r="C96" t="s">
        <v>98</v>
      </c>
      <c r="D96" s="1">
        <v>950.85</v>
      </c>
      <c r="G96" s="1">
        <f t="shared" si="13"/>
        <v>950.85</v>
      </c>
      <c r="P96" s="1">
        <f t="shared" si="14"/>
        <v>0</v>
      </c>
    </row>
    <row r="97" spans="2:16" x14ac:dyDescent="0.3">
      <c r="B97" t="s">
        <v>279</v>
      </c>
      <c r="C97" t="s">
        <v>99</v>
      </c>
      <c r="D97" s="1">
        <v>924.79</v>
      </c>
      <c r="G97" s="1">
        <f t="shared" si="13"/>
        <v>924.79</v>
      </c>
      <c r="P97" s="1">
        <f t="shared" si="14"/>
        <v>0</v>
      </c>
    </row>
    <row r="98" spans="2:16" x14ac:dyDescent="0.3">
      <c r="B98" t="s">
        <v>279</v>
      </c>
      <c r="C98" t="s">
        <v>100</v>
      </c>
      <c r="D98" s="1">
        <v>1947.88</v>
      </c>
      <c r="F98" s="1">
        <v>160.27000000000001</v>
      </c>
      <c r="G98" s="1">
        <f t="shared" si="13"/>
        <v>2108.15</v>
      </c>
      <c r="P98" s="1">
        <f t="shared" si="14"/>
        <v>0</v>
      </c>
    </row>
    <row r="99" spans="2:16" x14ac:dyDescent="0.3">
      <c r="B99" t="s">
        <v>279</v>
      </c>
      <c r="C99" t="s">
        <v>101</v>
      </c>
      <c r="D99" s="1">
        <v>2777.97</v>
      </c>
      <c r="F99" s="1">
        <v>99.12</v>
      </c>
      <c r="G99" s="1">
        <f t="shared" si="13"/>
        <v>2877.0899999999997</v>
      </c>
      <c r="P99" s="1">
        <f t="shared" si="14"/>
        <v>0</v>
      </c>
    </row>
    <row r="100" spans="2:16" x14ac:dyDescent="0.3">
      <c r="B100" t="s">
        <v>279</v>
      </c>
      <c r="C100" t="s">
        <v>102</v>
      </c>
      <c r="D100" s="1">
        <v>1250.93</v>
      </c>
      <c r="G100" s="1">
        <f t="shared" si="13"/>
        <v>1250.93</v>
      </c>
      <c r="P100" s="1">
        <f t="shared" si="14"/>
        <v>0</v>
      </c>
    </row>
    <row r="101" spans="2:16" x14ac:dyDescent="0.3">
      <c r="B101" t="s">
        <v>279</v>
      </c>
      <c r="C101" t="s">
        <v>103</v>
      </c>
      <c r="D101" s="1">
        <v>824.72</v>
      </c>
      <c r="G101" s="1">
        <f t="shared" si="13"/>
        <v>824.72</v>
      </c>
      <c r="P101" s="1">
        <f t="shared" si="14"/>
        <v>0</v>
      </c>
    </row>
    <row r="102" spans="2:16" x14ac:dyDescent="0.3">
      <c r="B102" t="s">
        <v>279</v>
      </c>
      <c r="C102" t="s">
        <v>104</v>
      </c>
      <c r="D102" s="1">
        <v>1161.1300000000001</v>
      </c>
      <c r="G102" s="1">
        <f t="shared" si="13"/>
        <v>1161.1300000000001</v>
      </c>
      <c r="P102" s="1">
        <f t="shared" si="14"/>
        <v>0</v>
      </c>
    </row>
    <row r="103" spans="2:16" x14ac:dyDescent="0.3">
      <c r="B103" t="s">
        <v>279</v>
      </c>
      <c r="C103" t="s">
        <v>105</v>
      </c>
      <c r="D103" s="1">
        <v>1068.32</v>
      </c>
      <c r="G103" s="1">
        <f t="shared" si="13"/>
        <v>1068.32</v>
      </c>
      <c r="P103" s="1">
        <f t="shared" si="14"/>
        <v>0</v>
      </c>
    </row>
    <row r="104" spans="2:16" x14ac:dyDescent="0.3">
      <c r="B104" t="s">
        <v>279</v>
      </c>
      <c r="C104" t="s">
        <v>106</v>
      </c>
      <c r="D104" s="1">
        <v>1501.31</v>
      </c>
      <c r="G104" s="1">
        <f t="shared" si="13"/>
        <v>1501.31</v>
      </c>
      <c r="P104" s="1">
        <f t="shared" si="14"/>
        <v>0</v>
      </c>
    </row>
    <row r="105" spans="2:16" x14ac:dyDescent="0.3">
      <c r="B105" t="s">
        <v>279</v>
      </c>
      <c r="C105" t="s">
        <v>107</v>
      </c>
      <c r="D105" s="1">
        <v>1444.24</v>
      </c>
      <c r="G105" s="1">
        <f t="shared" si="13"/>
        <v>1444.24</v>
      </c>
      <c r="P105" s="1">
        <f t="shared" si="14"/>
        <v>0</v>
      </c>
    </row>
    <row r="106" spans="2:16" x14ac:dyDescent="0.3">
      <c r="B106" t="s">
        <v>279</v>
      </c>
      <c r="C106" t="s">
        <v>108</v>
      </c>
      <c r="D106" s="1">
        <v>1840.2</v>
      </c>
      <c r="G106" s="1">
        <f t="shared" si="13"/>
        <v>1840.2</v>
      </c>
      <c r="P106" s="1">
        <f t="shared" si="14"/>
        <v>0</v>
      </c>
    </row>
    <row r="107" spans="2:16" x14ac:dyDescent="0.3">
      <c r="B107" t="s">
        <v>279</v>
      </c>
      <c r="C107" t="s">
        <v>109</v>
      </c>
      <c r="D107" s="1">
        <v>1398.62</v>
      </c>
      <c r="G107" s="1">
        <f t="shared" si="13"/>
        <v>1398.62</v>
      </c>
      <c r="P107" s="1">
        <f t="shared" si="14"/>
        <v>0</v>
      </c>
    </row>
    <row r="108" spans="2:16" x14ac:dyDescent="0.3">
      <c r="B108" t="s">
        <v>279</v>
      </c>
      <c r="C108" t="s">
        <v>110</v>
      </c>
      <c r="D108" s="1">
        <v>1889.73</v>
      </c>
      <c r="G108" s="1">
        <f t="shared" si="13"/>
        <v>1889.73</v>
      </c>
      <c r="P108" s="1">
        <f t="shared" si="14"/>
        <v>0</v>
      </c>
    </row>
    <row r="109" spans="2:16" x14ac:dyDescent="0.3">
      <c r="B109" t="s">
        <v>279</v>
      </c>
      <c r="C109" t="s">
        <v>111</v>
      </c>
      <c r="D109" s="1">
        <v>1545.91</v>
      </c>
      <c r="G109" s="1">
        <f t="shared" si="13"/>
        <v>1545.91</v>
      </c>
      <c r="P109" s="1">
        <f t="shared" si="14"/>
        <v>0</v>
      </c>
    </row>
    <row r="110" spans="2:16" x14ac:dyDescent="0.3">
      <c r="B110" t="s">
        <v>279</v>
      </c>
      <c r="C110" t="s">
        <v>112</v>
      </c>
      <c r="D110" s="1">
        <v>1258.44</v>
      </c>
      <c r="G110" s="1">
        <f t="shared" si="13"/>
        <v>1258.44</v>
      </c>
      <c r="P110" s="1">
        <f t="shared" si="14"/>
        <v>0</v>
      </c>
    </row>
    <row r="111" spans="2:16" x14ac:dyDescent="0.3">
      <c r="B111" t="s">
        <v>279</v>
      </c>
      <c r="C111" t="s">
        <v>113</v>
      </c>
      <c r="D111" s="1">
        <v>1797.01</v>
      </c>
      <c r="F111" s="1">
        <v>41.31</v>
      </c>
      <c r="G111" s="1">
        <f t="shared" si="13"/>
        <v>1838.32</v>
      </c>
      <c r="P111" s="1">
        <f t="shared" si="14"/>
        <v>0</v>
      </c>
    </row>
    <row r="112" spans="2:16" x14ac:dyDescent="0.3">
      <c r="B112" t="s">
        <v>279</v>
      </c>
      <c r="C112" t="s">
        <v>114</v>
      </c>
      <c r="D112" s="1">
        <v>1330.54</v>
      </c>
      <c r="G112" s="1">
        <f t="shared" si="13"/>
        <v>1330.54</v>
      </c>
      <c r="P112" s="1">
        <f t="shared" si="14"/>
        <v>0</v>
      </c>
    </row>
    <row r="113" spans="2:16" x14ac:dyDescent="0.3">
      <c r="B113" t="s">
        <v>279</v>
      </c>
      <c r="C113" t="s">
        <v>115</v>
      </c>
      <c r="D113" s="1">
        <v>407.48</v>
      </c>
      <c r="G113" s="1">
        <f t="shared" si="13"/>
        <v>407.48</v>
      </c>
      <c r="P113" s="1">
        <f t="shared" si="14"/>
        <v>0</v>
      </c>
    </row>
    <row r="114" spans="2:16" x14ac:dyDescent="0.3">
      <c r="B114" t="s">
        <v>279</v>
      </c>
      <c r="C114" t="s">
        <v>116</v>
      </c>
      <c r="D114" s="1">
        <v>795.63</v>
      </c>
      <c r="G114" s="1">
        <f t="shared" si="13"/>
        <v>795.63</v>
      </c>
      <c r="P114" s="1">
        <f t="shared" si="14"/>
        <v>0</v>
      </c>
    </row>
    <row r="115" spans="2:16" x14ac:dyDescent="0.3">
      <c r="B115" t="s">
        <v>279</v>
      </c>
      <c r="C115" t="s">
        <v>117</v>
      </c>
      <c r="D115" s="1">
        <v>1320.75</v>
      </c>
      <c r="G115" s="1">
        <f t="shared" si="13"/>
        <v>1320.75</v>
      </c>
      <c r="P115" s="1">
        <f t="shared" si="14"/>
        <v>0</v>
      </c>
    </row>
    <row r="116" spans="2:16" x14ac:dyDescent="0.3">
      <c r="B116" t="s">
        <v>279</v>
      </c>
      <c r="C116" t="s">
        <v>118</v>
      </c>
      <c r="D116" s="1">
        <v>291.52</v>
      </c>
      <c r="G116" s="1">
        <f t="shared" si="13"/>
        <v>291.52</v>
      </c>
      <c r="P116" s="1">
        <f t="shared" si="14"/>
        <v>0</v>
      </c>
    </row>
    <row r="117" spans="2:16" x14ac:dyDescent="0.3">
      <c r="B117" t="s">
        <v>279</v>
      </c>
      <c r="C117" t="s">
        <v>119</v>
      </c>
      <c r="D117" s="1">
        <v>1922.6</v>
      </c>
      <c r="G117" s="1">
        <f t="shared" si="13"/>
        <v>1922.6</v>
      </c>
      <c r="P117" s="1">
        <f t="shared" si="14"/>
        <v>0</v>
      </c>
    </row>
    <row r="118" spans="2:16" x14ac:dyDescent="0.3">
      <c r="B118" t="s">
        <v>279</v>
      </c>
      <c r="C118" t="s">
        <v>120</v>
      </c>
      <c r="D118" s="1">
        <v>1693.91</v>
      </c>
      <c r="G118" s="1">
        <f t="shared" si="13"/>
        <v>1693.91</v>
      </c>
      <c r="P118" s="1">
        <f t="shared" si="14"/>
        <v>0</v>
      </c>
    </row>
    <row r="119" spans="2:16" x14ac:dyDescent="0.3">
      <c r="B119" t="s">
        <v>279</v>
      </c>
      <c r="C119" t="s">
        <v>121</v>
      </c>
      <c r="D119" s="1">
        <v>1423.7</v>
      </c>
      <c r="G119" s="1">
        <f t="shared" si="13"/>
        <v>1423.7</v>
      </c>
      <c r="P119" s="1">
        <f t="shared" si="14"/>
        <v>0</v>
      </c>
    </row>
    <row r="120" spans="2:16" x14ac:dyDescent="0.3">
      <c r="B120" t="s">
        <v>279</v>
      </c>
      <c r="C120" t="s">
        <v>122</v>
      </c>
      <c r="D120" s="1">
        <v>1212.6600000000001</v>
      </c>
      <c r="G120" s="1">
        <f t="shared" si="13"/>
        <v>1212.6600000000001</v>
      </c>
      <c r="P120" s="1">
        <f t="shared" si="14"/>
        <v>0</v>
      </c>
    </row>
    <row r="121" spans="2:16" x14ac:dyDescent="0.3">
      <c r="B121" t="s">
        <v>279</v>
      </c>
      <c r="C121" t="s">
        <v>123</v>
      </c>
      <c r="D121" s="1">
        <v>995.68</v>
      </c>
      <c r="G121" s="1">
        <f t="shared" si="13"/>
        <v>995.68</v>
      </c>
      <c r="P121" s="1">
        <f t="shared" si="14"/>
        <v>0</v>
      </c>
    </row>
    <row r="122" spans="2:16" x14ac:dyDescent="0.3">
      <c r="B122" t="s">
        <v>279</v>
      </c>
      <c r="C122" t="s">
        <v>124</v>
      </c>
      <c r="D122" s="1">
        <v>1477.16</v>
      </c>
      <c r="G122" s="1">
        <f t="shared" si="13"/>
        <v>1477.16</v>
      </c>
      <c r="P122" s="1">
        <f t="shared" si="14"/>
        <v>0</v>
      </c>
    </row>
    <row r="123" spans="2:16" x14ac:dyDescent="0.3">
      <c r="B123" t="s">
        <v>279</v>
      </c>
      <c r="C123" t="s">
        <v>125</v>
      </c>
      <c r="D123" s="1">
        <v>1328.2</v>
      </c>
      <c r="G123" s="1">
        <f t="shared" si="13"/>
        <v>1328.2</v>
      </c>
      <c r="P123" s="1">
        <f t="shared" si="14"/>
        <v>0</v>
      </c>
    </row>
    <row r="124" spans="2:16" x14ac:dyDescent="0.3">
      <c r="B124" t="s">
        <v>279</v>
      </c>
      <c r="C124" t="s">
        <v>126</v>
      </c>
      <c r="D124" s="1">
        <v>990.88</v>
      </c>
      <c r="G124" s="1">
        <f t="shared" si="13"/>
        <v>990.88</v>
      </c>
      <c r="P124" s="1">
        <f t="shared" si="14"/>
        <v>0</v>
      </c>
    </row>
    <row r="125" spans="2:16" x14ac:dyDescent="0.3">
      <c r="B125" t="s">
        <v>279</v>
      </c>
      <c r="C125" t="s">
        <v>127</v>
      </c>
      <c r="D125" s="1">
        <v>828.56</v>
      </c>
      <c r="G125" s="1">
        <f t="shared" si="13"/>
        <v>828.56</v>
      </c>
      <c r="P125" s="1">
        <f t="shared" si="14"/>
        <v>0</v>
      </c>
    </row>
    <row r="126" spans="2:16" x14ac:dyDescent="0.3">
      <c r="B126" t="s">
        <v>279</v>
      </c>
      <c r="C126" t="s">
        <v>128</v>
      </c>
      <c r="D126" s="1">
        <v>1269.8699999999999</v>
      </c>
      <c r="G126" s="1">
        <f t="shared" si="13"/>
        <v>1269.8699999999999</v>
      </c>
      <c r="P126" s="1">
        <f t="shared" si="14"/>
        <v>0</v>
      </c>
    </row>
    <row r="127" spans="2:16" x14ac:dyDescent="0.3">
      <c r="B127" t="s">
        <v>279</v>
      </c>
      <c r="C127" t="s">
        <v>129</v>
      </c>
      <c r="D127" s="1">
        <v>587.47</v>
      </c>
      <c r="G127" s="1">
        <f t="shared" si="13"/>
        <v>587.47</v>
      </c>
      <c r="P127" s="1">
        <f t="shared" si="14"/>
        <v>0</v>
      </c>
    </row>
    <row r="128" spans="2:16" x14ac:dyDescent="0.3">
      <c r="B128" t="s">
        <v>279</v>
      </c>
      <c r="C128" t="s">
        <v>130</v>
      </c>
      <c r="D128" s="1">
        <v>880.07</v>
      </c>
      <c r="G128" s="1">
        <f t="shared" si="13"/>
        <v>880.07</v>
      </c>
      <c r="P128" s="1">
        <f t="shared" si="14"/>
        <v>0</v>
      </c>
    </row>
    <row r="129" spans="2:16" x14ac:dyDescent="0.3">
      <c r="B129" t="s">
        <v>279</v>
      </c>
      <c r="C129" t="s">
        <v>131</v>
      </c>
      <c r="D129" s="1">
        <v>1610.13</v>
      </c>
      <c r="G129" s="1">
        <f t="shared" si="13"/>
        <v>1610.13</v>
      </c>
      <c r="P129" s="1">
        <f t="shared" si="14"/>
        <v>0</v>
      </c>
    </row>
    <row r="130" spans="2:16" x14ac:dyDescent="0.3">
      <c r="B130" t="s">
        <v>279</v>
      </c>
      <c r="C130" t="s">
        <v>132</v>
      </c>
      <c r="D130" s="1">
        <v>1815.95</v>
      </c>
      <c r="G130" s="1">
        <f t="shared" si="13"/>
        <v>1815.95</v>
      </c>
      <c r="P130" s="1">
        <f t="shared" si="14"/>
        <v>0</v>
      </c>
    </row>
    <row r="131" spans="2:16" x14ac:dyDescent="0.3">
      <c r="B131" t="s">
        <v>279</v>
      </c>
      <c r="C131" t="s">
        <v>133</v>
      </c>
      <c r="D131" s="1">
        <v>1429.64</v>
      </c>
      <c r="G131" s="1">
        <f t="shared" si="13"/>
        <v>1429.64</v>
      </c>
      <c r="P131" s="1">
        <f t="shared" si="14"/>
        <v>0</v>
      </c>
    </row>
    <row r="132" spans="2:16" x14ac:dyDescent="0.3">
      <c r="B132" t="s">
        <v>279</v>
      </c>
      <c r="C132" t="s">
        <v>134</v>
      </c>
      <c r="D132" s="1">
        <v>1791.24</v>
      </c>
      <c r="G132" s="1">
        <f t="shared" si="13"/>
        <v>1791.24</v>
      </c>
      <c r="P132" s="1">
        <f t="shared" si="14"/>
        <v>0</v>
      </c>
    </row>
    <row r="133" spans="2:16" x14ac:dyDescent="0.3">
      <c r="B133" t="s">
        <v>279</v>
      </c>
      <c r="C133" t="s">
        <v>135</v>
      </c>
      <c r="D133" s="1">
        <v>1370.72</v>
      </c>
      <c r="G133" s="1">
        <f t="shared" si="13"/>
        <v>1370.72</v>
      </c>
      <c r="P133" s="1">
        <f t="shared" si="14"/>
        <v>0</v>
      </c>
    </row>
    <row r="134" spans="2:16" x14ac:dyDescent="0.3">
      <c r="B134" t="s">
        <v>279</v>
      </c>
      <c r="C134" t="s">
        <v>136</v>
      </c>
      <c r="D134" s="1">
        <v>1913.27</v>
      </c>
      <c r="F134" s="1">
        <v>0.72</v>
      </c>
      <c r="G134" s="1">
        <f t="shared" si="13"/>
        <v>1913.99</v>
      </c>
      <c r="P134" s="1">
        <f t="shared" si="14"/>
        <v>0</v>
      </c>
    </row>
    <row r="135" spans="2:16" x14ac:dyDescent="0.3">
      <c r="B135" t="s">
        <v>279</v>
      </c>
      <c r="C135" t="s">
        <v>137</v>
      </c>
      <c r="D135" s="1">
        <v>408.57</v>
      </c>
      <c r="G135" s="1">
        <f t="shared" si="13"/>
        <v>408.57</v>
      </c>
      <c r="P135" s="1">
        <f t="shared" si="14"/>
        <v>0</v>
      </c>
    </row>
    <row r="136" spans="2:16" x14ac:dyDescent="0.3">
      <c r="B136" t="s">
        <v>279</v>
      </c>
      <c r="C136" t="s">
        <v>138</v>
      </c>
      <c r="D136" s="1">
        <v>493.59</v>
      </c>
      <c r="G136" s="1">
        <f t="shared" ref="G136:G199" si="15">SUM(D136:F136)</f>
        <v>493.59</v>
      </c>
      <c r="P136" s="1">
        <f t="shared" ref="P136:P199" si="16">SUM(H136:O136)</f>
        <v>0</v>
      </c>
    </row>
    <row r="137" spans="2:16" x14ac:dyDescent="0.3">
      <c r="B137" t="s">
        <v>279</v>
      </c>
      <c r="C137" t="s">
        <v>139</v>
      </c>
      <c r="D137" s="1">
        <v>1596.24</v>
      </c>
      <c r="G137" s="1">
        <f t="shared" si="15"/>
        <v>1596.24</v>
      </c>
      <c r="P137" s="1">
        <f t="shared" si="16"/>
        <v>0</v>
      </c>
    </row>
    <row r="138" spans="2:16" x14ac:dyDescent="0.3">
      <c r="B138" t="s">
        <v>279</v>
      </c>
      <c r="C138" t="s">
        <v>140</v>
      </c>
      <c r="D138" s="1">
        <v>1114.3399999999999</v>
      </c>
      <c r="G138" s="1">
        <f t="shared" si="15"/>
        <v>1114.3399999999999</v>
      </c>
      <c r="P138" s="1">
        <f t="shared" si="16"/>
        <v>0</v>
      </c>
    </row>
    <row r="139" spans="2:16" x14ac:dyDescent="0.3">
      <c r="B139" t="s">
        <v>279</v>
      </c>
      <c r="C139" t="s">
        <v>141</v>
      </c>
      <c r="D139" s="1">
        <v>1191.1300000000001</v>
      </c>
      <c r="G139" s="1">
        <f t="shared" si="15"/>
        <v>1191.1300000000001</v>
      </c>
      <c r="P139" s="1">
        <f t="shared" si="16"/>
        <v>0</v>
      </c>
    </row>
    <row r="140" spans="2:16" x14ac:dyDescent="0.3">
      <c r="B140" t="s">
        <v>279</v>
      </c>
      <c r="C140" t="s">
        <v>142</v>
      </c>
      <c r="D140" s="1">
        <v>814.47</v>
      </c>
      <c r="G140" s="1">
        <f t="shared" si="15"/>
        <v>814.47</v>
      </c>
      <c r="P140" s="1">
        <f t="shared" si="16"/>
        <v>0</v>
      </c>
    </row>
    <row r="141" spans="2:16" x14ac:dyDescent="0.3">
      <c r="B141" t="s">
        <v>279</v>
      </c>
      <c r="C141" t="s">
        <v>143</v>
      </c>
      <c r="D141" s="1">
        <v>1345.21</v>
      </c>
      <c r="G141" s="1">
        <f t="shared" si="15"/>
        <v>1345.21</v>
      </c>
      <c r="P141" s="1">
        <f t="shared" si="16"/>
        <v>0</v>
      </c>
    </row>
    <row r="142" spans="2:16" x14ac:dyDescent="0.3">
      <c r="B142" t="s">
        <v>279</v>
      </c>
      <c r="C142" t="s">
        <v>53</v>
      </c>
      <c r="D142" s="1">
        <v>-381.98</v>
      </c>
      <c r="G142" s="1">
        <f t="shared" si="15"/>
        <v>-381.98</v>
      </c>
      <c r="P142" s="1">
        <f t="shared" si="16"/>
        <v>0</v>
      </c>
    </row>
    <row r="143" spans="2:16" x14ac:dyDescent="0.3">
      <c r="B143" t="s">
        <v>279</v>
      </c>
      <c r="C143" t="s">
        <v>73</v>
      </c>
      <c r="D143" s="1">
        <v>-2308.19</v>
      </c>
      <c r="F143" s="1">
        <v>-407.32</v>
      </c>
      <c r="G143" s="1">
        <f t="shared" si="15"/>
        <v>-2715.51</v>
      </c>
      <c r="P143" s="1">
        <f t="shared" si="16"/>
        <v>0</v>
      </c>
    </row>
    <row r="144" spans="2:16" x14ac:dyDescent="0.3">
      <c r="B144" t="s">
        <v>279</v>
      </c>
      <c r="C144" t="s">
        <v>54</v>
      </c>
      <c r="D144" s="1">
        <v>349.83</v>
      </c>
      <c r="F144" s="1">
        <v>26.33</v>
      </c>
      <c r="G144" s="1">
        <f t="shared" si="15"/>
        <v>376.15999999999997</v>
      </c>
      <c r="P144" s="1">
        <f t="shared" si="16"/>
        <v>0</v>
      </c>
    </row>
    <row r="145" spans="2:16" x14ac:dyDescent="0.3">
      <c r="B145" t="s">
        <v>279</v>
      </c>
      <c r="C145" t="s">
        <v>55</v>
      </c>
      <c r="D145" s="1">
        <v>-31.66</v>
      </c>
      <c r="F145" s="1">
        <v>-0.56999999999999995</v>
      </c>
      <c r="G145" s="1">
        <f t="shared" si="15"/>
        <v>-32.229999999999997</v>
      </c>
      <c r="P145" s="1">
        <f t="shared" si="16"/>
        <v>0</v>
      </c>
    </row>
    <row r="146" spans="2:16" x14ac:dyDescent="0.3">
      <c r="B146" t="s">
        <v>279</v>
      </c>
      <c r="C146" t="s">
        <v>74</v>
      </c>
      <c r="D146" s="1">
        <v>-40372.269999999997</v>
      </c>
      <c r="F146" s="1">
        <v>-1380.24</v>
      </c>
      <c r="G146" s="1">
        <f t="shared" si="15"/>
        <v>-41752.509999999995</v>
      </c>
      <c r="P146" s="1">
        <f t="shared" si="16"/>
        <v>0</v>
      </c>
    </row>
    <row r="147" spans="2:16" x14ac:dyDescent="0.3">
      <c r="B147" t="s">
        <v>279</v>
      </c>
      <c r="C147" t="s">
        <v>56</v>
      </c>
      <c r="D147" s="1">
        <v>952.46</v>
      </c>
      <c r="G147" s="1">
        <f t="shared" si="15"/>
        <v>952.46</v>
      </c>
      <c r="P147" s="1">
        <f t="shared" si="16"/>
        <v>0</v>
      </c>
    </row>
    <row r="148" spans="2:16" x14ac:dyDescent="0.3">
      <c r="B148" t="s">
        <v>279</v>
      </c>
      <c r="C148" t="s">
        <v>57</v>
      </c>
      <c r="D148" s="1">
        <v>148.41999999999999</v>
      </c>
      <c r="F148" s="1">
        <v>1.19</v>
      </c>
      <c r="G148" s="1">
        <f t="shared" si="15"/>
        <v>149.60999999999999</v>
      </c>
      <c r="P148" s="1">
        <f t="shared" si="16"/>
        <v>0</v>
      </c>
    </row>
    <row r="149" spans="2:16" x14ac:dyDescent="0.3">
      <c r="B149" t="s">
        <v>279</v>
      </c>
      <c r="C149" t="s">
        <v>58</v>
      </c>
      <c r="D149" s="1">
        <v>855.43</v>
      </c>
      <c r="F149" s="1">
        <v>0.05</v>
      </c>
      <c r="G149" s="1">
        <f t="shared" si="15"/>
        <v>855.4799999999999</v>
      </c>
      <c r="P149" s="1">
        <f t="shared" si="16"/>
        <v>0</v>
      </c>
    </row>
    <row r="150" spans="2:16" x14ac:dyDescent="0.3">
      <c r="B150" t="s">
        <v>279</v>
      </c>
      <c r="C150" t="s">
        <v>144</v>
      </c>
      <c r="D150" s="1">
        <v>8422.9599999999991</v>
      </c>
      <c r="G150" s="1">
        <f t="shared" si="15"/>
        <v>8422.9599999999991</v>
      </c>
      <c r="P150" s="1">
        <f t="shared" si="16"/>
        <v>0</v>
      </c>
    </row>
    <row r="151" spans="2:16" x14ac:dyDescent="0.3">
      <c r="B151" t="s">
        <v>279</v>
      </c>
      <c r="C151" t="s">
        <v>145</v>
      </c>
      <c r="D151" s="1">
        <v>14614.55</v>
      </c>
      <c r="G151" s="1">
        <f t="shared" si="15"/>
        <v>14614.55</v>
      </c>
      <c r="P151" s="1">
        <f t="shared" si="16"/>
        <v>0</v>
      </c>
    </row>
    <row r="152" spans="2:16" x14ac:dyDescent="0.3">
      <c r="B152" t="s">
        <v>279</v>
      </c>
      <c r="C152" t="s">
        <v>146</v>
      </c>
      <c r="D152" s="1">
        <v>573.87</v>
      </c>
      <c r="G152" s="1">
        <f t="shared" si="15"/>
        <v>573.87</v>
      </c>
      <c r="P152" s="1">
        <f t="shared" si="16"/>
        <v>0</v>
      </c>
    </row>
    <row r="153" spans="2:16" x14ac:dyDescent="0.3">
      <c r="B153" t="s">
        <v>279</v>
      </c>
      <c r="C153" t="s">
        <v>147</v>
      </c>
      <c r="D153" s="1">
        <v>3191.17</v>
      </c>
      <c r="G153" s="1">
        <f t="shared" si="15"/>
        <v>3191.17</v>
      </c>
      <c r="P153" s="1">
        <f t="shared" si="16"/>
        <v>0</v>
      </c>
    </row>
    <row r="154" spans="2:16" x14ac:dyDescent="0.3">
      <c r="B154" t="s">
        <v>279</v>
      </c>
      <c r="C154" t="s">
        <v>148</v>
      </c>
      <c r="D154" s="1">
        <v>498.78</v>
      </c>
      <c r="G154" s="1">
        <f t="shared" si="15"/>
        <v>498.78</v>
      </c>
      <c r="P154" s="1">
        <f t="shared" si="16"/>
        <v>0</v>
      </c>
    </row>
    <row r="155" spans="2:16" x14ac:dyDescent="0.3">
      <c r="B155" t="s">
        <v>279</v>
      </c>
      <c r="C155" t="s">
        <v>149</v>
      </c>
      <c r="D155" s="1">
        <v>20980.62</v>
      </c>
      <c r="F155" s="1">
        <v>810.21</v>
      </c>
      <c r="G155" s="1">
        <f t="shared" si="15"/>
        <v>21790.829999999998</v>
      </c>
      <c r="P155" s="1">
        <f t="shared" si="16"/>
        <v>0</v>
      </c>
    </row>
    <row r="156" spans="2:16" x14ac:dyDescent="0.3">
      <c r="B156" t="s">
        <v>279</v>
      </c>
      <c r="C156" t="s">
        <v>150</v>
      </c>
      <c r="D156" s="1">
        <v>6340.64</v>
      </c>
      <c r="F156" s="1">
        <v>-1565.83</v>
      </c>
      <c r="G156" s="1">
        <f t="shared" si="15"/>
        <v>4774.8100000000004</v>
      </c>
      <c r="P156" s="1">
        <f t="shared" si="16"/>
        <v>0</v>
      </c>
    </row>
    <row r="157" spans="2:16" x14ac:dyDescent="0.3">
      <c r="B157" t="s">
        <v>279</v>
      </c>
      <c r="C157" t="s">
        <v>151</v>
      </c>
      <c r="D157" s="1">
        <v>545.24</v>
      </c>
      <c r="F157" s="1">
        <v>-452.07</v>
      </c>
      <c r="G157" s="1">
        <f t="shared" si="15"/>
        <v>93.170000000000016</v>
      </c>
      <c r="P157" s="1">
        <f t="shared" si="16"/>
        <v>0</v>
      </c>
    </row>
    <row r="158" spans="2:16" x14ac:dyDescent="0.3">
      <c r="B158" t="s">
        <v>279</v>
      </c>
      <c r="C158" t="s">
        <v>152</v>
      </c>
      <c r="D158" s="1">
        <v>6016.89</v>
      </c>
      <c r="F158" s="1">
        <v>386.92</v>
      </c>
      <c r="G158" s="1">
        <f t="shared" si="15"/>
        <v>6403.81</v>
      </c>
      <c r="P158" s="1">
        <f t="shared" si="16"/>
        <v>0</v>
      </c>
    </row>
    <row r="159" spans="2:16" x14ac:dyDescent="0.3">
      <c r="B159" t="s">
        <v>279</v>
      </c>
      <c r="C159" t="s">
        <v>153</v>
      </c>
      <c r="D159" s="1">
        <v>4649.74</v>
      </c>
      <c r="F159" s="1">
        <v>-2257.7800000000002</v>
      </c>
      <c r="G159" s="1">
        <f t="shared" si="15"/>
        <v>2391.9599999999996</v>
      </c>
      <c r="P159" s="1">
        <f t="shared" si="16"/>
        <v>0</v>
      </c>
    </row>
    <row r="160" spans="2:16" x14ac:dyDescent="0.3">
      <c r="B160" t="s">
        <v>279</v>
      </c>
      <c r="C160" t="s">
        <v>154</v>
      </c>
      <c r="D160" s="1">
        <v>3788.16</v>
      </c>
      <c r="F160" s="1">
        <v>-1452.84</v>
      </c>
      <c r="G160" s="1">
        <f t="shared" si="15"/>
        <v>2335.3199999999997</v>
      </c>
      <c r="P160" s="1">
        <f t="shared" si="16"/>
        <v>0</v>
      </c>
    </row>
    <row r="161" spans="2:16" x14ac:dyDescent="0.3">
      <c r="B161" t="s">
        <v>279</v>
      </c>
      <c r="C161" t="s">
        <v>155</v>
      </c>
      <c r="D161" s="1">
        <v>1225.53</v>
      </c>
      <c r="F161" s="1">
        <v>-1001.74</v>
      </c>
      <c r="G161" s="1">
        <f t="shared" si="15"/>
        <v>223.78999999999996</v>
      </c>
      <c r="P161" s="1">
        <f t="shared" si="16"/>
        <v>0</v>
      </c>
    </row>
    <row r="162" spans="2:16" x14ac:dyDescent="0.3">
      <c r="B162" t="s">
        <v>279</v>
      </c>
      <c r="C162" t="s">
        <v>156</v>
      </c>
      <c r="D162" s="1">
        <v>5390.41</v>
      </c>
      <c r="F162" s="1">
        <v>1221.21</v>
      </c>
      <c r="G162" s="1">
        <f t="shared" si="15"/>
        <v>6611.62</v>
      </c>
      <c r="P162" s="1">
        <f t="shared" si="16"/>
        <v>0</v>
      </c>
    </row>
    <row r="163" spans="2:16" x14ac:dyDescent="0.3">
      <c r="B163" t="s">
        <v>279</v>
      </c>
      <c r="C163" t="s">
        <v>157</v>
      </c>
      <c r="D163" s="1">
        <v>75090.78</v>
      </c>
      <c r="F163" s="1">
        <v>1558.94</v>
      </c>
      <c r="G163" s="1">
        <f t="shared" si="15"/>
        <v>76649.72</v>
      </c>
      <c r="P163" s="1">
        <f t="shared" si="16"/>
        <v>0</v>
      </c>
    </row>
    <row r="164" spans="2:16" x14ac:dyDescent="0.3">
      <c r="B164" t="s">
        <v>279</v>
      </c>
      <c r="C164" t="s">
        <v>158</v>
      </c>
      <c r="D164" s="1">
        <v>37845.53</v>
      </c>
      <c r="F164" s="1">
        <v>-344.77</v>
      </c>
      <c r="G164" s="1">
        <f t="shared" si="15"/>
        <v>37500.76</v>
      </c>
      <c r="P164" s="1">
        <f t="shared" si="16"/>
        <v>0</v>
      </c>
    </row>
    <row r="165" spans="2:16" x14ac:dyDescent="0.3">
      <c r="B165" t="s">
        <v>279</v>
      </c>
      <c r="C165" t="s">
        <v>159</v>
      </c>
      <c r="D165" s="1">
        <v>59782.83</v>
      </c>
      <c r="F165" s="1">
        <v>1855.76</v>
      </c>
      <c r="G165" s="1">
        <f t="shared" si="15"/>
        <v>61638.590000000004</v>
      </c>
      <c r="P165" s="1">
        <f t="shared" si="16"/>
        <v>0</v>
      </c>
    </row>
    <row r="166" spans="2:16" x14ac:dyDescent="0.3">
      <c r="B166" t="s">
        <v>279</v>
      </c>
      <c r="C166" t="s">
        <v>160</v>
      </c>
      <c r="D166" s="1">
        <v>24280.15</v>
      </c>
      <c r="F166" s="1">
        <v>2795.56</v>
      </c>
      <c r="G166" s="1">
        <f t="shared" si="15"/>
        <v>27075.710000000003</v>
      </c>
      <c r="P166" s="1">
        <f t="shared" si="16"/>
        <v>0</v>
      </c>
    </row>
    <row r="167" spans="2:16" x14ac:dyDescent="0.3">
      <c r="B167" t="s">
        <v>279</v>
      </c>
      <c r="C167" t="s">
        <v>161</v>
      </c>
      <c r="D167" s="1">
        <v>58770.96</v>
      </c>
      <c r="F167" s="1">
        <v>3379.28</v>
      </c>
      <c r="G167" s="1">
        <f t="shared" si="15"/>
        <v>62150.239999999998</v>
      </c>
      <c r="P167" s="1">
        <f t="shared" si="16"/>
        <v>0</v>
      </c>
    </row>
    <row r="168" spans="2:16" x14ac:dyDescent="0.3">
      <c r="B168" t="s">
        <v>279</v>
      </c>
      <c r="C168" t="s">
        <v>162</v>
      </c>
      <c r="D168" s="1">
        <v>30147.49</v>
      </c>
      <c r="F168" s="1">
        <v>575.21</v>
      </c>
      <c r="G168" s="1">
        <f t="shared" si="15"/>
        <v>30722.7</v>
      </c>
      <c r="P168" s="1">
        <f t="shared" si="16"/>
        <v>0</v>
      </c>
    </row>
    <row r="169" spans="2:16" x14ac:dyDescent="0.3">
      <c r="B169" t="s">
        <v>279</v>
      </c>
      <c r="C169" t="s">
        <v>163</v>
      </c>
      <c r="D169" s="1">
        <v>10308.57</v>
      </c>
      <c r="G169" s="1">
        <f t="shared" si="15"/>
        <v>10308.57</v>
      </c>
      <c r="P169" s="1">
        <f t="shared" si="16"/>
        <v>0</v>
      </c>
    </row>
    <row r="170" spans="2:16" x14ac:dyDescent="0.3">
      <c r="B170" t="s">
        <v>279</v>
      </c>
      <c r="C170" t="s">
        <v>164</v>
      </c>
      <c r="D170" s="1">
        <v>131334.94</v>
      </c>
      <c r="F170" s="1">
        <v>1783.65</v>
      </c>
      <c r="G170" s="1">
        <f t="shared" si="15"/>
        <v>133118.59</v>
      </c>
      <c r="P170" s="1">
        <f t="shared" si="16"/>
        <v>0</v>
      </c>
    </row>
    <row r="171" spans="2:16" x14ac:dyDescent="0.3">
      <c r="B171" t="s">
        <v>279</v>
      </c>
      <c r="C171" t="s">
        <v>165</v>
      </c>
      <c r="D171" s="1">
        <v>71760.45</v>
      </c>
      <c r="F171" s="1">
        <v>-1146.93</v>
      </c>
      <c r="G171" s="1">
        <f t="shared" si="15"/>
        <v>70613.52</v>
      </c>
      <c r="P171" s="1">
        <f t="shared" si="16"/>
        <v>0</v>
      </c>
    </row>
    <row r="172" spans="2:16" x14ac:dyDescent="0.3">
      <c r="B172" t="s">
        <v>279</v>
      </c>
      <c r="C172" t="s">
        <v>166</v>
      </c>
      <c r="D172" s="1">
        <v>48541.760000000002</v>
      </c>
      <c r="F172" s="1">
        <v>871.79</v>
      </c>
      <c r="G172" s="1">
        <f t="shared" si="15"/>
        <v>49413.55</v>
      </c>
      <c r="P172" s="1">
        <f t="shared" si="16"/>
        <v>0</v>
      </c>
    </row>
    <row r="173" spans="2:16" x14ac:dyDescent="0.3">
      <c r="B173" t="s">
        <v>279</v>
      </c>
      <c r="C173" t="s">
        <v>167</v>
      </c>
      <c r="D173" s="1">
        <v>51181.85</v>
      </c>
      <c r="F173" s="1">
        <v>2675.45</v>
      </c>
      <c r="G173" s="1">
        <f t="shared" si="15"/>
        <v>53857.299999999996</v>
      </c>
      <c r="P173" s="1">
        <f t="shared" si="16"/>
        <v>0</v>
      </c>
    </row>
    <row r="174" spans="2:16" x14ac:dyDescent="0.3">
      <c r="B174" t="s">
        <v>279</v>
      </c>
      <c r="C174" t="s">
        <v>168</v>
      </c>
      <c r="D174" s="1">
        <v>63603.55</v>
      </c>
      <c r="F174" s="1">
        <v>8921.5300000000007</v>
      </c>
      <c r="G174" s="1">
        <f t="shared" si="15"/>
        <v>72525.08</v>
      </c>
      <c r="P174" s="1">
        <f t="shared" si="16"/>
        <v>0</v>
      </c>
    </row>
    <row r="175" spans="2:16" x14ac:dyDescent="0.3">
      <c r="B175" t="s">
        <v>279</v>
      </c>
      <c r="C175" t="s">
        <v>169</v>
      </c>
      <c r="D175" s="1">
        <v>72992.23</v>
      </c>
      <c r="F175" s="1">
        <v>2878.82</v>
      </c>
      <c r="G175" s="1">
        <f t="shared" si="15"/>
        <v>75871.05</v>
      </c>
      <c r="P175" s="1">
        <f t="shared" si="16"/>
        <v>0</v>
      </c>
    </row>
    <row r="176" spans="2:16" x14ac:dyDescent="0.3">
      <c r="B176" t="s">
        <v>279</v>
      </c>
      <c r="C176" t="s">
        <v>59</v>
      </c>
      <c r="D176" s="1">
        <v>493.52</v>
      </c>
      <c r="G176" s="1">
        <f t="shared" si="15"/>
        <v>493.52</v>
      </c>
      <c r="P176" s="1">
        <f t="shared" si="16"/>
        <v>0</v>
      </c>
    </row>
    <row r="177" spans="2:16" x14ac:dyDescent="0.3">
      <c r="B177" t="s">
        <v>279</v>
      </c>
      <c r="C177" t="s">
        <v>170</v>
      </c>
      <c r="D177" s="1">
        <v>-2286.7399999999998</v>
      </c>
      <c r="F177" s="1">
        <v>-992.2</v>
      </c>
      <c r="G177" s="1">
        <f t="shared" si="15"/>
        <v>-3278.9399999999996</v>
      </c>
      <c r="P177" s="1">
        <f t="shared" si="16"/>
        <v>0</v>
      </c>
    </row>
    <row r="178" spans="2:16" x14ac:dyDescent="0.3">
      <c r="B178" t="s">
        <v>279</v>
      </c>
      <c r="C178" t="s">
        <v>60</v>
      </c>
      <c r="D178" s="1">
        <v>-0.83</v>
      </c>
      <c r="G178" s="1">
        <f t="shared" si="15"/>
        <v>-0.83</v>
      </c>
      <c r="P178" s="1">
        <f t="shared" si="16"/>
        <v>0</v>
      </c>
    </row>
    <row r="179" spans="2:16" x14ac:dyDescent="0.3">
      <c r="B179" t="s">
        <v>279</v>
      </c>
      <c r="C179" t="s">
        <v>61</v>
      </c>
      <c r="D179" s="1">
        <v>35193.08</v>
      </c>
      <c r="F179" s="1">
        <v>21965.95</v>
      </c>
      <c r="G179" s="1">
        <f t="shared" si="15"/>
        <v>57159.03</v>
      </c>
      <c r="J179" s="1">
        <v>172.42</v>
      </c>
      <c r="O179" s="1">
        <v>-36.159999999999997</v>
      </c>
      <c r="P179" s="1">
        <f t="shared" si="16"/>
        <v>136.26</v>
      </c>
    </row>
    <row r="180" spans="2:16" x14ac:dyDescent="0.3">
      <c r="B180" t="s">
        <v>279</v>
      </c>
      <c r="C180" t="s">
        <v>171</v>
      </c>
      <c r="D180" s="1">
        <v>59899.199999999997</v>
      </c>
      <c r="F180" s="1">
        <v>8090.92</v>
      </c>
      <c r="G180" s="1">
        <f t="shared" si="15"/>
        <v>67990.12</v>
      </c>
      <c r="P180" s="1">
        <f t="shared" si="16"/>
        <v>0</v>
      </c>
    </row>
    <row r="181" spans="2:16" x14ac:dyDescent="0.3">
      <c r="B181" t="s">
        <v>279</v>
      </c>
      <c r="C181" t="s">
        <v>172</v>
      </c>
      <c r="D181" s="1">
        <v>51797.62</v>
      </c>
      <c r="F181" s="1">
        <v>717.31</v>
      </c>
      <c r="G181" s="1">
        <f t="shared" si="15"/>
        <v>52514.93</v>
      </c>
      <c r="P181" s="1">
        <f t="shared" si="16"/>
        <v>0</v>
      </c>
    </row>
    <row r="182" spans="2:16" x14ac:dyDescent="0.3">
      <c r="B182" t="s">
        <v>279</v>
      </c>
      <c r="C182" t="s">
        <v>173</v>
      </c>
      <c r="D182" s="1">
        <v>51718.38</v>
      </c>
      <c r="F182" s="1">
        <v>442.77</v>
      </c>
      <c r="G182" s="1">
        <f t="shared" si="15"/>
        <v>52161.149999999994</v>
      </c>
      <c r="P182" s="1">
        <f t="shared" si="16"/>
        <v>0</v>
      </c>
    </row>
    <row r="183" spans="2:16" x14ac:dyDescent="0.3">
      <c r="B183" t="s">
        <v>279</v>
      </c>
      <c r="C183" t="s">
        <v>174</v>
      </c>
      <c r="D183" s="1">
        <v>45158.27</v>
      </c>
      <c r="G183" s="1">
        <f t="shared" si="15"/>
        <v>45158.27</v>
      </c>
      <c r="P183" s="1">
        <f t="shared" si="16"/>
        <v>0</v>
      </c>
    </row>
    <row r="184" spans="2:16" x14ac:dyDescent="0.3">
      <c r="B184" t="s">
        <v>279</v>
      </c>
      <c r="C184" t="s">
        <v>175</v>
      </c>
      <c r="D184" s="1">
        <v>55918.13</v>
      </c>
      <c r="F184" s="1">
        <v>384.46</v>
      </c>
      <c r="G184" s="1">
        <f t="shared" si="15"/>
        <v>56302.59</v>
      </c>
      <c r="P184" s="1">
        <f t="shared" si="16"/>
        <v>0</v>
      </c>
    </row>
    <row r="185" spans="2:16" x14ac:dyDescent="0.3">
      <c r="B185" t="s">
        <v>279</v>
      </c>
      <c r="C185" t="s">
        <v>176</v>
      </c>
      <c r="D185" s="1">
        <v>60249.63</v>
      </c>
      <c r="F185" s="1">
        <v>745.43</v>
      </c>
      <c r="G185" s="1">
        <f t="shared" si="15"/>
        <v>60995.06</v>
      </c>
      <c r="P185" s="1">
        <f t="shared" si="16"/>
        <v>0</v>
      </c>
    </row>
    <row r="186" spans="2:16" x14ac:dyDescent="0.3">
      <c r="B186" t="s">
        <v>279</v>
      </c>
      <c r="C186" t="s">
        <v>177</v>
      </c>
      <c r="D186" s="1">
        <v>77491.37</v>
      </c>
      <c r="F186" s="1">
        <v>-1097.3599999999999</v>
      </c>
      <c r="G186" s="1">
        <f t="shared" si="15"/>
        <v>76394.009999999995</v>
      </c>
      <c r="P186" s="1">
        <f t="shared" si="16"/>
        <v>0</v>
      </c>
    </row>
    <row r="187" spans="2:16" x14ac:dyDescent="0.3">
      <c r="B187" t="s">
        <v>279</v>
      </c>
      <c r="C187" t="s">
        <v>178</v>
      </c>
      <c r="D187" s="1">
        <v>61153.919999999998</v>
      </c>
      <c r="F187" s="1">
        <v>-333.61</v>
      </c>
      <c r="G187" s="1">
        <f t="shared" si="15"/>
        <v>60820.31</v>
      </c>
      <c r="P187" s="1">
        <f t="shared" si="16"/>
        <v>0</v>
      </c>
    </row>
    <row r="188" spans="2:16" x14ac:dyDescent="0.3">
      <c r="B188" t="s">
        <v>279</v>
      </c>
      <c r="C188" t="s">
        <v>179</v>
      </c>
      <c r="D188" s="1">
        <v>58586.47</v>
      </c>
      <c r="F188" s="1">
        <v>-267.79000000000002</v>
      </c>
      <c r="G188" s="1">
        <f t="shared" si="15"/>
        <v>58318.68</v>
      </c>
      <c r="P188" s="1">
        <f t="shared" si="16"/>
        <v>0</v>
      </c>
    </row>
    <row r="189" spans="2:16" x14ac:dyDescent="0.3">
      <c r="B189" t="s">
        <v>279</v>
      </c>
      <c r="C189" t="s">
        <v>180</v>
      </c>
      <c r="D189" s="1">
        <v>71718.77</v>
      </c>
      <c r="F189" s="1">
        <v>1902.29</v>
      </c>
      <c r="G189" s="1">
        <f t="shared" si="15"/>
        <v>73621.06</v>
      </c>
      <c r="P189" s="1">
        <f t="shared" si="16"/>
        <v>0</v>
      </c>
    </row>
    <row r="190" spans="2:16" x14ac:dyDescent="0.3">
      <c r="B190" t="s">
        <v>279</v>
      </c>
      <c r="C190" t="s">
        <v>181</v>
      </c>
      <c r="D190" s="1">
        <v>55002.8</v>
      </c>
      <c r="F190" s="1">
        <v>48.47</v>
      </c>
      <c r="G190" s="1">
        <f t="shared" si="15"/>
        <v>55051.270000000004</v>
      </c>
      <c r="P190" s="1">
        <f t="shared" si="16"/>
        <v>0</v>
      </c>
    </row>
    <row r="191" spans="2:16" x14ac:dyDescent="0.3">
      <c r="B191" t="s">
        <v>279</v>
      </c>
      <c r="C191" t="s">
        <v>182</v>
      </c>
      <c r="D191" s="1">
        <v>76255.960000000006</v>
      </c>
      <c r="F191" s="1">
        <v>8090.22</v>
      </c>
      <c r="G191" s="1">
        <f t="shared" si="15"/>
        <v>84346.180000000008</v>
      </c>
      <c r="P191" s="1">
        <f t="shared" si="16"/>
        <v>0</v>
      </c>
    </row>
    <row r="192" spans="2:16" x14ac:dyDescent="0.3">
      <c r="B192" t="s">
        <v>279</v>
      </c>
      <c r="C192" t="s">
        <v>183</v>
      </c>
      <c r="D192" s="1">
        <v>60250.54</v>
      </c>
      <c r="G192" s="1">
        <f t="shared" si="15"/>
        <v>60250.54</v>
      </c>
      <c r="P192" s="1">
        <f t="shared" si="16"/>
        <v>0</v>
      </c>
    </row>
    <row r="193" spans="2:16" x14ac:dyDescent="0.3">
      <c r="B193" t="s">
        <v>279</v>
      </c>
      <c r="C193" t="s">
        <v>184</v>
      </c>
      <c r="D193" s="1">
        <v>54996.38</v>
      </c>
      <c r="F193" s="1">
        <v>-349.55</v>
      </c>
      <c r="G193" s="1">
        <f t="shared" si="15"/>
        <v>54646.829999999994</v>
      </c>
      <c r="P193" s="1">
        <f t="shared" si="16"/>
        <v>0</v>
      </c>
    </row>
    <row r="194" spans="2:16" x14ac:dyDescent="0.3">
      <c r="B194" t="s">
        <v>279</v>
      </c>
      <c r="C194" t="s">
        <v>185</v>
      </c>
      <c r="D194" s="1">
        <v>57149.86</v>
      </c>
      <c r="F194" s="1">
        <v>6847.18</v>
      </c>
      <c r="G194" s="1">
        <f t="shared" si="15"/>
        <v>63997.04</v>
      </c>
      <c r="P194" s="1">
        <f t="shared" si="16"/>
        <v>0</v>
      </c>
    </row>
    <row r="195" spans="2:16" x14ac:dyDescent="0.3">
      <c r="B195" t="s">
        <v>279</v>
      </c>
      <c r="C195" t="s">
        <v>186</v>
      </c>
      <c r="D195" s="1">
        <v>215.18</v>
      </c>
      <c r="F195" s="1">
        <v>42.35</v>
      </c>
      <c r="G195" s="1">
        <f t="shared" si="15"/>
        <v>257.53000000000003</v>
      </c>
      <c r="J195" s="1">
        <v>-36.71</v>
      </c>
      <c r="O195" s="1">
        <v>-9.8800000000000008</v>
      </c>
      <c r="P195" s="1">
        <f t="shared" si="16"/>
        <v>-46.59</v>
      </c>
    </row>
    <row r="196" spans="2:16" x14ac:dyDescent="0.3">
      <c r="B196" t="s">
        <v>279</v>
      </c>
      <c r="C196" t="s">
        <v>187</v>
      </c>
      <c r="D196" s="1">
        <v>86447.78</v>
      </c>
      <c r="F196" s="1">
        <v>30724.12</v>
      </c>
      <c r="G196" s="1">
        <f t="shared" si="15"/>
        <v>117171.9</v>
      </c>
      <c r="P196" s="1">
        <f t="shared" si="16"/>
        <v>0</v>
      </c>
    </row>
    <row r="197" spans="2:16" x14ac:dyDescent="0.3">
      <c r="B197" t="s">
        <v>279</v>
      </c>
      <c r="C197" t="s">
        <v>188</v>
      </c>
      <c r="D197" s="1">
        <v>15839.76</v>
      </c>
      <c r="F197" s="1">
        <v>7476.25</v>
      </c>
      <c r="G197" s="1">
        <f t="shared" si="15"/>
        <v>23316.010000000002</v>
      </c>
      <c r="P197" s="1">
        <f t="shared" si="16"/>
        <v>0</v>
      </c>
    </row>
    <row r="198" spans="2:16" x14ac:dyDescent="0.3">
      <c r="B198" t="s">
        <v>279</v>
      </c>
      <c r="C198" t="s">
        <v>189</v>
      </c>
      <c r="D198" s="1">
        <v>82742.899999999994</v>
      </c>
      <c r="F198" s="1">
        <v>12387.53</v>
      </c>
      <c r="G198" s="1">
        <f t="shared" si="15"/>
        <v>95130.43</v>
      </c>
      <c r="P198" s="1">
        <f t="shared" si="16"/>
        <v>0</v>
      </c>
    </row>
    <row r="199" spans="2:16" x14ac:dyDescent="0.3">
      <c r="B199" t="s">
        <v>279</v>
      </c>
      <c r="C199" t="s">
        <v>190</v>
      </c>
      <c r="D199" s="1">
        <v>258493.99</v>
      </c>
      <c r="F199" s="1">
        <v>82893.850000000006</v>
      </c>
      <c r="G199" s="1">
        <f t="shared" si="15"/>
        <v>341387.83999999997</v>
      </c>
      <c r="P199" s="1">
        <f t="shared" si="16"/>
        <v>0</v>
      </c>
    </row>
    <row r="200" spans="2:16" x14ac:dyDescent="0.3">
      <c r="B200" t="s">
        <v>279</v>
      </c>
      <c r="C200" t="s">
        <v>191</v>
      </c>
      <c r="D200" s="1">
        <v>117935.98</v>
      </c>
      <c r="F200" s="1">
        <v>6942.18</v>
      </c>
      <c r="G200" s="1">
        <f t="shared" ref="G200:G263" si="17">SUM(D200:F200)</f>
        <v>124878.16</v>
      </c>
      <c r="P200" s="1">
        <f t="shared" ref="P200:P263" si="18">SUM(H200:O200)</f>
        <v>0</v>
      </c>
    </row>
    <row r="201" spans="2:16" x14ac:dyDescent="0.3">
      <c r="B201" t="s">
        <v>279</v>
      </c>
      <c r="C201" t="s">
        <v>192</v>
      </c>
      <c r="D201" s="1">
        <v>42258.15</v>
      </c>
      <c r="F201" s="1">
        <v>2560.16</v>
      </c>
      <c r="G201" s="1">
        <f t="shared" si="17"/>
        <v>44818.31</v>
      </c>
      <c r="P201" s="1">
        <f t="shared" si="18"/>
        <v>0</v>
      </c>
    </row>
    <row r="202" spans="2:16" x14ac:dyDescent="0.3">
      <c r="B202" t="s">
        <v>279</v>
      </c>
      <c r="C202" t="s">
        <v>193</v>
      </c>
      <c r="D202" s="1">
        <v>57985.96</v>
      </c>
      <c r="F202" s="1">
        <v>11733.18</v>
      </c>
      <c r="G202" s="1">
        <f t="shared" si="17"/>
        <v>69719.14</v>
      </c>
      <c r="P202" s="1">
        <f t="shared" si="18"/>
        <v>0</v>
      </c>
    </row>
    <row r="203" spans="2:16" x14ac:dyDescent="0.3">
      <c r="B203" t="s">
        <v>279</v>
      </c>
      <c r="C203" t="s">
        <v>194</v>
      </c>
      <c r="D203" s="1">
        <v>7135.72</v>
      </c>
      <c r="F203" s="1">
        <v>2191.4</v>
      </c>
      <c r="G203" s="1">
        <f t="shared" si="17"/>
        <v>9327.1200000000008</v>
      </c>
      <c r="P203" s="1">
        <f t="shared" si="18"/>
        <v>0</v>
      </c>
    </row>
    <row r="204" spans="2:16" x14ac:dyDescent="0.3">
      <c r="B204" t="s">
        <v>279</v>
      </c>
      <c r="C204" t="s">
        <v>195</v>
      </c>
      <c r="D204" s="1">
        <v>455359.63</v>
      </c>
      <c r="F204" s="1">
        <v>138813</v>
      </c>
      <c r="G204" s="1">
        <f t="shared" si="17"/>
        <v>594172.63</v>
      </c>
      <c r="P204" s="1">
        <f t="shared" si="18"/>
        <v>0</v>
      </c>
    </row>
    <row r="205" spans="2:16" x14ac:dyDescent="0.3">
      <c r="B205" t="s">
        <v>279</v>
      </c>
      <c r="C205" t="s">
        <v>196</v>
      </c>
      <c r="D205" s="1">
        <v>53269.84</v>
      </c>
      <c r="F205" s="1">
        <v>349.38</v>
      </c>
      <c r="G205" s="1">
        <f t="shared" si="17"/>
        <v>53619.219999999994</v>
      </c>
      <c r="P205" s="1">
        <f t="shared" si="18"/>
        <v>0</v>
      </c>
    </row>
    <row r="206" spans="2:16" x14ac:dyDescent="0.3">
      <c r="B206" t="s">
        <v>279</v>
      </c>
      <c r="C206" t="s">
        <v>62</v>
      </c>
      <c r="D206" s="1">
        <v>536.26</v>
      </c>
      <c r="F206" s="1">
        <v>40.64</v>
      </c>
      <c r="G206" s="1">
        <f t="shared" si="17"/>
        <v>576.9</v>
      </c>
      <c r="P206" s="1">
        <f t="shared" si="18"/>
        <v>0</v>
      </c>
    </row>
    <row r="207" spans="2:16" x14ac:dyDescent="0.3">
      <c r="B207" t="s">
        <v>279</v>
      </c>
      <c r="C207" t="s">
        <v>75</v>
      </c>
      <c r="D207" s="1">
        <v>1659.26</v>
      </c>
      <c r="F207" s="1">
        <v>292.8</v>
      </c>
      <c r="G207" s="1">
        <f t="shared" si="17"/>
        <v>1952.06</v>
      </c>
      <c r="P207" s="1">
        <f t="shared" si="18"/>
        <v>0</v>
      </c>
    </row>
    <row r="208" spans="2:16" x14ac:dyDescent="0.3">
      <c r="B208" t="s">
        <v>279</v>
      </c>
      <c r="C208" t="s">
        <v>63</v>
      </c>
      <c r="D208" s="1">
        <v>19977.68</v>
      </c>
      <c r="F208" s="1">
        <v>85.76</v>
      </c>
      <c r="G208" s="1">
        <f t="shared" si="17"/>
        <v>20063.439999999999</v>
      </c>
      <c r="P208" s="1">
        <f t="shared" si="18"/>
        <v>0</v>
      </c>
    </row>
    <row r="209" spans="2:16" x14ac:dyDescent="0.3">
      <c r="B209" t="s">
        <v>279</v>
      </c>
      <c r="C209" t="s">
        <v>64</v>
      </c>
      <c r="D209" s="1">
        <v>0.01</v>
      </c>
      <c r="F209" s="1">
        <v>0</v>
      </c>
      <c r="G209" s="1">
        <f t="shared" si="17"/>
        <v>0.01</v>
      </c>
      <c r="P209" s="1">
        <f t="shared" si="18"/>
        <v>0</v>
      </c>
    </row>
    <row r="210" spans="2:16" x14ac:dyDescent="0.3">
      <c r="B210" t="s">
        <v>279</v>
      </c>
      <c r="C210" t="s">
        <v>65</v>
      </c>
      <c r="D210" s="1">
        <v>5.04</v>
      </c>
      <c r="F210" s="1">
        <v>-0.44</v>
      </c>
      <c r="G210" s="1">
        <f t="shared" si="17"/>
        <v>4.5999999999999996</v>
      </c>
      <c r="P210" s="1">
        <f t="shared" si="18"/>
        <v>0</v>
      </c>
    </row>
    <row r="211" spans="2:16" x14ac:dyDescent="0.3">
      <c r="B211" t="s">
        <v>279</v>
      </c>
      <c r="C211" t="s">
        <v>66</v>
      </c>
      <c r="D211" s="1">
        <v>1820.35</v>
      </c>
      <c r="G211" s="1">
        <f t="shared" si="17"/>
        <v>1820.35</v>
      </c>
      <c r="P211" s="1">
        <f t="shared" si="18"/>
        <v>0</v>
      </c>
    </row>
    <row r="212" spans="2:16" x14ac:dyDescent="0.3">
      <c r="B212" t="s">
        <v>279</v>
      </c>
      <c r="C212" t="s">
        <v>67</v>
      </c>
      <c r="D212" s="1">
        <v>-0.76</v>
      </c>
      <c r="G212" s="1">
        <f t="shared" si="17"/>
        <v>-0.76</v>
      </c>
      <c r="P212" s="1">
        <f t="shared" si="18"/>
        <v>0</v>
      </c>
    </row>
    <row r="213" spans="2:16" x14ac:dyDescent="0.3">
      <c r="B213" t="s">
        <v>279</v>
      </c>
      <c r="C213" t="s">
        <v>68</v>
      </c>
      <c r="D213" s="1">
        <v>2.63</v>
      </c>
      <c r="G213" s="1">
        <f t="shared" si="17"/>
        <v>2.63</v>
      </c>
      <c r="P213" s="1">
        <f t="shared" si="18"/>
        <v>0</v>
      </c>
    </row>
    <row r="214" spans="2:16" x14ac:dyDescent="0.3">
      <c r="B214" t="s">
        <v>279</v>
      </c>
      <c r="C214" t="s">
        <v>69</v>
      </c>
      <c r="D214" s="1">
        <v>-517.30999999999995</v>
      </c>
      <c r="F214" s="1">
        <v>517.30999999999995</v>
      </c>
      <c r="G214" s="1">
        <f t="shared" si="17"/>
        <v>0</v>
      </c>
      <c r="P214" s="1">
        <f t="shared" si="18"/>
        <v>0</v>
      </c>
    </row>
    <row r="215" spans="2:16" x14ac:dyDescent="0.3">
      <c r="B215" t="s">
        <v>279</v>
      </c>
      <c r="C215" t="s">
        <v>70</v>
      </c>
      <c r="D215" s="1">
        <v>29453.83</v>
      </c>
      <c r="F215" s="1">
        <v>-29693.37</v>
      </c>
      <c r="G215" s="1">
        <f t="shared" si="17"/>
        <v>-239.53999999999724</v>
      </c>
      <c r="J215" s="1">
        <v>160.53</v>
      </c>
      <c r="O215" s="1">
        <v>20.41</v>
      </c>
      <c r="P215" s="1">
        <f t="shared" si="18"/>
        <v>180.94</v>
      </c>
    </row>
    <row r="216" spans="2:16" x14ac:dyDescent="0.3">
      <c r="B216" t="s">
        <v>279</v>
      </c>
      <c r="C216" t="s">
        <v>197</v>
      </c>
      <c r="D216" s="1">
        <v>71457.55</v>
      </c>
      <c r="G216" s="1">
        <f t="shared" si="17"/>
        <v>71457.55</v>
      </c>
      <c r="P216" s="1">
        <f t="shared" si="18"/>
        <v>0</v>
      </c>
    </row>
    <row r="217" spans="2:16" x14ac:dyDescent="0.3">
      <c r="B217" t="s">
        <v>279</v>
      </c>
      <c r="C217" t="s">
        <v>198</v>
      </c>
      <c r="D217" s="1">
        <v>71596.460000000006</v>
      </c>
      <c r="F217" s="1">
        <v>4441.6000000000004</v>
      </c>
      <c r="G217" s="1">
        <f t="shared" si="17"/>
        <v>76038.060000000012</v>
      </c>
      <c r="P217" s="1">
        <f t="shared" si="18"/>
        <v>0</v>
      </c>
    </row>
    <row r="218" spans="2:16" x14ac:dyDescent="0.3">
      <c r="B218" t="s">
        <v>279</v>
      </c>
      <c r="C218" t="s">
        <v>199</v>
      </c>
      <c r="D218" s="1">
        <v>63460.82</v>
      </c>
      <c r="F218" s="1">
        <v>2818.14</v>
      </c>
      <c r="G218" s="1">
        <f t="shared" si="17"/>
        <v>66278.960000000006</v>
      </c>
      <c r="P218" s="1">
        <f t="shared" si="18"/>
        <v>0</v>
      </c>
    </row>
    <row r="219" spans="2:16" x14ac:dyDescent="0.3">
      <c r="B219" t="s">
        <v>279</v>
      </c>
      <c r="C219" t="s">
        <v>200</v>
      </c>
      <c r="D219" s="1">
        <v>61811.47</v>
      </c>
      <c r="G219" s="1">
        <f t="shared" si="17"/>
        <v>61811.47</v>
      </c>
      <c r="P219" s="1">
        <f t="shared" si="18"/>
        <v>0</v>
      </c>
    </row>
    <row r="220" spans="2:16" x14ac:dyDescent="0.3">
      <c r="B220" t="s">
        <v>279</v>
      </c>
      <c r="C220" t="s">
        <v>201</v>
      </c>
      <c r="D220" s="1">
        <v>67274.52</v>
      </c>
      <c r="F220" s="1">
        <v>4886.0200000000004</v>
      </c>
      <c r="G220" s="1">
        <f t="shared" si="17"/>
        <v>72160.540000000008</v>
      </c>
      <c r="P220" s="1">
        <f t="shared" si="18"/>
        <v>0</v>
      </c>
    </row>
    <row r="221" spans="2:16" x14ac:dyDescent="0.3">
      <c r="B221" t="s">
        <v>279</v>
      </c>
      <c r="C221" t="s">
        <v>202</v>
      </c>
      <c r="D221" s="1">
        <v>78596.539999999994</v>
      </c>
      <c r="F221" s="1">
        <v>3569.34</v>
      </c>
      <c r="G221" s="1">
        <f t="shared" si="17"/>
        <v>82165.87999999999</v>
      </c>
      <c r="P221" s="1">
        <f t="shared" si="18"/>
        <v>0</v>
      </c>
    </row>
    <row r="222" spans="2:16" x14ac:dyDescent="0.3">
      <c r="B222" t="s">
        <v>279</v>
      </c>
      <c r="C222" t="s">
        <v>203</v>
      </c>
      <c r="D222" s="1">
        <v>58734.28</v>
      </c>
      <c r="F222" s="1">
        <v>31.19</v>
      </c>
      <c r="G222" s="1">
        <f t="shared" si="17"/>
        <v>58765.47</v>
      </c>
      <c r="P222" s="1">
        <f t="shared" si="18"/>
        <v>0</v>
      </c>
    </row>
    <row r="223" spans="2:16" x14ac:dyDescent="0.3">
      <c r="B223" t="s">
        <v>279</v>
      </c>
      <c r="C223" t="s">
        <v>204</v>
      </c>
      <c r="D223" s="1">
        <v>56708.4</v>
      </c>
      <c r="F223" s="1">
        <v>250.99</v>
      </c>
      <c r="G223" s="1">
        <f t="shared" si="17"/>
        <v>56959.39</v>
      </c>
      <c r="P223" s="1">
        <f t="shared" si="18"/>
        <v>0</v>
      </c>
    </row>
    <row r="224" spans="2:16" x14ac:dyDescent="0.3">
      <c r="B224" t="s">
        <v>279</v>
      </c>
      <c r="C224" t="s">
        <v>205</v>
      </c>
      <c r="D224" s="1">
        <v>61126.22</v>
      </c>
      <c r="F224" s="1">
        <v>3353.38</v>
      </c>
      <c r="G224" s="1">
        <f t="shared" si="17"/>
        <v>64479.6</v>
      </c>
      <c r="P224" s="1">
        <f t="shared" si="18"/>
        <v>0</v>
      </c>
    </row>
    <row r="225" spans="2:16" x14ac:dyDescent="0.3">
      <c r="B225" t="s">
        <v>279</v>
      </c>
      <c r="C225" t="s">
        <v>206</v>
      </c>
      <c r="D225" s="1">
        <v>77750.009999999995</v>
      </c>
      <c r="G225" s="1">
        <f t="shared" si="17"/>
        <v>77750.009999999995</v>
      </c>
      <c r="P225" s="1">
        <f t="shared" si="18"/>
        <v>0</v>
      </c>
    </row>
    <row r="226" spans="2:16" x14ac:dyDescent="0.3">
      <c r="B226" t="s">
        <v>279</v>
      </c>
      <c r="C226" t="s">
        <v>207</v>
      </c>
      <c r="D226" s="1">
        <v>63099.17</v>
      </c>
      <c r="G226" s="1">
        <f t="shared" si="17"/>
        <v>63099.17</v>
      </c>
      <c r="P226" s="1">
        <f t="shared" si="18"/>
        <v>0</v>
      </c>
    </row>
    <row r="227" spans="2:16" x14ac:dyDescent="0.3">
      <c r="B227" t="s">
        <v>279</v>
      </c>
      <c r="C227" t="s">
        <v>208</v>
      </c>
      <c r="D227" s="1">
        <v>73691.41</v>
      </c>
      <c r="G227" s="1">
        <f t="shared" si="17"/>
        <v>73691.41</v>
      </c>
      <c r="P227" s="1">
        <f t="shared" si="18"/>
        <v>0</v>
      </c>
    </row>
    <row r="228" spans="2:16" x14ac:dyDescent="0.3">
      <c r="B228" t="s">
        <v>279</v>
      </c>
      <c r="C228" t="s">
        <v>209</v>
      </c>
      <c r="D228" s="1">
        <v>63905.8</v>
      </c>
      <c r="F228" s="1">
        <v>1697.96</v>
      </c>
      <c r="G228" s="1">
        <f t="shared" si="17"/>
        <v>65603.760000000009</v>
      </c>
      <c r="P228" s="1">
        <f t="shared" si="18"/>
        <v>0</v>
      </c>
    </row>
    <row r="229" spans="2:16" x14ac:dyDescent="0.3">
      <c r="B229" t="s">
        <v>279</v>
      </c>
      <c r="C229" t="s">
        <v>210</v>
      </c>
      <c r="D229" s="1">
        <v>66630.399999999994</v>
      </c>
      <c r="F229" s="1">
        <v>2117.69</v>
      </c>
      <c r="G229" s="1">
        <f t="shared" si="17"/>
        <v>68748.09</v>
      </c>
      <c r="P229" s="1">
        <f t="shared" si="18"/>
        <v>0</v>
      </c>
    </row>
    <row r="230" spans="2:16" x14ac:dyDescent="0.3">
      <c r="B230" t="s">
        <v>279</v>
      </c>
      <c r="C230" t="s">
        <v>211</v>
      </c>
      <c r="D230" s="1">
        <v>102792.49</v>
      </c>
      <c r="F230" s="1">
        <v>4131.8999999999996</v>
      </c>
      <c r="G230" s="1">
        <f t="shared" si="17"/>
        <v>106924.39</v>
      </c>
      <c r="P230" s="1">
        <f t="shared" si="18"/>
        <v>0</v>
      </c>
    </row>
    <row r="231" spans="2:16" x14ac:dyDescent="0.3">
      <c r="B231" t="s">
        <v>279</v>
      </c>
      <c r="C231" t="s">
        <v>212</v>
      </c>
      <c r="D231" s="1">
        <v>82910.710000000006</v>
      </c>
      <c r="F231" s="1">
        <v>4443.33</v>
      </c>
      <c r="G231" s="1">
        <f t="shared" si="17"/>
        <v>87354.040000000008</v>
      </c>
      <c r="P231" s="1">
        <f t="shared" si="18"/>
        <v>0</v>
      </c>
    </row>
    <row r="232" spans="2:16" x14ac:dyDescent="0.3">
      <c r="B232" t="s">
        <v>279</v>
      </c>
      <c r="C232" t="s">
        <v>213</v>
      </c>
      <c r="D232" s="1">
        <v>71335.839999999997</v>
      </c>
      <c r="F232" s="1">
        <v>8191.62</v>
      </c>
      <c r="G232" s="1">
        <f t="shared" si="17"/>
        <v>79527.459999999992</v>
      </c>
      <c r="P232" s="1">
        <f t="shared" si="18"/>
        <v>0</v>
      </c>
    </row>
    <row r="233" spans="2:16" x14ac:dyDescent="0.3">
      <c r="B233" t="s">
        <v>279</v>
      </c>
      <c r="C233" t="s">
        <v>214</v>
      </c>
      <c r="D233" s="1">
        <v>76313.69</v>
      </c>
      <c r="F233" s="1">
        <v>5159.01</v>
      </c>
      <c r="G233" s="1">
        <f t="shared" si="17"/>
        <v>81472.7</v>
      </c>
      <c r="P233" s="1">
        <f t="shared" si="18"/>
        <v>0</v>
      </c>
    </row>
    <row r="234" spans="2:16" x14ac:dyDescent="0.3">
      <c r="B234" t="s">
        <v>279</v>
      </c>
      <c r="C234" t="s">
        <v>215</v>
      </c>
      <c r="D234" s="1">
        <v>83059.8</v>
      </c>
      <c r="F234" s="1">
        <v>43.87</v>
      </c>
      <c r="G234" s="1">
        <f t="shared" si="17"/>
        <v>83103.67</v>
      </c>
      <c r="P234" s="1">
        <f t="shared" si="18"/>
        <v>0</v>
      </c>
    </row>
    <row r="235" spans="2:16" x14ac:dyDescent="0.3">
      <c r="B235" t="s">
        <v>279</v>
      </c>
      <c r="C235" t="s">
        <v>216</v>
      </c>
      <c r="D235" s="1">
        <v>63547.839999999997</v>
      </c>
      <c r="F235" s="1">
        <v>1442.95</v>
      </c>
      <c r="G235" s="1">
        <f t="shared" si="17"/>
        <v>64990.789999999994</v>
      </c>
      <c r="P235" s="1">
        <f t="shared" si="18"/>
        <v>0</v>
      </c>
    </row>
    <row r="236" spans="2:16" x14ac:dyDescent="0.3">
      <c r="B236" t="s">
        <v>279</v>
      </c>
      <c r="C236" t="s">
        <v>217</v>
      </c>
      <c r="D236" s="1">
        <v>58906.85</v>
      </c>
      <c r="F236" s="1">
        <v>761.52</v>
      </c>
      <c r="G236" s="1">
        <f t="shared" si="17"/>
        <v>59668.369999999995</v>
      </c>
      <c r="P236" s="1">
        <f t="shared" si="18"/>
        <v>0</v>
      </c>
    </row>
    <row r="237" spans="2:16" x14ac:dyDescent="0.3">
      <c r="B237" t="s">
        <v>279</v>
      </c>
      <c r="C237" t="s">
        <v>218</v>
      </c>
      <c r="D237" s="1">
        <v>73704.850000000006</v>
      </c>
      <c r="F237" s="1">
        <v>421.68</v>
      </c>
      <c r="G237" s="1">
        <f t="shared" si="17"/>
        <v>74126.53</v>
      </c>
      <c r="P237" s="1">
        <f t="shared" si="18"/>
        <v>0</v>
      </c>
    </row>
    <row r="238" spans="2:16" x14ac:dyDescent="0.3">
      <c r="B238" t="s">
        <v>279</v>
      </c>
      <c r="C238" t="s">
        <v>219</v>
      </c>
      <c r="D238" s="1">
        <v>71673.17</v>
      </c>
      <c r="F238" s="1">
        <v>1409.11</v>
      </c>
      <c r="G238" s="1">
        <f t="shared" si="17"/>
        <v>73082.28</v>
      </c>
      <c r="P238" s="1">
        <f t="shared" si="18"/>
        <v>0</v>
      </c>
    </row>
    <row r="239" spans="2:16" x14ac:dyDescent="0.3">
      <c r="B239" t="s">
        <v>279</v>
      </c>
      <c r="C239" t="s">
        <v>220</v>
      </c>
      <c r="D239" s="1">
        <v>68813.94</v>
      </c>
      <c r="F239" s="1">
        <v>1404.25</v>
      </c>
      <c r="G239" s="1">
        <f t="shared" si="17"/>
        <v>70218.19</v>
      </c>
      <c r="P239" s="1">
        <f t="shared" si="18"/>
        <v>0</v>
      </c>
    </row>
    <row r="240" spans="2:16" x14ac:dyDescent="0.3">
      <c r="B240" t="s">
        <v>279</v>
      </c>
      <c r="C240" t="s">
        <v>221</v>
      </c>
      <c r="D240" s="1">
        <v>69214.240000000005</v>
      </c>
      <c r="F240" s="1">
        <v>4128.03</v>
      </c>
      <c r="G240" s="1">
        <f t="shared" si="17"/>
        <v>73342.27</v>
      </c>
      <c r="P240" s="1">
        <f t="shared" si="18"/>
        <v>0</v>
      </c>
    </row>
    <row r="241" spans="2:16" x14ac:dyDescent="0.3">
      <c r="B241" t="s">
        <v>279</v>
      </c>
      <c r="C241" t="s">
        <v>222</v>
      </c>
      <c r="D241" s="1">
        <v>73417.95</v>
      </c>
      <c r="F241" s="1">
        <v>1672.04</v>
      </c>
      <c r="G241" s="1">
        <f t="shared" si="17"/>
        <v>75089.989999999991</v>
      </c>
      <c r="P241" s="1">
        <f t="shared" si="18"/>
        <v>0</v>
      </c>
    </row>
    <row r="242" spans="2:16" x14ac:dyDescent="0.3">
      <c r="B242" t="s">
        <v>279</v>
      </c>
      <c r="C242" t="s">
        <v>223</v>
      </c>
      <c r="D242" s="1">
        <v>56665.94</v>
      </c>
      <c r="F242" s="1">
        <v>531.14</v>
      </c>
      <c r="G242" s="1">
        <f t="shared" si="17"/>
        <v>57197.08</v>
      </c>
      <c r="P242" s="1">
        <f t="shared" si="18"/>
        <v>0</v>
      </c>
    </row>
    <row r="243" spans="2:16" x14ac:dyDescent="0.3">
      <c r="B243" t="s">
        <v>279</v>
      </c>
      <c r="C243" t="s">
        <v>224</v>
      </c>
      <c r="D243" s="1">
        <v>54752.22</v>
      </c>
      <c r="F243" s="1">
        <v>3664.29</v>
      </c>
      <c r="G243" s="1">
        <f t="shared" si="17"/>
        <v>58416.51</v>
      </c>
      <c r="P243" s="1">
        <f t="shared" si="18"/>
        <v>0</v>
      </c>
    </row>
    <row r="244" spans="2:16" x14ac:dyDescent="0.3">
      <c r="B244" t="s">
        <v>279</v>
      </c>
      <c r="C244" t="s">
        <v>225</v>
      </c>
      <c r="D244" s="1">
        <v>70639.600000000006</v>
      </c>
      <c r="F244" s="1">
        <v>2563.0300000000002</v>
      </c>
      <c r="G244" s="1">
        <f t="shared" si="17"/>
        <v>73202.63</v>
      </c>
      <c r="P244" s="1">
        <f t="shared" si="18"/>
        <v>0</v>
      </c>
    </row>
    <row r="245" spans="2:16" x14ac:dyDescent="0.3">
      <c r="B245" t="s">
        <v>279</v>
      </c>
      <c r="C245" t="s">
        <v>226</v>
      </c>
      <c r="D245" s="1">
        <v>61812.91</v>
      </c>
      <c r="F245" s="1">
        <v>2347.4699999999998</v>
      </c>
      <c r="G245" s="1">
        <f t="shared" si="17"/>
        <v>64160.380000000005</v>
      </c>
      <c r="P245" s="1">
        <f t="shared" si="18"/>
        <v>0</v>
      </c>
    </row>
    <row r="246" spans="2:16" x14ac:dyDescent="0.3">
      <c r="B246" t="s">
        <v>279</v>
      </c>
      <c r="C246" t="s">
        <v>227</v>
      </c>
      <c r="D246" s="1">
        <v>61556.800000000003</v>
      </c>
      <c r="F246" s="1">
        <v>2141.46</v>
      </c>
      <c r="G246" s="1">
        <f t="shared" si="17"/>
        <v>63698.26</v>
      </c>
      <c r="P246" s="1">
        <f t="shared" si="18"/>
        <v>0</v>
      </c>
    </row>
    <row r="247" spans="2:16" x14ac:dyDescent="0.3">
      <c r="B247" t="s">
        <v>279</v>
      </c>
      <c r="C247" t="s">
        <v>228</v>
      </c>
      <c r="D247" s="1">
        <v>66060.02</v>
      </c>
      <c r="F247" s="1">
        <v>4784.74</v>
      </c>
      <c r="G247" s="1">
        <f t="shared" si="17"/>
        <v>70844.760000000009</v>
      </c>
      <c r="P247" s="1">
        <f t="shared" si="18"/>
        <v>0</v>
      </c>
    </row>
    <row r="248" spans="2:16" x14ac:dyDescent="0.3">
      <c r="B248" t="s">
        <v>279</v>
      </c>
      <c r="C248" t="s">
        <v>229</v>
      </c>
      <c r="D248" s="1">
        <v>65193.32</v>
      </c>
      <c r="F248" s="1">
        <v>3937.49</v>
      </c>
      <c r="G248" s="1">
        <f t="shared" si="17"/>
        <v>69130.81</v>
      </c>
      <c r="P248" s="1">
        <f t="shared" si="18"/>
        <v>0</v>
      </c>
    </row>
    <row r="249" spans="2:16" x14ac:dyDescent="0.3">
      <c r="B249" t="s">
        <v>279</v>
      </c>
      <c r="C249" t="s">
        <v>230</v>
      </c>
      <c r="D249" s="1">
        <v>63568.45</v>
      </c>
      <c r="F249" s="1">
        <v>1739.05</v>
      </c>
      <c r="G249" s="1">
        <f t="shared" si="17"/>
        <v>65307.5</v>
      </c>
      <c r="P249" s="1">
        <f t="shared" si="18"/>
        <v>0</v>
      </c>
    </row>
    <row r="250" spans="2:16" x14ac:dyDescent="0.3">
      <c r="B250" t="s">
        <v>279</v>
      </c>
      <c r="C250" t="s">
        <v>231</v>
      </c>
      <c r="D250" s="1">
        <v>72212.59</v>
      </c>
      <c r="F250" s="1">
        <v>821.2</v>
      </c>
      <c r="G250" s="1">
        <f t="shared" si="17"/>
        <v>73033.789999999994</v>
      </c>
      <c r="P250" s="1">
        <f t="shared" si="18"/>
        <v>0</v>
      </c>
    </row>
    <row r="251" spans="2:16" x14ac:dyDescent="0.3">
      <c r="B251" t="s">
        <v>279</v>
      </c>
      <c r="C251" t="s">
        <v>232</v>
      </c>
      <c r="D251" s="1">
        <v>71026.3</v>
      </c>
      <c r="F251" s="1">
        <v>606.79</v>
      </c>
      <c r="G251" s="1">
        <f t="shared" si="17"/>
        <v>71633.09</v>
      </c>
      <c r="P251" s="1">
        <f t="shared" si="18"/>
        <v>0</v>
      </c>
    </row>
    <row r="252" spans="2:16" x14ac:dyDescent="0.3">
      <c r="B252" t="s">
        <v>279</v>
      </c>
      <c r="C252" t="s">
        <v>233</v>
      </c>
      <c r="D252" s="1">
        <v>76257.8</v>
      </c>
      <c r="F252" s="1">
        <v>3338.9</v>
      </c>
      <c r="G252" s="1">
        <f t="shared" si="17"/>
        <v>79596.7</v>
      </c>
      <c r="P252" s="1">
        <f t="shared" si="18"/>
        <v>0</v>
      </c>
    </row>
    <row r="253" spans="2:16" x14ac:dyDescent="0.3">
      <c r="B253" t="s">
        <v>279</v>
      </c>
      <c r="C253" t="s">
        <v>234</v>
      </c>
      <c r="D253" s="1">
        <v>61611.97</v>
      </c>
      <c r="F253" s="1">
        <v>1232.0999999999999</v>
      </c>
      <c r="G253" s="1">
        <f t="shared" si="17"/>
        <v>62844.07</v>
      </c>
      <c r="P253" s="1">
        <f t="shared" si="18"/>
        <v>0</v>
      </c>
    </row>
    <row r="254" spans="2:16" x14ac:dyDescent="0.3">
      <c r="B254" t="s">
        <v>279</v>
      </c>
      <c r="C254" t="s">
        <v>235</v>
      </c>
      <c r="D254" s="1">
        <v>2804.93</v>
      </c>
      <c r="F254" s="1">
        <v>119.11</v>
      </c>
      <c r="G254" s="1">
        <f t="shared" si="17"/>
        <v>2924.04</v>
      </c>
      <c r="P254" s="1">
        <f t="shared" si="18"/>
        <v>0</v>
      </c>
    </row>
    <row r="255" spans="2:16" x14ac:dyDescent="0.3">
      <c r="B255" t="s">
        <v>279</v>
      </c>
      <c r="C255" t="s">
        <v>236</v>
      </c>
      <c r="D255" s="1">
        <v>59228.71</v>
      </c>
      <c r="F255" s="1">
        <v>850.67</v>
      </c>
      <c r="G255" s="1">
        <f t="shared" si="17"/>
        <v>60079.38</v>
      </c>
      <c r="P255" s="1">
        <f t="shared" si="18"/>
        <v>0</v>
      </c>
    </row>
    <row r="256" spans="2:16" x14ac:dyDescent="0.3">
      <c r="B256" t="s">
        <v>279</v>
      </c>
      <c r="C256" t="s">
        <v>237</v>
      </c>
      <c r="D256" s="1">
        <v>89881.21</v>
      </c>
      <c r="F256" s="1">
        <v>3310.63</v>
      </c>
      <c r="G256" s="1">
        <f t="shared" si="17"/>
        <v>93191.840000000011</v>
      </c>
      <c r="P256" s="1">
        <f t="shared" si="18"/>
        <v>0</v>
      </c>
    </row>
    <row r="257" spans="2:16" x14ac:dyDescent="0.3">
      <c r="B257" t="s">
        <v>279</v>
      </c>
      <c r="C257" t="s">
        <v>238</v>
      </c>
      <c r="D257" s="1">
        <v>57252.99</v>
      </c>
      <c r="F257" s="1">
        <v>2010.73</v>
      </c>
      <c r="G257" s="1">
        <f t="shared" si="17"/>
        <v>59263.72</v>
      </c>
      <c r="P257" s="1">
        <f t="shared" si="18"/>
        <v>0</v>
      </c>
    </row>
    <row r="258" spans="2:16" x14ac:dyDescent="0.3">
      <c r="B258" t="s">
        <v>279</v>
      </c>
      <c r="C258" t="s">
        <v>239</v>
      </c>
      <c r="D258" s="1">
        <v>57720.33</v>
      </c>
      <c r="F258" s="1">
        <v>4014.81</v>
      </c>
      <c r="G258" s="1">
        <f t="shared" si="17"/>
        <v>61735.14</v>
      </c>
      <c r="P258" s="1">
        <f t="shared" si="18"/>
        <v>0</v>
      </c>
    </row>
    <row r="259" spans="2:16" x14ac:dyDescent="0.3">
      <c r="B259" t="s">
        <v>279</v>
      </c>
      <c r="C259" t="s">
        <v>240</v>
      </c>
      <c r="D259" s="1">
        <v>59035.24</v>
      </c>
      <c r="F259" s="1">
        <v>1488.08</v>
      </c>
      <c r="G259" s="1">
        <f t="shared" si="17"/>
        <v>60523.32</v>
      </c>
      <c r="P259" s="1">
        <f t="shared" si="18"/>
        <v>0</v>
      </c>
    </row>
    <row r="260" spans="2:16" x14ac:dyDescent="0.3">
      <c r="B260" t="s">
        <v>279</v>
      </c>
      <c r="C260" t="s">
        <v>241</v>
      </c>
      <c r="D260" s="1">
        <v>62937.46</v>
      </c>
      <c r="F260" s="1">
        <v>4215.9399999999996</v>
      </c>
      <c r="G260" s="1">
        <f t="shared" si="17"/>
        <v>67153.399999999994</v>
      </c>
      <c r="P260" s="1">
        <f t="shared" si="18"/>
        <v>0</v>
      </c>
    </row>
    <row r="261" spans="2:16" x14ac:dyDescent="0.3">
      <c r="B261" t="s">
        <v>279</v>
      </c>
      <c r="C261" t="s">
        <v>242</v>
      </c>
      <c r="D261" s="1">
        <v>25305.7</v>
      </c>
      <c r="F261" s="1">
        <v>3661.02</v>
      </c>
      <c r="G261" s="1">
        <f t="shared" si="17"/>
        <v>28966.720000000001</v>
      </c>
      <c r="P261" s="1">
        <f t="shared" si="18"/>
        <v>0</v>
      </c>
    </row>
    <row r="262" spans="2:16" x14ac:dyDescent="0.3">
      <c r="B262" t="s">
        <v>279</v>
      </c>
      <c r="C262" t="s">
        <v>243</v>
      </c>
      <c r="D262" s="1">
        <v>68232.14</v>
      </c>
      <c r="F262" s="1">
        <v>1.1599999999999999</v>
      </c>
      <c r="G262" s="1">
        <f t="shared" si="17"/>
        <v>68233.3</v>
      </c>
      <c r="P262" s="1">
        <f t="shared" si="18"/>
        <v>0</v>
      </c>
    </row>
    <row r="263" spans="2:16" x14ac:dyDescent="0.3">
      <c r="B263" t="s">
        <v>279</v>
      </c>
      <c r="C263" t="s">
        <v>71</v>
      </c>
      <c r="D263" s="1">
        <v>92885.38</v>
      </c>
      <c r="F263" s="1">
        <v>1942.09</v>
      </c>
      <c r="G263" s="1">
        <f t="shared" si="17"/>
        <v>94827.47</v>
      </c>
      <c r="J263" s="1">
        <v>-234.78</v>
      </c>
      <c r="O263" s="1">
        <v>5923.71</v>
      </c>
      <c r="P263" s="1">
        <f t="shared" si="18"/>
        <v>5688.93</v>
      </c>
    </row>
    <row r="264" spans="2:16" x14ac:dyDescent="0.3">
      <c r="B264" s="29" t="s">
        <v>291</v>
      </c>
      <c r="C264" s="29"/>
      <c r="D264" s="30">
        <f>SUM(D57:D263)</f>
        <v>7276777.0799999973</v>
      </c>
      <c r="E264" s="30">
        <f t="shared" ref="E264:P264" si="19">SUM(E57:E263)</f>
        <v>0</v>
      </c>
      <c r="F264" s="30">
        <f t="shared" si="19"/>
        <v>651221.15000000014</v>
      </c>
      <c r="G264" s="30">
        <f t="shared" si="19"/>
        <v>7927998.2299999958</v>
      </c>
      <c r="H264" s="30">
        <f t="shared" si="19"/>
        <v>0</v>
      </c>
      <c r="I264" s="30">
        <f t="shared" si="19"/>
        <v>0</v>
      </c>
      <c r="J264" s="30">
        <f t="shared" si="19"/>
        <v>391.36</v>
      </c>
      <c r="K264" s="30">
        <f t="shared" si="19"/>
        <v>0</v>
      </c>
      <c r="L264" s="30">
        <f t="shared" si="19"/>
        <v>0</v>
      </c>
      <c r="M264" s="30">
        <f t="shared" si="19"/>
        <v>0</v>
      </c>
      <c r="N264" s="30">
        <f t="shared" si="19"/>
        <v>0</v>
      </c>
      <c r="O264" s="30">
        <f t="shared" si="19"/>
        <v>5931.03</v>
      </c>
      <c r="P264" s="30">
        <f t="shared" si="19"/>
        <v>6322.39</v>
      </c>
    </row>
    <row r="265" spans="2:16" s="28" customFormat="1" ht="15" thickBot="1" x14ac:dyDescent="0.35">
      <c r="B265" s="31" t="s">
        <v>4</v>
      </c>
      <c r="C265" s="31"/>
      <c r="D265" s="32"/>
      <c r="E265" s="32"/>
      <c r="F265" s="32"/>
      <c r="G265" s="32">
        <f>G13+G56+G264</f>
        <v>11230562.842999995</v>
      </c>
      <c r="H265" s="32"/>
      <c r="I265" s="32"/>
      <c r="J265" s="32"/>
      <c r="K265" s="32"/>
      <c r="L265" s="32"/>
      <c r="M265" s="32"/>
      <c r="N265" s="32"/>
      <c r="O265" s="32"/>
      <c r="P265" s="32">
        <f>P13+P56+P264</f>
        <v>84862.05</v>
      </c>
    </row>
    <row r="266" spans="2:16" ht="15" thickTop="1" x14ac:dyDescent="0.3"/>
  </sheetData>
  <mergeCells count="2">
    <mergeCell ref="D3:F3"/>
    <mergeCell ref="H3:O3"/>
  </mergeCells>
  <pageMargins left="0.45" right="0.45" top="0.75" bottom="0.25" header="0.3" footer="0.3"/>
  <pageSetup scale="35" fitToHeight="0" orientation="landscape" horizontalDpi="90" verticalDpi="90" r:id="rId1"/>
  <headerFooter>
    <oddHeader>&amp;R&amp;"Times New Roman,Bold"KyPSC Case No. 2024-00354
STAFF-DR-01-009 Attachment 
Page &amp;P of &amp;N</oddHeader>
  </headerFooter>
  <rowBreaks count="1" manualBreakCount="1">
    <brk id="56" max="16383" man="1"/>
  </rowBreaks>
  <colBreaks count="1" manualBreakCount="1">
    <brk id="7" max="1048575" man="1"/>
  </colBreaks>
  <ignoredErrors>
    <ignoredError sqref="D4:P4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580797-EE73-45B5-B994-9221C5C6E030}">
  <sheetPr>
    <pageSetUpPr fitToPage="1"/>
  </sheetPr>
  <dimension ref="A3:C10"/>
  <sheetViews>
    <sheetView showGridLines="0" view="pageLayout" zoomScaleNormal="100" workbookViewId="0">
      <selection activeCell="B17" sqref="B17"/>
    </sheetView>
  </sheetViews>
  <sheetFormatPr defaultRowHeight="14.4" x14ac:dyDescent="0.3"/>
  <cols>
    <col min="1" max="1" width="43.109375" bestFit="1" customWidth="1"/>
    <col min="2" max="2" width="21.44140625" customWidth="1"/>
    <col min="3" max="3" width="19.5546875" customWidth="1"/>
  </cols>
  <sheetData>
    <row r="3" spans="1:3" ht="15.6" x14ac:dyDescent="0.3">
      <c r="A3" s="6" t="s">
        <v>284</v>
      </c>
      <c r="B3" s="7" t="s">
        <v>0</v>
      </c>
      <c r="C3" s="7" t="s">
        <v>12</v>
      </c>
    </row>
    <row r="4" spans="1:3" x14ac:dyDescent="0.3">
      <c r="A4" t="s">
        <v>285</v>
      </c>
      <c r="B4" s="8" t="s">
        <v>292</v>
      </c>
      <c r="C4" s="8" t="s">
        <v>292</v>
      </c>
    </row>
    <row r="5" spans="1:3" x14ac:dyDescent="0.3">
      <c r="A5" s="9" t="s">
        <v>278</v>
      </c>
      <c r="B5" s="10">
        <f>SUM(B6:B8)</f>
        <v>26.054339500000001</v>
      </c>
      <c r="C5" s="10">
        <f>SUM(C6:C8)</f>
        <v>0.66550399999999998</v>
      </c>
    </row>
    <row r="6" spans="1:3" ht="16.2" x14ac:dyDescent="0.3">
      <c r="A6" s="11" t="s">
        <v>286</v>
      </c>
      <c r="B6" s="12">
        <v>1.15097326</v>
      </c>
      <c r="C6" s="12">
        <v>0.19982700000000003</v>
      </c>
    </row>
    <row r="7" spans="1:3" x14ac:dyDescent="0.3">
      <c r="A7" s="13" t="s">
        <v>287</v>
      </c>
      <c r="B7" s="12">
        <v>12.06342529</v>
      </c>
      <c r="C7" s="12">
        <v>9.6413999999999986E-2</v>
      </c>
    </row>
    <row r="8" spans="1:3" x14ac:dyDescent="0.3">
      <c r="A8" s="13" t="s">
        <v>288</v>
      </c>
      <c r="B8" s="12">
        <v>12.839940950000001</v>
      </c>
      <c r="C8" s="12">
        <v>0.36926299999999995</v>
      </c>
    </row>
    <row r="10" spans="1:3" x14ac:dyDescent="0.3">
      <c r="A10" s="14" t="s">
        <v>282</v>
      </c>
      <c r="B10" s="15"/>
    </row>
  </sheetData>
  <pageMargins left="0.45" right="0.45" top="1.1583333333333334" bottom="0.25" header="0.3" footer="0.3"/>
  <pageSetup fitToHeight="4000" orientation="portrait" horizontalDpi="90" verticalDpi="90" r:id="rId1"/>
  <headerFooter>
    <oddHeader>&amp;R&amp;"Times New Roman,Bold"KyPSC Case No. 2024-00354
STAFF-DR-01-009 Attachment
Page &amp;P of &amp;N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Comments xmlns="9d26d66c-7442-4f2f-84b5-fd9d62aa5613" xsi:nil="true"/>
    <Witness xmlns="9d26d66c-7442-4f2f-84b5-fd9d62aa5613">
      <UserInfo>
        <DisplayName>i:0#.f|membership|tripp.carpenter@duke-energy.com,#i:0#.f|membership|tripp.carpenter@duke-energy.com,#Tripp.Carpenter@duke-energy.com,#Tripp.Carpenter@duke-energy.com,#Carpenter, Tripp,#,#43612,#Dir Regional Fin Forecasting</DisplayName>
        <AccountId>25</AccountId>
        <AccountType/>
      </UserInfo>
      <UserInfo>
        <DisplayName>i:0#.f|membership|sharif.mitchell@duke-energy.com,#i:0#.f|membership|sharif.mitchell@duke-energy.com,#Sharif.Mitchell@duke-energy.com,#,#Mitchell, Sharif,#,#24022,#Mgr Accounting II</DisplayName>
        <AccountId>73</AccountId>
        <AccountType/>
      </UserInfo>
    </Witness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BA58AB4E1B78F4EAC56940670E852C9" ma:contentTypeVersion="7" ma:contentTypeDescription="Create a new document." ma:contentTypeScope="" ma:versionID="600b251c5eb6d0272f50c7e058eb6a26">
  <xsd:schema xmlns:xsd="http://www.w3.org/2001/XMLSchema" xmlns:xs="http://www.w3.org/2001/XMLSchema" xmlns:p="http://schemas.microsoft.com/office/2006/metadata/properties" xmlns:ns2="9d26d66c-7442-4f2f-84b5-fd9d62aa5613" targetNamespace="http://schemas.microsoft.com/office/2006/metadata/properties" ma:root="true" ma:fieldsID="872a615ce27d402cbaaabd509cbed71f" ns2:_="">
    <xsd:import namespace="9d26d66c-7442-4f2f-84b5-fd9d62aa561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Witness" minOccurs="0"/>
                <xsd:element ref="ns2:Comme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d26d66c-7442-4f2f-84b5-fd9d62aa561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Witness" ma:index="13" nillable="true" ma:displayName="Witness" ma:list="UserInfo" ma:SharePointGroup="0" ma:internalName="Witness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Comments" ma:index="14" nillable="true" ma:displayName="Comments" ma:format="Dropdown" ma:internalName="Comments">
      <xsd:simpleType>
        <xsd:restriction base="dms:Text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 ma:index="12" ma:displayName="Subject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18F3918-89B6-408D-8DF3-79B2D96A2B5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8D114E9-35EB-4AD6-8809-BCD349006DB8}">
  <ds:schemaRefs>
    <ds:schemaRef ds:uri="http://purl.org/dc/terms/"/>
    <ds:schemaRef ds:uri="http://schemas.openxmlformats.org/package/2006/metadata/core-properties"/>
    <ds:schemaRef ds:uri="http://purl.org/dc/elements/1.1/"/>
    <ds:schemaRef ds:uri="http://schemas.microsoft.com/office/2006/metadata/properties"/>
    <ds:schemaRef ds:uri="http://purl.org/dc/dcmitype/"/>
    <ds:schemaRef ds:uri="http://schemas.microsoft.com/office/2006/documentManagement/types"/>
    <ds:schemaRef ds:uri="http://schemas.microsoft.com/office/infopath/2007/PartnerControls"/>
    <ds:schemaRef ds:uri="9d26d66c-7442-4f2f-84b5-fd9d62aa5613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E7E584FF-EA7A-46E2-BCBE-9284105330E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d26d66c-7442-4f2f-84b5-fd9d62aa561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9(a) Response Pt 1</vt:lpstr>
      <vt:lpstr>9(a) Response Pt 2</vt:lpstr>
      <vt:lpstr>9(b) Response</vt:lpstr>
      <vt:lpstr>'9(a) Response Pt 2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subject>Smart Grid </dc:subject>
  <dc:creator>Shoemaker, Joe</dc:creator>
  <cp:lastModifiedBy>Sunderman, Minna</cp:lastModifiedBy>
  <cp:lastPrinted>2024-12-16T02:29:11Z</cp:lastPrinted>
  <dcterms:created xsi:type="dcterms:W3CDTF">2022-11-30T23:10:44Z</dcterms:created>
  <dcterms:modified xsi:type="dcterms:W3CDTF">2024-12-16T02:29:3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  <property fmtid="{D5CDD505-2E9C-101B-9397-08002B2CF9AE}" pid="4" name="ContentTypeId">
    <vt:lpwstr>0x0101005BA58AB4E1B78F4EAC56940670E852C9</vt:lpwstr>
  </property>
</Properties>
</file>